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2325"/>
  <workbookPr defaultThemeVersion="166925"/>
  <mc:AlternateContent xmlns:mc="http://schemas.openxmlformats.org/markup-compatibility/2006">
    <mc:Choice Requires="x15">
      <x15ac:absPath xmlns:x15ac="http://schemas.microsoft.com/office/spreadsheetml/2010/11/ac" url="H:\TI Corporativa\07 - SGSI\51 - Sentinella\DLP\"/>
    </mc:Choice>
  </mc:AlternateContent>
  <xr:revisionPtr revIDLastSave="0" documentId="8_{D70A7D60-3348-4269-80B5-5B7F2C2064F9}" xr6:coauthVersionLast="45" xr6:coauthVersionMax="45" xr10:uidLastSave="{00000000-0000-0000-0000-000000000000}"/>
  <bookViews>
    <workbookView xWindow="-24120" yWindow="-75" windowWidth="24240" windowHeight="13140"/>
  </bookViews>
  <sheets>
    <sheet name="01142020_AdHoc_b2378e15-633a-4c" sheetId="1" r:id="rId1"/>
  </sheets>
  <calcPr calcId="0"/>
</workbook>
</file>

<file path=xl/sharedStrings.xml><?xml version="1.0" encoding="utf-8"?>
<sst xmlns="http://schemas.openxmlformats.org/spreadsheetml/2006/main" count="1906203" uniqueCount="49867">
  <si>
    <t>#</t>
  </si>
  <si>
    <t>Generated</t>
  </si>
  <si>
    <t>Received</t>
  </si>
  <si>
    <t>Severity</t>
  </si>
  <si>
    <t>Status</t>
  </si>
  <si>
    <t>Manager</t>
  </si>
  <si>
    <t>Department</t>
  </si>
  <si>
    <t>Policy</t>
  </si>
  <si>
    <t>Product Entity/Endpoint</t>
  </si>
  <si>
    <t>Product</t>
  </si>
  <si>
    <t>Product/Endpoint IP</t>
  </si>
  <si>
    <t>Product/Endpoint MAC</t>
  </si>
  <si>
    <t>Managing Server</t>
  </si>
  <si>
    <t>Endpoint</t>
  </si>
  <si>
    <t>Incident Source (AD Account)</t>
  </si>
  <si>
    <t>Incident Source (Sender)</t>
  </si>
  <si>
    <t>WebSite</t>
  </si>
  <si>
    <t>Recipient</t>
  </si>
  <si>
    <t>Subject</t>
  </si>
  <si>
    <t>File Location</t>
  </si>
  <si>
    <t>File</t>
  </si>
  <si>
    <t>File/Data Size</t>
  </si>
  <si>
    <t>Rule</t>
  </si>
  <si>
    <t>Template</t>
  </si>
  <si>
    <t>Channel</t>
  </si>
  <si>
    <t>Destination</t>
  </si>
  <si>
    <t>Action</t>
  </si>
  <si>
    <t>Incidents</t>
  </si>
  <si>
    <t>Cloud Service Vendor</t>
  </si>
  <si>
    <t>12/31/2019 00:02:08</t>
  </si>
  <si>
    <t>12/31/2019 00:03:33</t>
  </si>
  <si>
    <t>Undefined</t>
  </si>
  <si>
    <t>New</t>
  </si>
  <si>
    <t>N/A</t>
  </si>
  <si>
    <t>UDPAVAP04</t>
  </si>
  <si>
    <t>OfficeScan</t>
  </si>
  <si>
    <t>10.200.67.219</t>
  </si>
  <si>
    <t>D0-94-66-B5-5D-AC</t>
  </si>
  <si>
    <t>UDPTCMAP01</t>
  </si>
  <si>
    <t>VOTORANT-SB017</t>
  </si>
  <si>
    <t>SISTEMA</t>
  </si>
  <si>
    <t>C:\Windows\System32\config\</t>
  </si>
  <si>
    <t>DRIVERS{fd9a35cb-49fe-11e9-aa2c-248a07783950}.TM.blf</t>
  </si>
  <si>
    <t>DLP_BV</t>
  </si>
  <si>
    <t>Algar_any</t>
  </si>
  <si>
    <t>SMB</t>
  </si>
  <si>
    <t>Logged</t>
  </si>
  <si>
    <t>12/31/2019 00:02:52</t>
  </si>
  <si>
    <t>10.200.66.96</t>
  </si>
  <si>
    <t>D0-94-66-B5-60-54</t>
  </si>
  <si>
    <t>VOTORANT-ACB019</t>
  </si>
  <si>
    <t>12/31/2019 00:02:10</t>
  </si>
  <si>
    <t>12/31/2019 00:05:33</t>
  </si>
  <si>
    <t>BANCO VOTORANTIM</t>
  </si>
  <si>
    <t>10.200.67.182</t>
  </si>
  <si>
    <t>78-2B-CB-C1-07-56</t>
  </si>
  <si>
    <t>VOTORANT-IB003</t>
  </si>
  <si>
    <t>camillarl</t>
  </si>
  <si>
    <t>https://outlook.office365.com/mapi/emsmdb/?mailboxid=77162096-c0b3-4a9d-88ca-b9268ce0500f@algartech.com</t>
  </si>
  <si>
    <t>body</t>
  </si>
  <si>
    <t>HTTPS</t>
  </si>
  <si>
    <t>12/31/2019 00:04:12</t>
  </si>
  <si>
    <t>12/31/2019 00:06:33</t>
  </si>
  <si>
    <t>10.200.67.110</t>
  </si>
  <si>
    <t>D0-94-66-B5-5D-59</t>
  </si>
  <si>
    <t>VOTORANT-PB017</t>
  </si>
  <si>
    <t>12/31/2019 00:04:15</t>
  </si>
  <si>
    <t>10.200.66.92</t>
  </si>
  <si>
    <t>D0-94-66-B5-5C-BF</t>
  </si>
  <si>
    <t>VOTORANT-AFB015</t>
  </si>
  <si>
    <t>12/31/2019 00:01:51</t>
  </si>
  <si>
    <t>12/31/2019 00:07:32</t>
  </si>
  <si>
    <t>10.200.66.26</t>
  </si>
  <si>
    <t>74-86-7A-FB-17-53</t>
  </si>
  <si>
    <t>VOTORANTS-JB031</t>
  </si>
  <si>
    <t>raicdf</t>
  </si>
  <si>
    <t>https://outlook.office365.com/mapi/emsmdb/?mailboxid=72ff94cc-38be-4102-b180-a6ad5c6232a9@algartech.com</t>
  </si>
  <si>
    <t>12/31/2019 00:05:51</t>
  </si>
  <si>
    <t>12/31/2019 00:03:04</t>
  </si>
  <si>
    <t>10.200.66.95</t>
  </si>
  <si>
    <t>D0-94-66-B5-4D-B2</t>
  </si>
  <si>
    <t>VOTORANT-AFB013</t>
  </si>
  <si>
    <t>12/31/2019 00:05:35</t>
  </si>
  <si>
    <t>10.200.66.77</t>
  </si>
  <si>
    <t>D0-94-66-B5-4E-6C</t>
  </si>
  <si>
    <t>VOTORANT-YB014</t>
  </si>
  <si>
    <t>12/31/2019 00:05:57</t>
  </si>
  <si>
    <t>10.200.67.43</t>
  </si>
  <si>
    <t>D0-94-66-B5-4D-6C</t>
  </si>
  <si>
    <t>VOTORANT-ABB014</t>
  </si>
  <si>
    <t>12/31/2019 00:08:33</t>
  </si>
  <si>
    <t>10.200.66.27</t>
  </si>
  <si>
    <t>D0-94-66-B5-4E-28</t>
  </si>
  <si>
    <t>VOTORANT-YB020</t>
  </si>
  <si>
    <t>12/31/2019 00:06:45</t>
  </si>
  <si>
    <t>10.200.66.97</t>
  </si>
  <si>
    <t>D0-94-66-B5-5A-F1</t>
  </si>
  <si>
    <t>VOTORANT-ACB020</t>
  </si>
  <si>
    <t>12/31/2019 00:06:35</t>
  </si>
  <si>
    <t>10.200.66.215</t>
  </si>
  <si>
    <t>D0-94-66-B5-70-18</t>
  </si>
  <si>
    <t>VOTORANT-AFB017</t>
  </si>
  <si>
    <t>10.200.66.71</t>
  </si>
  <si>
    <t>D0-94-66-B5-5C-AF</t>
  </si>
  <si>
    <t>VOTORANT-ACB017</t>
  </si>
  <si>
    <t>12/31/2019 00:03:08</t>
  </si>
  <si>
    <t>10.200.66.49</t>
  </si>
  <si>
    <t>D0-94-66-B5-52-D3</t>
  </si>
  <si>
    <t>VOTORANT-AFB016</t>
  </si>
  <si>
    <t>12/31/2019 00:06:37</t>
  </si>
  <si>
    <t>10.200.67.207</t>
  </si>
  <si>
    <t>D0-94-66-B5-52-D2</t>
  </si>
  <si>
    <t>VOTORANT-RB016</t>
  </si>
  <si>
    <t>12/31/2019 00:07:01</t>
  </si>
  <si>
    <t>10.200.67.103</t>
  </si>
  <si>
    <t>D0-94-66-B5-5E-06</t>
  </si>
  <si>
    <t>VOTORANT-AFB014</t>
  </si>
  <si>
    <t>12/31/2019 00:07:17</t>
  </si>
  <si>
    <t>12/31/2019 00:09:33</t>
  </si>
  <si>
    <t>10.200.67.106</t>
  </si>
  <si>
    <t>D0-94-66-B5-7F-97</t>
  </si>
  <si>
    <t>VOTORANT-SB018</t>
  </si>
  <si>
    <t>12/31/2019 00:08:27</t>
  </si>
  <si>
    <t>12/31/2019 00:10:33</t>
  </si>
  <si>
    <t>10.200.67.61</t>
  </si>
  <si>
    <t>D0-94-66-B5-5E-10</t>
  </si>
  <si>
    <t>VOTORANT-YB018</t>
  </si>
  <si>
    <t>12/31/2019 00:05:10</t>
  </si>
  <si>
    <t>12/31/2019 00:08:10</t>
  </si>
  <si>
    <t>12/31/2019 00:08:47</t>
  </si>
  <si>
    <t>10.200.67.220</t>
  </si>
  <si>
    <t>D0-94-66-B5-4C-06</t>
  </si>
  <si>
    <t>VOTORANT-SB016</t>
  </si>
  <si>
    <t>12/31/2019 00:06:50</t>
  </si>
  <si>
    <t>10.200.67.71</t>
  </si>
  <si>
    <t>D0-94-66-B5-7E-1E</t>
  </si>
  <si>
    <t>VOTORANT-YB015</t>
  </si>
  <si>
    <t>12/31/2019 00:08:13</t>
  </si>
  <si>
    <t>12/31/2019 00:11:33</t>
  </si>
  <si>
    <t>10.200.66.219</t>
  </si>
  <si>
    <t>D0-94-66-B5-70-B9</t>
  </si>
  <si>
    <t>VOTORANT-ABB017</t>
  </si>
  <si>
    <t>12/31/2019 00:08:11</t>
  </si>
  <si>
    <t>10.200.67.181</t>
  </si>
  <si>
    <t>D0-94-66-B5-5D-E9</t>
  </si>
  <si>
    <t>VOTORANT-YB013</t>
  </si>
  <si>
    <t>12/31/2019 00:07:51</t>
  </si>
  <si>
    <t>12/31/2019 00:12:34</t>
  </si>
  <si>
    <t>12/31/2019 00:08:57</t>
  </si>
  <si>
    <t>10.200.66.221</t>
  </si>
  <si>
    <t>D0-94-66-B5-48-21</t>
  </si>
  <si>
    <t>VOTORANT-ABB020</t>
  </si>
  <si>
    <t>12/31/2019 00:08:30</t>
  </si>
  <si>
    <t>12/31/2019 00:10:07</t>
  </si>
  <si>
    <t>10.200.67.105</t>
  </si>
  <si>
    <t>D0-94-66-B5-5D-AE</t>
  </si>
  <si>
    <t>VOTORANT-SB020</t>
  </si>
  <si>
    <t>12/31/2019 00:09:32</t>
  </si>
  <si>
    <t>12/31/2019 00:13:33</t>
  </si>
  <si>
    <t>12/31/2019 00:12:03</t>
  </si>
  <si>
    <t>12/31/2019 00:11:10</t>
  </si>
  <si>
    <t>12/31/2019 00:15:33</t>
  </si>
  <si>
    <t>12/31/2019 00:14:10</t>
  </si>
  <si>
    <t>12/31/2019 00:13:11</t>
  </si>
  <si>
    <t>10.200.66.89</t>
  </si>
  <si>
    <t>D0-94-66-B5-5D-62</t>
  </si>
  <si>
    <t>VOTORANT-ACB013</t>
  </si>
  <si>
    <t>12/31/2019 00:15:35</t>
  </si>
  <si>
    <t>12/31/2019 00:16:33</t>
  </si>
  <si>
    <t>10.200.66.223</t>
  </si>
  <si>
    <t>D0-94-66-B5-52-C7</t>
  </si>
  <si>
    <t>VOTORANT-ZB019</t>
  </si>
  <si>
    <t>12/31/2019 00:13:57</t>
  </si>
  <si>
    <t>10.200.66.214</t>
  </si>
  <si>
    <t>D0-94-66-B5-7F-BE</t>
  </si>
  <si>
    <t>VOTORANT-ACB018</t>
  </si>
  <si>
    <t>12/31/2019 00:11:52</t>
  </si>
  <si>
    <t>12/31/2019 00:17:34</t>
  </si>
  <si>
    <t>12/31/2019 00:13:51</t>
  </si>
  <si>
    <t>12/31/2019 00:13:32</t>
  </si>
  <si>
    <t>BRADESCO LEGADO CIELO</t>
  </si>
  <si>
    <t>10.200.66.187</t>
  </si>
  <si>
    <t>34-E6-D7-FC-5D-7E</t>
  </si>
  <si>
    <t>VOTORANT-VB017</t>
  </si>
  <si>
    <t>adrieledgc</t>
  </si>
  <si>
    <t>\\acsfs\profiles$\Adrieledgc\Downloads\</t>
  </si>
  <si>
    <t>07c39fd7-4865-4793-be1f-12c1f7cee45c.tmp</t>
  </si>
  <si>
    <t>CPF BRASIL</t>
  </si>
  <si>
    <t>\\acsfs\profiles$\Adrieledgc\Downloads\07c39fd7-4865-4793-be1f-12c1f7cee45c.tmp</t>
  </si>
  <si>
    <t>12/31/2019 00:13:08</t>
  </si>
  <si>
    <t>10.200.67.213</t>
  </si>
  <si>
    <t>D0-94-66-B5-7F-59</t>
  </si>
  <si>
    <t>VOTORANT-SB015</t>
  </si>
  <si>
    <t>12/31/2019 00:15:58</t>
  </si>
  <si>
    <t>12/31/2019 00:18:33</t>
  </si>
  <si>
    <t>10.200.66.212</t>
  </si>
  <si>
    <t>D0-94-66-B5-70-B8</t>
  </si>
  <si>
    <t>VOTORANT-ABB018</t>
  </si>
  <si>
    <t>12/31/2019 00:17:10</t>
  </si>
  <si>
    <t>12/31/2019 00:20:34</t>
  </si>
  <si>
    <t>12/31/2019 00:17:51</t>
  </si>
  <si>
    <t>12/31/2019 00:22:35</t>
  </si>
  <si>
    <t>12/31/2019 00:19:51</t>
  </si>
  <si>
    <t>12/31/2019 00:20:56</t>
  </si>
  <si>
    <t>12/31/2019 00:21:43</t>
  </si>
  <si>
    <t>12/31/2019 00:24:34</t>
  </si>
  <si>
    <t>12/31/2019 00:20:10</t>
  </si>
  <si>
    <t>12/31/2019 00:25:34</t>
  </si>
  <si>
    <t>12/31/2019 00:23:10</t>
  </si>
  <si>
    <t>12/31/2019 00:20:57</t>
  </si>
  <si>
    <t>12/31/2019 00:23:51</t>
  </si>
  <si>
    <t>12/31/2019 00:27:34</t>
  </si>
  <si>
    <t>12/31/2019 00:25:51</t>
  </si>
  <si>
    <t>12/31/2019 00:26:10</t>
  </si>
  <si>
    <t>12/31/2019 00:30:34</t>
  </si>
  <si>
    <t>12/31/2019 00:29:11</t>
  </si>
  <si>
    <t>12/31/2019 00:29:51</t>
  </si>
  <si>
    <t>12/31/2019 00:32:34</t>
  </si>
  <si>
    <t>12/31/2019 00:32:10</t>
  </si>
  <si>
    <t>12/31/2019 00:35:34</t>
  </si>
  <si>
    <t>12/31/2019 00:31:51</t>
  </si>
  <si>
    <t>12/31/2019 00:37:34</t>
  </si>
  <si>
    <t>12/31/2019 00:35:51</t>
  </si>
  <si>
    <t>12/31/2019 00:35:10</t>
  </si>
  <si>
    <t>12/31/2019 00:40:34</t>
  </si>
  <si>
    <t>12/31/2019 00:38:10</t>
  </si>
  <si>
    <t>12/31/2019 00:37:51</t>
  </si>
  <si>
    <t>12/31/2019 00:42:34</t>
  </si>
  <si>
    <t>12/31/2019 00:38:27</t>
  </si>
  <si>
    <t>marlyannegdls</t>
  </si>
  <si>
    <t>\\acsfs\profiles$\marlyannegdls\Downloads\</t>
  </si>
  <si>
    <t>4630e7d2-5bf0-47cc-84d6-a0b60d110ebb.tmp</t>
  </si>
  <si>
    <t>\\acsfs\profiles$\marlyannegdls\Downloads\4630e7d2-5bf0-47cc-84d6-a0b60d110ebb.tmp</t>
  </si>
  <si>
    <t>12/31/2019 00:43:46</t>
  </si>
  <si>
    <t>12/31/2019 00:45:34</t>
  </si>
  <si>
    <t>12/31/2019 00:41:11</t>
  </si>
  <si>
    <t>12/31/2019 00:44:10</t>
  </si>
  <si>
    <t>12/31/2019 00:41:51</t>
  </si>
  <si>
    <t>12/31/2019 00:47:33</t>
  </si>
  <si>
    <t>12/31/2019 00:43:51</t>
  </si>
  <si>
    <t>12/31/2019 00:47:10</t>
  </si>
  <si>
    <t>12/31/2019 00:50:34</t>
  </si>
  <si>
    <t>12/31/2019 00:48:35</t>
  </si>
  <si>
    <t>12/31/2019 00:51:34</t>
  </si>
  <si>
    <t>12/31/2019 00:47:51</t>
  </si>
  <si>
    <t>12/31/2019 00:52:34</t>
  </si>
  <si>
    <t>12/31/2019 00:49:51</t>
  </si>
  <si>
    <t>12/31/2019 00:51:29</t>
  </si>
  <si>
    <t>12/31/2019 00:53:34</t>
  </si>
  <si>
    <t>12/31/2019 00:50:10</t>
  </si>
  <si>
    <t>12/31/2019 00:55:34</t>
  </si>
  <si>
    <t>12/31/2019 00:53:11</t>
  </si>
  <si>
    <t>12/31/2019 00:53:51</t>
  </si>
  <si>
    <t>12/31/2019 00:57:33</t>
  </si>
  <si>
    <t>12/31/2019 00:55:51</t>
  </si>
  <si>
    <t>12/31/2019 00:56:06</t>
  </si>
  <si>
    <t>12/31/2019 00:56:11</t>
  </si>
  <si>
    <t>12/31/2019 01:00:33</t>
  </si>
  <si>
    <t>12/31/2019 00:59:11</t>
  </si>
  <si>
    <t>12/31/2019 00:59:51</t>
  </si>
  <si>
    <t>12/31/2019 01:12:33</t>
  </si>
  <si>
    <t>12/31/2019 01:01:12</t>
  </si>
  <si>
    <t>12/31/2019 01:02:11</t>
  </si>
  <si>
    <t>12/31/2019 01:02:35</t>
  </si>
  <si>
    <t>12/31/2019 01:13:33</t>
  </si>
  <si>
    <t>12/31/2019 01:07:39</t>
  </si>
  <si>
    <t>10.200.67.72</t>
  </si>
  <si>
    <t>D0-94-66-B5-7F-79</t>
  </si>
  <si>
    <t>VOTORANT-YB019</t>
  </si>
  <si>
    <t>12/31/2019 01:01:51</t>
  </si>
  <si>
    <t>12/31/2019 01:05:51</t>
  </si>
  <si>
    <t>12/31/2019 01:06:28</t>
  </si>
  <si>
    <t>12/31/2019 01:09:36</t>
  </si>
  <si>
    <t>12/31/2019 01:05:11</t>
  </si>
  <si>
    <t>12/31/2019 01:08:11</t>
  </si>
  <si>
    <t>12/31/2019 01:11:53</t>
  </si>
  <si>
    <t>12/31/2019 01:14:33</t>
  </si>
  <si>
    <t>10.200.66.81</t>
  </si>
  <si>
    <t>64-1C-67-9D-1B-E7</t>
  </si>
  <si>
    <t>VOTORANT-JB016</t>
  </si>
  <si>
    <t>12/31/2019 01:15:33</t>
  </si>
  <si>
    <t>12/31/2019 01:11:15</t>
  </si>
  <si>
    <t>12/31/2019 01:16:33</t>
  </si>
  <si>
    <t>12/31/2019 01:07:51</t>
  </si>
  <si>
    <t>12/31/2019 01:11:51</t>
  </si>
  <si>
    <t>12/31/2019 01:13:51</t>
  </si>
  <si>
    <t>12/31/2019 01:17:33</t>
  </si>
  <si>
    <t>12/31/2019 01:18:33</t>
  </si>
  <si>
    <t>12/31/2019 01:11:11</t>
  </si>
  <si>
    <t>12/31/2019 01:14:11</t>
  </si>
  <si>
    <t>12/31/2019 01:17:11</t>
  </si>
  <si>
    <t>12/31/2019 01:16:59</t>
  </si>
  <si>
    <t>12/31/2019 01:14:37</t>
  </si>
  <si>
    <t>12/31/2019 01:15:01</t>
  </si>
  <si>
    <t>12/31/2019 01:16:07</t>
  </si>
  <si>
    <t>12/31/2019 01:17:51</t>
  </si>
  <si>
    <t>12/31/2019 01:21:33</t>
  </si>
  <si>
    <t>12/31/2019 01:19:51</t>
  </si>
  <si>
    <t>12/31/2019 01:16:23</t>
  </si>
  <si>
    <t>12/31/2019 01:20:11</t>
  </si>
  <si>
    <t>12/31/2019 01:23:33</t>
  </si>
  <si>
    <t>12/31/2019 01:23:59</t>
  </si>
  <si>
    <t>12/31/2019 01:26:33</t>
  </si>
  <si>
    <t>12/31/2019 01:23:39</t>
  </si>
  <si>
    <t>12/31/2019 01:23:11</t>
  </si>
  <si>
    <t>12/31/2019 01:28:34</t>
  </si>
  <si>
    <t>12/31/2019 01:25:58</t>
  </si>
  <si>
    <t>12/31/2019 01:26:11</t>
  </si>
  <si>
    <t>12/31/2019 01:27:57</t>
  </si>
  <si>
    <t>12/31/2019 01:29:33</t>
  </si>
  <si>
    <t>12/31/2019 01:25:52</t>
  </si>
  <si>
    <t>12/31/2019 01:31:33</t>
  </si>
  <si>
    <t>12/31/2019 01:29:52</t>
  </si>
  <si>
    <t>12/31/2019 01:31:11</t>
  </si>
  <si>
    <t>12/31/2019 01:33:33</t>
  </si>
  <si>
    <t>12/31/2019 01:32:11</t>
  </si>
  <si>
    <t>12/31/2019 01:32:34</t>
  </si>
  <si>
    <t>12/31/2019 01:35:33</t>
  </si>
  <si>
    <t>12/31/2019 01:31:52</t>
  </si>
  <si>
    <t>12/31/2019 01:36:34</t>
  </si>
  <si>
    <t>12/31/2019 01:37:33</t>
  </si>
  <si>
    <t>12/31/2019 01:37:11</t>
  </si>
  <si>
    <t>12/31/2019 01:38:34</t>
  </si>
  <si>
    <t>12/31/2019 01:35:52</t>
  </si>
  <si>
    <t>12/31/2019 01:41:33</t>
  </si>
  <si>
    <t>12/31/2019 01:36:00</t>
  </si>
  <si>
    <t>12/31/2019 01:36:01</t>
  </si>
  <si>
    <t>12/31/2019 01:36:02</t>
  </si>
  <si>
    <t>12/31/2019 01:36:03</t>
  </si>
  <si>
    <t>12/31/2019 01:36:05</t>
  </si>
  <si>
    <t>12/31/2019 01:36:06</t>
  </si>
  <si>
    <t>12/31/2019 01:37:52</t>
  </si>
  <si>
    <t>12/31/2019 01:38:11</t>
  </si>
  <si>
    <t>12/31/2019 01:43:33</t>
  </si>
  <si>
    <t>12/31/2019 01:41:52</t>
  </si>
  <si>
    <t>12/31/2019 01:46:33</t>
  </si>
  <si>
    <t>12/31/2019 01:43:52</t>
  </si>
  <si>
    <t>12/31/2019 01:43:12</t>
  </si>
  <si>
    <t>12/31/2019 01:48:33</t>
  </si>
  <si>
    <t>12/31/2019 01:44:11</t>
  </si>
  <si>
    <t>12/31/2019 01:47:52</t>
  </si>
  <si>
    <t>12/31/2019 01:51:33</t>
  </si>
  <si>
    <t>12/31/2019 01:49:52</t>
  </si>
  <si>
    <t>12/31/2019 01:47:43</t>
  </si>
  <si>
    <t>12/31/2019 01:52:33</t>
  </si>
  <si>
    <t>12/31/2019 01:49:11</t>
  </si>
  <si>
    <t>12/31/2019 01:53:33</t>
  </si>
  <si>
    <t>12/31/2019 01:50:11</t>
  </si>
  <si>
    <t>12/31/2019 01:53:52</t>
  </si>
  <si>
    <t>12/31/2019 01:56:33</t>
  </si>
  <si>
    <t>12/31/2019 01:55:12</t>
  </si>
  <si>
    <t>12/31/2019 01:58:33</t>
  </si>
  <si>
    <t>12/31/2019 01:56:12</t>
  </si>
  <si>
    <t>12/31/2019 01:57:41</t>
  </si>
  <si>
    <t>12/31/2019 02:00:33</t>
  </si>
  <si>
    <t>12/31/2019 01:55:52</t>
  </si>
  <si>
    <t>12/31/2019 02:01:33</t>
  </si>
  <si>
    <t>12/31/2019 01:59:52</t>
  </si>
  <si>
    <t>12/31/2019 02:01:12</t>
  </si>
  <si>
    <t>12/31/2019 02:03:32</t>
  </si>
  <si>
    <t>12/31/2019 02:02:12</t>
  </si>
  <si>
    <t>12/31/2019 02:01:52</t>
  </si>
  <si>
    <t>12/31/2019 02:06:33</t>
  </si>
  <si>
    <t>12/31/2019 02:07:12</t>
  </si>
  <si>
    <t>12/31/2019 02:08:33</t>
  </si>
  <si>
    <t>12/31/2019 02:05:52</t>
  </si>
  <si>
    <t>12/31/2019 02:11:33</t>
  </si>
  <si>
    <t>12/31/2019 02:07:53</t>
  </si>
  <si>
    <t>12/31/2019 02:08:18</t>
  </si>
  <si>
    <t>12/31/2019 02:13:33</t>
  </si>
  <si>
    <t>12/31/2019 02:07:37</t>
  </si>
  <si>
    <t>12/31/2019 02:08:12</t>
  </si>
  <si>
    <t>12/31/2019 02:11:52</t>
  </si>
  <si>
    <t>12/31/2019 02:16:33</t>
  </si>
  <si>
    <t>12/31/2019 02:13:52</t>
  </si>
  <si>
    <t>12/31/2019 02:13:25</t>
  </si>
  <si>
    <t>12/31/2019 02:15:01</t>
  </si>
  <si>
    <t>12/31/2019 02:17:33</t>
  </si>
  <si>
    <t>12/31/2019 02:13:12</t>
  </si>
  <si>
    <t>12/31/2019 02:18:33</t>
  </si>
  <si>
    <t>12/31/2019 02:14:12</t>
  </si>
  <si>
    <t>12/31/2019 02:17:52</t>
  </si>
  <si>
    <t>12/31/2019 02:21:33</t>
  </si>
  <si>
    <t>12/31/2019 02:19:52</t>
  </si>
  <si>
    <t>12/31/2019 02:19:12</t>
  </si>
  <si>
    <t>12/31/2019 02:23:33</t>
  </si>
  <si>
    <t>12/31/2019 02:20:12</t>
  </si>
  <si>
    <t>12/31/2019 02:21:16</t>
  </si>
  <si>
    <t>12/31/2019 02:24:33</t>
  </si>
  <si>
    <t>12/31/2019 02:23:52</t>
  </si>
  <si>
    <t>12/31/2019 02:26:33</t>
  </si>
  <si>
    <t>12/31/2019 02:24:08</t>
  </si>
  <si>
    <t>12/31/2019 02:25:12</t>
  </si>
  <si>
    <t>12/31/2019 02:28:33</t>
  </si>
  <si>
    <t>12/31/2019 02:26:12</t>
  </si>
  <si>
    <t>12/31/2019 02:25:53</t>
  </si>
  <si>
    <t>12/31/2019 02:31:33</t>
  </si>
  <si>
    <t>12/31/2019 02:29:52</t>
  </si>
  <si>
    <t>12/31/2019 02:31:12</t>
  </si>
  <si>
    <t>12/31/2019 02:33:33</t>
  </si>
  <si>
    <t>12/31/2019 02:32:12</t>
  </si>
  <si>
    <t>12/31/2019 02:31:52</t>
  </si>
  <si>
    <t>12/31/2019 02:36:33</t>
  </si>
  <si>
    <t>12/31/2019 02:37:12</t>
  </si>
  <si>
    <t>12/31/2019 02:38:33</t>
  </si>
  <si>
    <t>12/31/2019 02:35:13</t>
  </si>
  <si>
    <t>12/31/2019 02:40:33</t>
  </si>
  <si>
    <t>12/31/2019 02:35:52</t>
  </si>
  <si>
    <t>12/31/2019 02:41:33</t>
  </si>
  <si>
    <t>12/31/2019 02:37:53</t>
  </si>
  <si>
    <t>12/31/2019 02:37:13</t>
  </si>
  <si>
    <t>12/31/2019 02:38:12</t>
  </si>
  <si>
    <t>12/31/2019 02:43:34</t>
  </si>
  <si>
    <t>12/31/2019 02:41:52</t>
  </si>
  <si>
    <t>12/31/2019 02:46:34</t>
  </si>
  <si>
    <t>12/31/2019 02:43:52</t>
  </si>
  <si>
    <t>12/31/2019 02:43:12</t>
  </si>
  <si>
    <t>12/31/2019 02:48:33</t>
  </si>
  <si>
    <t>12/31/2019 02:44:12</t>
  </si>
  <si>
    <t>12/31/2019 02:47:51</t>
  </si>
  <si>
    <t>12/31/2019 02:44:24</t>
  </si>
  <si>
    <t>12/31/2019 02:47:52</t>
  </si>
  <si>
    <t>12/31/2019 02:51:34</t>
  </si>
  <si>
    <t>12/31/2019 02:49:52</t>
  </si>
  <si>
    <t>12/31/2019 02:47:10</t>
  </si>
  <si>
    <t>12/31/2019 02:52:34</t>
  </si>
  <si>
    <t>12/31/2019 02:49:12</t>
  </si>
  <si>
    <t>12/31/2019 02:53:34</t>
  </si>
  <si>
    <t>12/31/2019 02:50:12</t>
  </si>
  <si>
    <t>12/31/2019 02:53:52</t>
  </si>
  <si>
    <t>12/31/2019 02:56:34</t>
  </si>
  <si>
    <t>12/31/2019 02:55:12</t>
  </si>
  <si>
    <t>12/31/2019 02:58:35</t>
  </si>
  <si>
    <t>12/31/2019 02:56:12</t>
  </si>
  <si>
    <t>12/31/2019 02:54:31</t>
  </si>
  <si>
    <t>12/31/2019 02:59:34</t>
  </si>
  <si>
    <t>12/31/2019 02:55:52</t>
  </si>
  <si>
    <t>12/31/2019 03:01:34</t>
  </si>
  <si>
    <t>12/31/2019 02:56:24</t>
  </si>
  <si>
    <t>12/31/2019 03:01:12</t>
  </si>
  <si>
    <t>12/31/2019 03:03:34</t>
  </si>
  <si>
    <t>12/31/2019 03:02:12</t>
  </si>
  <si>
    <t>12/31/2019 03:01:27</t>
  </si>
  <si>
    <t>12/31/2019 03:05:34</t>
  </si>
  <si>
    <t>12/31/2019 03:01:53</t>
  </si>
  <si>
    <t>12/31/2019 03:06:35</t>
  </si>
  <si>
    <t>12/31/2019 03:02:37</t>
  </si>
  <si>
    <t>12/31/2019 03:07:34</t>
  </si>
  <si>
    <t>12/31/2019 03:07:12</t>
  </si>
  <si>
    <t>12/31/2019 03:08:34</t>
  </si>
  <si>
    <t>12/31/2019 03:05:29</t>
  </si>
  <si>
    <t>12/31/2019 03:04:06</t>
  </si>
  <si>
    <t>12/31/2019 03:07:53</t>
  </si>
  <si>
    <t>12/31/2019 03:11:34</t>
  </si>
  <si>
    <t>12/31/2019 03:07:20</t>
  </si>
  <si>
    <t>12/31/2019 03:08:12</t>
  </si>
  <si>
    <t>12/31/2019 03:13:34</t>
  </si>
  <si>
    <t>12/31/2019 03:15:08</t>
  </si>
  <si>
    <t>12/31/2019 03:15:34</t>
  </si>
  <si>
    <t>12/31/2019 03:13:53</t>
  </si>
  <si>
    <t>12/31/2019 03:16:33</t>
  </si>
  <si>
    <t>12/31/2019 03:13:55</t>
  </si>
  <si>
    <t>12/31/2019 03:14:54</t>
  </si>
  <si>
    <t>12/31/2019 03:18:34</t>
  </si>
  <si>
    <t>12/31/2019 03:13:12</t>
  </si>
  <si>
    <t>12/31/2019 03:14:12</t>
  </si>
  <si>
    <t>12/31/2019 03:20:23</t>
  </si>
  <si>
    <t>12/31/2019 03:21:33</t>
  </si>
  <si>
    <t>12/31/2019 03:19:53</t>
  </si>
  <si>
    <t>12/31/2019 03:17:16</t>
  </si>
  <si>
    <t>12/31/2019 03:22:33</t>
  </si>
  <si>
    <t>12/31/2019 03:19:32</t>
  </si>
  <si>
    <t>12/31/2019 03:23:34</t>
  </si>
  <si>
    <t>12/31/2019 03:19:12</t>
  </si>
  <si>
    <t>12/31/2019 03:20:12</t>
  </si>
  <si>
    <t>12/31/2019 03:18:47</t>
  </si>
  <si>
    <t>12/31/2019 03:20:21</t>
  </si>
  <si>
    <t>12/31/2019 03:23:17</t>
  </si>
  <si>
    <t>12/31/2019 03:25:33</t>
  </si>
  <si>
    <t>12/31/2019 03:27:33</t>
  </si>
  <si>
    <t>12/31/2019 03:23:32</t>
  </si>
  <si>
    <t>12/31/2019 03:25:12</t>
  </si>
  <si>
    <t>12/31/2019 03:28:34</t>
  </si>
  <si>
    <t>12/31/2019 03:26:12</t>
  </si>
  <si>
    <t>12/31/2019 03:25:46</t>
  </si>
  <si>
    <t>12/31/2019 03:26:58</t>
  </si>
  <si>
    <t>12/31/2019 03:27:22</t>
  </si>
  <si>
    <t>12/31/2019 03:25:39</t>
  </si>
  <si>
    <t>12/31/2019 03:29:33</t>
  </si>
  <si>
    <t>12/31/2019 03:25:53</t>
  </si>
  <si>
    <t>12/31/2019 03:31:33</t>
  </si>
  <si>
    <t>12/31/2019 03:29:06</t>
  </si>
  <si>
    <t>12/31/2019 03:32:34</t>
  </si>
  <si>
    <t>10.200.67.5</t>
  </si>
  <si>
    <t>34-E6-D7-FC-BF-4C</t>
  </si>
  <si>
    <t>VOTORANT-VB018</t>
  </si>
  <si>
    <t>cbf4dce2-9677-4bdc-b744-183b33a19a40.tmp</t>
  </si>
  <si>
    <t>\\acsfs\profiles$\Adrieledgc\Downloads\cbf4dce2-9677-4bdc-b744-183b33a19a40.tmp</t>
  </si>
  <si>
    <t>12/31/2019 03:30:06</t>
  </si>
  <si>
    <t>12/31/2019 03:28:14</t>
  </si>
  <si>
    <t>12/31/2019 03:31:12</t>
  </si>
  <si>
    <t>12/31/2019 03:33:33</t>
  </si>
  <si>
    <t>12/31/2019 03:32:12</t>
  </si>
  <si>
    <t>12/31/2019 03:28:40</t>
  </si>
  <si>
    <t>12/31/2019 03:32:33</t>
  </si>
  <si>
    <t>12/31/2019 03:31:53</t>
  </si>
  <si>
    <t>12/31/2019 03:36:33</t>
  </si>
  <si>
    <t>12/31/2019 03:35:06</t>
  </si>
  <si>
    <t>12/31/2019 03:37:33</t>
  </si>
  <si>
    <t>bd129819-0140-43eb-b652-420ffbf635ca.tmp</t>
  </si>
  <si>
    <t>\\acsfs\profiles$\Adrieledgc\Downloads\bd129819-0140-43eb-b652-420ffbf635ca.tmp</t>
  </si>
  <si>
    <t>12/31/2019 03:37:12</t>
  </si>
  <si>
    <t>12/31/2019 03:38:33</t>
  </si>
  <si>
    <t>12/31/2019 03:36:12</t>
  </si>
  <si>
    <t>12/31/2019 03:38:06</t>
  </si>
  <si>
    <t>12/31/2019 03:40:33</t>
  </si>
  <si>
    <t>12/31/2019 03:37:53</t>
  </si>
  <si>
    <t>12/31/2019 03:41:33</t>
  </si>
  <si>
    <t>12/31/2019 03:40:21</t>
  </si>
  <si>
    <t>12/31/2019 03:42:33</t>
  </si>
  <si>
    <t>12/31/2019 03:38:18</t>
  </si>
  <si>
    <t>935afbc9-e7c1-4c0f-a7c5-ce177d83bbc8.tmp</t>
  </si>
  <si>
    <t>\\acsfs\profiles$\marlyannegdls\Downloads\935afbc9-e7c1-4c0f-a7c5-ce177d83bbc8.tmp</t>
  </si>
  <si>
    <t>12/31/2019 03:38:12</t>
  </si>
  <si>
    <t>12/31/2019 03:43:33</t>
  </si>
  <si>
    <t>12/31/2019 03:39:59</t>
  </si>
  <si>
    <t>12/31/2019 03:45:33</t>
  </si>
  <si>
    <t>12/31/2019 03:42:18</t>
  </si>
  <si>
    <t>12/31/2019 03:46:33</t>
  </si>
  <si>
    <t>12/31/2019 03:43:53</t>
  </si>
  <si>
    <t>12/31/2019 03:42:27</t>
  </si>
  <si>
    <t>12/31/2019 03:47:33</t>
  </si>
  <si>
    <t>12/31/2019 03:43:13</t>
  </si>
  <si>
    <t>12/31/2019 03:48:33</t>
  </si>
  <si>
    <t>12/31/2019 03:44:12</t>
  </si>
  <si>
    <t>12/31/2019 03:44:54</t>
  </si>
  <si>
    <t>12/31/2019 03:48:59</t>
  </si>
  <si>
    <t>12/31/2019 03:50:33</t>
  </si>
  <si>
    <t>12/31/2019 03:46:55</t>
  </si>
  <si>
    <t>12/31/2019 03:51:33</t>
  </si>
  <si>
    <t>12/31/2019 03:49:53</t>
  </si>
  <si>
    <t>12/31/2019 03:49:12</t>
  </si>
  <si>
    <t>12/31/2019 03:53:33</t>
  </si>
  <si>
    <t>12/31/2019 03:50:12</t>
  </si>
  <si>
    <t>12/31/2019 03:51:53</t>
  </si>
  <si>
    <t>12/31/2019 03:49:55</t>
  </si>
  <si>
    <t>12/31/2019 03:52:56</t>
  </si>
  <si>
    <t>12/31/2019 03:56:33</t>
  </si>
  <si>
    <t>12/31/2019 03:56:38</t>
  </si>
  <si>
    <t>12/31/2019 03:57:33</t>
  </si>
  <si>
    <t>12/31/2019 03:54:11</t>
  </si>
  <si>
    <t>12/31/2019 03:55:12</t>
  </si>
  <si>
    <t>12/31/2019 03:58:33</t>
  </si>
  <si>
    <t>12/31/2019 03:56:12</t>
  </si>
  <si>
    <t>12/31/2019 03:56:06</t>
  </si>
  <si>
    <t>12/31/2019 04:00:33</t>
  </si>
  <si>
    <t>12/31/2019 04:00:03</t>
  </si>
  <si>
    <t>12/31/2019 03:55:53</t>
  </si>
  <si>
    <t>12/31/2019 04:01:33</t>
  </si>
  <si>
    <t>12/31/2019 03:58:49</t>
  </si>
  <si>
    <t>12/31/2019 04:02:34</t>
  </si>
  <si>
    <t>12/31/2019 04:01:13</t>
  </si>
  <si>
    <t>12/31/2019 04:03:33</t>
  </si>
  <si>
    <t>12/31/2019 04:02:13</t>
  </si>
  <si>
    <t>12/31/2019 04:01:53</t>
  </si>
  <si>
    <t>12/31/2019 04:06:33</t>
  </si>
  <si>
    <t>12/31/2019 04:02:01</t>
  </si>
  <si>
    <t>12/31/2019 04:07:33</t>
  </si>
  <si>
    <t>12/31/2019 04:07:13</t>
  </si>
  <si>
    <t>12/31/2019 04:08:33</t>
  </si>
  <si>
    <t>12/31/2019 04:07:54</t>
  </si>
  <si>
    <t>12/31/2019 04:11:33</t>
  </si>
  <si>
    <t>12/31/2019 04:08:13</t>
  </si>
  <si>
    <t>12/31/2019 04:13:33</t>
  </si>
  <si>
    <t>12/31/2019 04:13:53</t>
  </si>
  <si>
    <t>12/31/2019 04:16:33</t>
  </si>
  <si>
    <t>12/31/2019 04:14:28</t>
  </si>
  <si>
    <t>12/31/2019 04:17:34</t>
  </si>
  <si>
    <t>12/31/2019 04:14:14</t>
  </si>
  <si>
    <t>12/31/2019 04:13:13</t>
  </si>
  <si>
    <t>12/31/2019 04:18:33</t>
  </si>
  <si>
    <t>12/31/2019 04:14:13</t>
  </si>
  <si>
    <t>12/31/2019 04:13:41</t>
  </si>
  <si>
    <t>12/31/2019 04:14:34</t>
  </si>
  <si>
    <t>12/31/2019 04:19:33</t>
  </si>
  <si>
    <t>12/31/2019 04:19:53</t>
  </si>
  <si>
    <t>12/31/2019 04:21:33</t>
  </si>
  <si>
    <t>12/31/2019 04:19:13</t>
  </si>
  <si>
    <t>12/31/2019 04:23:33</t>
  </si>
  <si>
    <t>12/31/2019 04:20:13</t>
  </si>
  <si>
    <t>12/31/2019 04:25:54</t>
  </si>
  <si>
    <t>12/31/2019 04:26:33</t>
  </si>
  <si>
    <t>12/31/2019 04:23:50</t>
  </si>
  <si>
    <t>12/31/2019 04:27:34</t>
  </si>
  <si>
    <t>12/31/2019 04:25:13</t>
  </si>
  <si>
    <t>12/31/2019 04:28:33</t>
  </si>
  <si>
    <t>12/31/2019 04:26:13</t>
  </si>
  <si>
    <t>12/31/2019 04:31:13</t>
  </si>
  <si>
    <t>12/31/2019 04:33:33</t>
  </si>
  <si>
    <t>12/31/2019 04:32:13</t>
  </si>
  <si>
    <t>12/31/2019 04:31:22</t>
  </si>
  <si>
    <t>12/31/2019 04:35:33</t>
  </si>
  <si>
    <t>12/31/2019 04:31:54</t>
  </si>
  <si>
    <t>12/31/2019 04:36:33</t>
  </si>
  <si>
    <t>12/31/2019 04:33:15</t>
  </si>
  <si>
    <t>12/31/2019 04:37:32</t>
  </si>
  <si>
    <t>12/31/2019 04:35:14</t>
  </si>
  <si>
    <t>12/31/2019 04:34:47</t>
  </si>
  <si>
    <t>12/31/2019 04:38:33</t>
  </si>
  <si>
    <t>12/31/2019 04:37:13</t>
  </si>
  <si>
    <t>12/31/2019 04:37:54</t>
  </si>
  <si>
    <t>12/31/2019 04:41:33</t>
  </si>
  <si>
    <t>12/31/2019 04:38:13</t>
  </si>
  <si>
    <t>12/31/2019 04:43:33</t>
  </si>
  <si>
    <t>12/31/2019 04:42:00</t>
  </si>
  <si>
    <t>12/31/2019 04:45:33</t>
  </si>
  <si>
    <t>12/31/2019 04:43:54</t>
  </si>
  <si>
    <t>12/31/2019 04:46:33</t>
  </si>
  <si>
    <t>12/31/2019 04:47:32</t>
  </si>
  <si>
    <t>12/31/2019 04:46:17</t>
  </si>
  <si>
    <t>10.200.67.17</t>
  </si>
  <si>
    <t>78-2B-CB-C1-05-35</t>
  </si>
  <si>
    <t>VOTORANT-GB008</t>
  </si>
  <si>
    <t>danielpdl</t>
  </si>
  <si>
    <t>\\acsfs\profiles$\danielpdl\My Documents\xworkcenter\logs\</t>
  </si>
  <si>
    <t>XLOG_danielpdl_20122019_114737.log</t>
  </si>
  <si>
    <t>\\acsfs\profiles$\danielpdl\My Documents\xworkcenter\logs\XLOG_danielpdl_20122019_114737.log</t>
  </si>
  <si>
    <t>12/31/2019 04:43:14</t>
  </si>
  <si>
    <t>12/31/2019 04:48:32</t>
  </si>
  <si>
    <t>12/31/2019 04:44:13</t>
  </si>
  <si>
    <t>12/31/2019 04:47:44</t>
  </si>
  <si>
    <t>12/31/2019 04:45:02</t>
  </si>
  <si>
    <t>12/31/2019 04:48:45</t>
  </si>
  <si>
    <t>12/31/2019 04:51:33</t>
  </si>
  <si>
    <t>12/31/2019 04:49:54</t>
  </si>
  <si>
    <t>12/31/2019 04:49:13</t>
  </si>
  <si>
    <t>12/31/2019 04:53:33</t>
  </si>
  <si>
    <t>12/31/2019 04:50:13</t>
  </si>
  <si>
    <t>12/31/2019 04:50:25</t>
  </si>
  <si>
    <t>12/31/2019 04:50:39</t>
  </si>
  <si>
    <t>12/31/2019 04:55:54</t>
  </si>
  <si>
    <t>12/31/2019 04:56:34</t>
  </si>
  <si>
    <t>12/31/2019 04:55:11</t>
  </si>
  <si>
    <t>12/31/2019 04:55:13</t>
  </si>
  <si>
    <t>12/31/2019 04:58:34</t>
  </si>
  <si>
    <t>12/31/2019 04:56:13</t>
  </si>
  <si>
    <t>12/31/2019 04:59:33</t>
  </si>
  <si>
    <t>12/31/2019 05:04:34</t>
  </si>
  <si>
    <t>12/31/2019 05:01:13</t>
  </si>
  <si>
    <t>12/31/2019 05:02:13</t>
  </si>
  <si>
    <t>12/31/2019 04:58:58</t>
  </si>
  <si>
    <t>12/31/2019 04:59:32</t>
  </si>
  <si>
    <t>12/31/2019 05:01:54</t>
  </si>
  <si>
    <t>12/31/2019 05:06:34</t>
  </si>
  <si>
    <t>12/31/2019 05:04:32</t>
  </si>
  <si>
    <t>12/31/2019 05:02:22</t>
  </si>
  <si>
    <t>12/31/2019 05:07:34</t>
  </si>
  <si>
    <t>12/31/2019 05:04:04</t>
  </si>
  <si>
    <t>12/31/2019 05:08:34</t>
  </si>
  <si>
    <t>12/31/2019 05:09:35</t>
  </si>
  <si>
    <t>12/31/2019 05:07:13</t>
  </si>
  <si>
    <t>12/31/2019 05:08:13</t>
  </si>
  <si>
    <t>12/31/2019 05:07:55</t>
  </si>
  <si>
    <t>12/31/2019 05:11:34</t>
  </si>
  <si>
    <t>12/31/2019 05:08:51</t>
  </si>
  <si>
    <t>12/31/2019 05:13:13</t>
  </si>
  <si>
    <t>12/31/2019 05:14:34</t>
  </si>
  <si>
    <t>12/31/2019 05:13:54</t>
  </si>
  <si>
    <t>12/31/2019 05:16:35</t>
  </si>
  <si>
    <t>12/31/2019 05:15:11</t>
  </si>
  <si>
    <t>12/31/2019 05:18:34</t>
  </si>
  <si>
    <t>12/31/2019 05:14:13</t>
  </si>
  <si>
    <t>12/31/2019 05:19:34</t>
  </si>
  <si>
    <t>12/31/2019 05:19:54</t>
  </si>
  <si>
    <t>12/31/2019 05:21:35</t>
  </si>
  <si>
    <t>12/31/2019 05:18:33</t>
  </si>
  <si>
    <t>12/31/2019 05:23:34</t>
  </si>
  <si>
    <t>12/31/2019 05:19:13</t>
  </si>
  <si>
    <t>12/31/2019 05:24:34</t>
  </si>
  <si>
    <t>12/31/2019 05:20:13</t>
  </si>
  <si>
    <t>12/31/2019 05:22:36</t>
  </si>
  <si>
    <t>12/31/2019 05:25:54</t>
  </si>
  <si>
    <t>12/31/2019 05:26:34</t>
  </si>
  <si>
    <t>12/31/2019 05:25:13</t>
  </si>
  <si>
    <t>12/31/2019 05:29:35</t>
  </si>
  <si>
    <t>12/31/2019 05:26:14</t>
  </si>
  <si>
    <t>12/31/2019 05:31:14</t>
  </si>
  <si>
    <t>12/31/2019 05:34:35</t>
  </si>
  <si>
    <t>12/31/2019 05:32:14</t>
  </si>
  <si>
    <t>12/31/2019 05:31:03</t>
  </si>
  <si>
    <t>12/31/2019 05:35:34</t>
  </si>
  <si>
    <t>12/31/2019 05:34:03</t>
  </si>
  <si>
    <t>12/31/2019 05:31:54</t>
  </si>
  <si>
    <t>12/31/2019 05:36:34</t>
  </si>
  <si>
    <t>12/31/2019 05:35:48</t>
  </si>
  <si>
    <t>12/31/2019 05:39:34</t>
  </si>
  <si>
    <t>12/31/2019 05:35:49</t>
  </si>
  <si>
    <t>12/31/2019 05:35:50</t>
  </si>
  <si>
    <t>12/31/2019 05:35:52</t>
  </si>
  <si>
    <t>12/31/2019 05:35:53</t>
  </si>
  <si>
    <t>12/31/2019 05:35:54</t>
  </si>
  <si>
    <t>12/31/2019 05:35:56</t>
  </si>
  <si>
    <t>12/31/2019 05:35:57</t>
  </si>
  <si>
    <t>12/31/2019 05:35:58</t>
  </si>
  <si>
    <t>12/31/2019 05:36:00</t>
  </si>
  <si>
    <t>12/31/2019 05:36:01</t>
  </si>
  <si>
    <t>12/31/2019 05:36:02</t>
  </si>
  <si>
    <t>12/31/2019 05:37:14</t>
  </si>
  <si>
    <t>12/31/2019 05:36:25</t>
  </si>
  <si>
    <t>12/31/2019 05:36:24</t>
  </si>
  <si>
    <t>12/31/2019 05:40:34</t>
  </si>
  <si>
    <t>12/31/2019 05:37:53</t>
  </si>
  <si>
    <t>12/31/2019 05:41:35</t>
  </si>
  <si>
    <t>12/31/2019 05:41:14</t>
  </si>
  <si>
    <t>12/31/2019 05:44:34</t>
  </si>
  <si>
    <t>12/31/2019 05:43:14</t>
  </si>
  <si>
    <t>12/31/2019 05:43:52</t>
  </si>
  <si>
    <t>12/31/2019 05:46:34</t>
  </si>
  <si>
    <t>12/31/2019 05:43:26</t>
  </si>
  <si>
    <t>12/31/2019 05:47:34</t>
  </si>
  <si>
    <t>aff8257f-cbcc-496b-b97d-2466d8110e3d.tmp</t>
  </si>
  <si>
    <t>\\acsfs\profiles$\Adrieledgc\Downloads\aff8257f-cbcc-496b-b97d-2466d8110e3d.tmp</t>
  </si>
  <si>
    <t>12/31/2019 05:47:14</t>
  </si>
  <si>
    <t>12/31/2019 05:49:34</t>
  </si>
  <si>
    <t>12/31/2019 05:49:52</t>
  </si>
  <si>
    <t>12/31/2019 05:51:34</t>
  </si>
  <si>
    <t>12/31/2019 05:49:07</t>
  </si>
  <si>
    <t>12/31/2019 05:53:34</t>
  </si>
  <si>
    <t>12/31/2019 05:49:14</t>
  </si>
  <si>
    <t>12/31/2019 05:54:33</t>
  </si>
  <si>
    <t>12/31/2019 05:53:14</t>
  </si>
  <si>
    <t>12/31/2019 05:51:16</t>
  </si>
  <si>
    <t>12/31/2019 05:56:34</t>
  </si>
  <si>
    <t>12/31/2019 05:55:52</t>
  </si>
  <si>
    <t>12/31/2019 05:57:34</t>
  </si>
  <si>
    <t>c695f9c1-13a6-4c8f-a411-425ce50a18a5.tmp</t>
  </si>
  <si>
    <t>\\acsfs\profiles$\marlyannegdls\Downloads\c695f9c1-13a6-4c8f-a411-425ce50a18a5.tmp</t>
  </si>
  <si>
    <t>12/31/2019 05:54:46</t>
  </si>
  <si>
    <t>c6e87e03-c2b2-4e9e-b289-59ff3c0d1879.tmp</t>
  </si>
  <si>
    <t>\\acsfs\profiles$\marlyannegdls\Downloads\c6e87e03-c2b2-4e9e-b289-59ff3c0d1879.tmp</t>
  </si>
  <si>
    <t>12/31/2019 05:57:16</t>
  </si>
  <si>
    <t>12/31/2019 05:58:34</t>
  </si>
  <si>
    <t>12/31/2019 05:53:11</t>
  </si>
  <si>
    <t>CERRADO OPERACOES DE ESTABELECIMENTOS (EC)</t>
  </si>
  <si>
    <t>10.200.67.159</t>
  </si>
  <si>
    <t>D0-94-66-B5-5C-AB</t>
  </si>
  <si>
    <t>VOTORANT-ZB014</t>
  </si>
  <si>
    <t>brunaar</t>
  </si>
  <si>
    <t>\\acsfs\profiles$\BRUNAAR\Downloads\</t>
  </si>
  <si>
    <t>89668f27-ecbe-422c-90af-54df40ab13e7.tmp</t>
  </si>
  <si>
    <t>\\acsfs\profiles$\BRUNAAR\Downloads\89668f27-ecbe-422c-90af-54df40ab13e7.tmp</t>
  </si>
  <si>
    <t>12/31/2019 05:53:58</t>
  </si>
  <si>
    <t>12/31/2019 05:54:20</t>
  </si>
  <si>
    <t>fa7d53f7-7be8-41a6-8212-38cab205edab.tmp</t>
  </si>
  <si>
    <t>\\acsfs\profiles$\BRUNAAR\Downloads\fa7d53f7-7be8-41a6-8212-38cab205edab.tmp</t>
  </si>
  <si>
    <t>12/31/2019 05:55:14</t>
  </si>
  <si>
    <t>12/31/2019 05:59:35</t>
  </si>
  <si>
    <t>12/31/2019 05:57:13</t>
  </si>
  <si>
    <t>12/31/2019 06:01:34</t>
  </si>
  <si>
    <t>12/31/2019 05:59:14</t>
  </si>
  <si>
    <t>12/31/2019 06:04:34</t>
  </si>
  <si>
    <t>12/31/2019 06:01:14</t>
  </si>
  <si>
    <t>12/31/2019 06:03:24</t>
  </si>
  <si>
    <t>12/31/2019 06:05:34</t>
  </si>
  <si>
    <t>10.200.66.135</t>
  </si>
  <si>
    <t>18-A9-9B-FE-07-B8</t>
  </si>
  <si>
    <t>VOTORANT-WB020</t>
  </si>
  <si>
    <t>andressagr</t>
  </si>
  <si>
    <t>\\acsfs\profiles$\andressagr\Downloads\</t>
  </si>
  <si>
    <t>d9af6b97-0245-4158-a61b-ac5d33f454a0.tmp</t>
  </si>
  <si>
    <t>\\acsfs\profiles$\andressagr\Downloads\d9af6b97-0245-4158-a61b-ac5d33f454a0.tmp</t>
  </si>
  <si>
    <t>12/31/2019 06:04:44</t>
  </si>
  <si>
    <t>31071a47-0060-43a9-bff2-b98915193687.tmp</t>
  </si>
  <si>
    <t>\\acsfs\profiles$\andressagr\Downloads\31071a47-0060-43a9-bff2-b98915193687.tmp</t>
  </si>
  <si>
    <t>12/31/2019 06:02:31</t>
  </si>
  <si>
    <t>10.200.66.129</t>
  </si>
  <si>
    <t>34-E6-D7-FC-B8-42</t>
  </si>
  <si>
    <t>VOTORANT-WB018</t>
  </si>
  <si>
    <t>eduardofss</t>
  </si>
  <si>
    <t>\\acsfs\profiles$\eduardofss\Downloads\</t>
  </si>
  <si>
    <t>3e4533b1-88d6-4bd5-aa48-3ac59860d969.tmp</t>
  </si>
  <si>
    <t>\\acsfs\profiles$\eduardofss\Downloads\3e4533b1-88d6-4bd5-aa48-3ac59860d969.tmp</t>
  </si>
  <si>
    <t>12/31/2019 06:04:55</t>
  </si>
  <si>
    <t>9527d623-f4b7-43a8-bf2d-ebff36fcc6d0.tmp</t>
  </si>
  <si>
    <t>\\acsfs\profiles$\eduardofss\Downloads\9527d623-f4b7-43a8-bf2d-ebff36fcc6d0.tmp</t>
  </si>
  <si>
    <t>12/31/2019 06:01:52</t>
  </si>
  <si>
    <t>12/31/2019 06:06:34</t>
  </si>
  <si>
    <t>12/31/2019 06:06:49</t>
  </si>
  <si>
    <t>12/31/2019 06:08:34</t>
  </si>
  <si>
    <t>12/31/2019 06:05:14</t>
  </si>
  <si>
    <t>12/31/2019 06:09:34</t>
  </si>
  <si>
    <t>12/31/2019 06:07:14</t>
  </si>
  <si>
    <t>12/31/2019 06:07:52</t>
  </si>
  <si>
    <t>12/31/2019 06:11:34</t>
  </si>
  <si>
    <t>12/31/2019 06:11:14</t>
  </si>
  <si>
    <t>12/31/2019 06:14:34</t>
  </si>
  <si>
    <t>12/31/2019 06:13:14</t>
  </si>
  <si>
    <t>12/31/2019 06:10:58</t>
  </si>
  <si>
    <t>12/31/2019 06:13:52</t>
  </si>
  <si>
    <t>12/31/2019 06:16:34</t>
  </si>
  <si>
    <t>12/31/2019 06:16:48</t>
  </si>
  <si>
    <t>12/31/2019 06:17:33</t>
  </si>
  <si>
    <t>quindaizaagds</t>
  </si>
  <si>
    <t>\\acsfs\profiles$\quindaizaagds\Downloads\</t>
  </si>
  <si>
    <t>3da62c26-603b-4872-9745-37a51fa4c07e.tmp</t>
  </si>
  <si>
    <t>\\acsfs\profiles$\quindaizaagds\Downloads\3da62c26-603b-4872-9745-37a51fa4c07e.tmp</t>
  </si>
  <si>
    <t>12/31/2019 06:14:35</t>
  </si>
  <si>
    <t>12/31/2019 06:18:34</t>
  </si>
  <si>
    <t>SDC - SERVICE DESK CSC</t>
  </si>
  <si>
    <t>10.208.14.97</t>
  </si>
  <si>
    <t>34-E6-D7-FC-ED-8C</t>
  </si>
  <si>
    <t>DFSDC-SUP04</t>
  </si>
  <si>
    <t>saviortj</t>
  </si>
  <si>
    <t>mail.google.com/_/upload?authuser=1&amp;dcp=asu-n</t>
  </si>
  <si>
    <t>C:\Users\saviortj\Desktop\Relatório CAOA\</t>
  </si>
  <si>
    <t>Relatório Diario CAOA.xlsx</t>
  </si>
  <si>
    <t>DLP_USB</t>
  </si>
  <si>
    <t>DLP_Notebooks</t>
  </si>
  <si>
    <t>Webmail(Gmail)</t>
  </si>
  <si>
    <t>12/31/2019 06:17:09</t>
  </si>
  <si>
    <t>12/31/2019 06:17:14</t>
  </si>
  <si>
    <t>12/31/2019 06:19:34</t>
  </si>
  <si>
    <t>12/31/2019 06:19:52</t>
  </si>
  <si>
    <t>12/31/2019 06:21:34</t>
  </si>
  <si>
    <t>12/31/2019 06:17:19</t>
  </si>
  <si>
    <t>12/31/2019 06:22:34</t>
  </si>
  <si>
    <t>dadcb26d-bb34-4adc-95d2-5a0c5d178c43.tmp</t>
  </si>
  <si>
    <t>\\acsfs\profiles$\quindaizaagds\Downloads\dadcb26d-bb34-4adc-95d2-5a0c5d178c43.tmp</t>
  </si>
  <si>
    <t>12/31/2019 06:19:14</t>
  </si>
  <si>
    <t>12/31/2019 06:24:34</t>
  </si>
  <si>
    <t>12/31/2019 06:23:14</t>
  </si>
  <si>
    <t>12/31/2019 06:25:53</t>
  </si>
  <si>
    <t>12/31/2019 06:26:34</t>
  </si>
  <si>
    <t>12/31/2019 06:25:14</t>
  </si>
  <si>
    <t>12/31/2019 06:29:34</t>
  </si>
  <si>
    <t>12/31/2019 06:26:19</t>
  </si>
  <si>
    <t>12/31/2019 06:31:33</t>
  </si>
  <si>
    <t>12/31/2019 06:29:14</t>
  </si>
  <si>
    <t>12/31/2019 06:34:34</t>
  </si>
  <si>
    <t>12/31/2019 06:31:14</t>
  </si>
  <si>
    <t>12/31/2019 06:31:53</t>
  </si>
  <si>
    <t>12/31/2019 06:36:33</t>
  </si>
  <si>
    <t>12/31/2019 06:34:48</t>
  </si>
  <si>
    <t>12/31/2019 06:38:34</t>
  </si>
  <si>
    <t>12/31/2019 06:34:39</t>
  </si>
  <si>
    <t>12/31/2019 06:35:14</t>
  </si>
  <si>
    <t>12/31/2019 06:39:33</t>
  </si>
  <si>
    <t>12/31/2019 06:37:14</t>
  </si>
  <si>
    <t>12/31/2019 06:37:02</t>
  </si>
  <si>
    <t>12/31/2019 06:40:34</t>
  </si>
  <si>
    <t>valeriasda</t>
  </si>
  <si>
    <t>\\acsfs\profiles$\valeriasda\Downloads\</t>
  </si>
  <si>
    <t>669af754-5893-40fe-a398-b0420ebe4f5e.tmp</t>
  </si>
  <si>
    <t>\\acsfs\profiles$\valeriasda\Downloads\669af754-5893-40fe-a398-b0420ebe4f5e.tmp</t>
  </si>
  <si>
    <t>12/31/2019 06:37:10</t>
  </si>
  <si>
    <t>cdab381f-cc36-4f85-b6e8-cd252a4de6a7.tmp</t>
  </si>
  <si>
    <t>\\acsfs\profiles$\valeriasda\Downloads\cdab381f-cc36-4f85-b6e8-cd252a4de6a7.tmp</t>
  </si>
  <si>
    <t>12/31/2019 06:37:53</t>
  </si>
  <si>
    <t>12/31/2019 06:41:33</t>
  </si>
  <si>
    <t>12/31/2019 06:41:13</t>
  </si>
  <si>
    <t>12/31/2019 06:43:33</t>
  </si>
  <si>
    <t>12/31/2019 06:41:14</t>
  </si>
  <si>
    <t>12/31/2019 06:44:34</t>
  </si>
  <si>
    <t>12/31/2019 06:43:15</t>
  </si>
  <si>
    <t>12/31/2019 06:42:05</t>
  </si>
  <si>
    <t>10.200.67.135</t>
  </si>
  <si>
    <t>74-86-7A-FB-16-E4</t>
  </si>
  <si>
    <t>VOTORANT-MB007</t>
  </si>
  <si>
    <t>brendavdoa</t>
  </si>
  <si>
    <t>\\acsfs\profiles$\brendavdoa\Favorites\</t>
  </si>
  <si>
    <t>Citrix Receiver.url:favicon</t>
  </si>
  <si>
    <t>\\acsfs\profiles$\brendavdoa\Favorites\Citrix Receiver.url:favicon</t>
  </si>
  <si>
    <t>\\acsfs\profiles$\brendavdoa\Favorites\Citrix Receiver.url\</t>
  </si>
  <si>
    <t>:favicon:$DATA</t>
  </si>
  <si>
    <t>\\acsfs\profiles$\brendavdoa\Favorites\Citrix Receiver.url\:favicon:$DATA</t>
  </si>
  <si>
    <t>Citrix Receiver.url</t>
  </si>
  <si>
    <t>\\acsfs\profiles$\brendavdoa\Favorites\Citrix Receiver.url</t>
  </si>
  <si>
    <t>12/31/2019 06:44:16</t>
  </si>
  <si>
    <t>12/31/2019 06:45:33</t>
  </si>
  <si>
    <t>12/31/2019 06:42:17</t>
  </si>
  <si>
    <t>12/31/2019 06:46:34</t>
  </si>
  <si>
    <t>12/31/2019 06:41:55</t>
  </si>
  <si>
    <t>12/31/2019 06:43:53</t>
  </si>
  <si>
    <t>12/31/2019 06:46:14</t>
  </si>
  <si>
    <t>12/31/2019 06:47:34</t>
  </si>
  <si>
    <t>10.200.66.134</t>
  </si>
  <si>
    <t>74-86-7A-FB-14-32</t>
  </si>
  <si>
    <t>VOTORANT-ABB005</t>
  </si>
  <si>
    <t>vivianealda</t>
  </si>
  <si>
    <t>\\acsfs\profiles$\vivianealda\Downloads\</t>
  </si>
  <si>
    <t>60e11fd1-17c4-4835-bee7-a1b0e17b9a42.tmp</t>
  </si>
  <si>
    <t>\\acsfs\profiles$\vivianealda\Downloads\60e11fd1-17c4-4835-bee7-a1b0e17b9a42.tmp</t>
  </si>
  <si>
    <t>12/31/2019 06:47:17</t>
  </si>
  <si>
    <t>de669a76-ece1-4b46-a733-5ce60cc6ceb0.tmp</t>
  </si>
  <si>
    <t>\\acsfs\profiles$\vivianealda\Downloads\de669a76-ece1-4b46-a733-5ce60cc6ceb0.tmp</t>
  </si>
  <si>
    <t>12/31/2019 06:47:15</t>
  </si>
  <si>
    <t>12/31/2019 06:49:34</t>
  </si>
  <si>
    <t>12/31/2019 06:44:22</t>
  </si>
  <si>
    <t>Welcome - 1 total view.url:favicon</t>
  </si>
  <si>
    <t>\\acsfs\profiles$\brendavdoa\Favorites\Welcome - 1 total view.url:favicon</t>
  </si>
  <si>
    <t>\\acsfs\profiles$\brendavdoa\Favorites\Welcome - 1 total view.url\</t>
  </si>
  <si>
    <t>\\acsfs\profiles$\brendavdoa\Favorites\Welcome - 1 total view.url\:favicon:$DATA</t>
  </si>
  <si>
    <t>Welcome - 1 total view.url</t>
  </si>
  <si>
    <t>\\acsfs\profiles$\brendavdoa\Favorites\Welcome - 1 total view.url</t>
  </si>
  <si>
    <t>12/31/2019 06:45:23</t>
  </si>
  <si>
    <t>12/31/2019 06:50:34</t>
  </si>
  <si>
    <t>12/31/2019 06:47:53</t>
  </si>
  <si>
    <t>12/31/2019 06:51:34</t>
  </si>
  <si>
    <t>12/31/2019 06:49:53</t>
  </si>
  <si>
    <t>12/31/2019 06:48:33</t>
  </si>
  <si>
    <t>12/31/2019 06:52:34</t>
  </si>
  <si>
    <t>12/31/2019 06:49:15</t>
  </si>
  <si>
    <t>12/31/2019 06:54:34</t>
  </si>
  <si>
    <t>12/31/2019 06:53:15</t>
  </si>
  <si>
    <t>12/31/2019 06:53:52</t>
  </si>
  <si>
    <t>12/31/2019 06:56:34</t>
  </si>
  <si>
    <t>12/31/2019 06:55:38</t>
  </si>
  <si>
    <t>Medium</t>
  </si>
  <si>
    <t>c:\users\raicdf\downloads\</t>
  </si>
  <si>
    <t>trilha sgi - sistema de gestÃo integrada (3).xlsx</t>
  </si>
  <si>
    <t>Brazil: CPF - Cadastro de Pessoas Físicas (Natural Persons Register)</t>
  </si>
  <si>
    <t>Printer</t>
  </si>
  <si>
    <t>12/31/2019 06:55:53</t>
  </si>
  <si>
    <t>12/31/2019 06:54:24</t>
  </si>
  <si>
    <t>12/31/2019 06:55:17</t>
  </si>
  <si>
    <t>12/31/2019 06:59:34</t>
  </si>
  <si>
    <t>10.200.67.172</t>
  </si>
  <si>
    <t>74-86-7A-FD-D6-20</t>
  </si>
  <si>
    <t>VOTORANT-MB017</t>
  </si>
  <si>
    <t>mariellecs</t>
  </si>
  <si>
    <t>\\acsfs\profiles$\mariellecs\Downloads\</t>
  </si>
  <si>
    <t>8e54d7d9-9925-46af-9c77-6b83d921da5b.tmp</t>
  </si>
  <si>
    <t>\\acsfs\profiles$\mariellecs\Downloads\8e54d7d9-9925-46af-9c77-6b83d921da5b.tmp</t>
  </si>
  <si>
    <t>12/31/2019 06:55:19</t>
  </si>
  <si>
    <t>07c28985-4369-4980-84fd-5d86d9475f2e.tmp</t>
  </si>
  <si>
    <t>\\acsfs\profiles$\mariellecs\Downloads\07c28985-4369-4980-84fd-5d86d9475f2e.tmp</t>
  </si>
  <si>
    <t>12/31/2019 06:58:23</t>
  </si>
  <si>
    <t>db876902-95d8-482c-8dcb-aafe86e50867.tmp</t>
  </si>
  <si>
    <t>\\acsfs\profiles$\mariellecs\Downloads\db876902-95d8-482c-8dcb-aafe86e50867.tmp</t>
  </si>
  <si>
    <t>12/31/2019 06:55:15</t>
  </si>
  <si>
    <t>12/31/2019 06:56:02</t>
  </si>
  <si>
    <t>12/31/2019 07:00:34</t>
  </si>
  <si>
    <t>12/31/2019 06:57:21</t>
  </si>
  <si>
    <t>cintiadcf</t>
  </si>
  <si>
    <t>\\acsfs\profiles$\cintiadcf\Downloads\</t>
  </si>
  <si>
    <t>e91359fb-0c87-4813-b3b3-a668c711aefe.tmp</t>
  </si>
  <si>
    <t>\\acsfs\profiles$\cintiadcf\Downloads\e91359fb-0c87-4813-b3b3-a668c711aefe.tmp</t>
  </si>
  <si>
    <t>12/31/2019 06:57:27</t>
  </si>
  <si>
    <t>54a4ffe4-42af-4c41-b5a7-fa81a730b3b2.tmp</t>
  </si>
  <si>
    <t>\\acsfs\profiles$\cintiadcf\Downloads\54a4ffe4-42af-4c41-b5a7-fa81a730b3b2.tmp</t>
  </si>
  <si>
    <t>12/31/2019 06:58:26</t>
  </si>
  <si>
    <t>5145dcf5-f64c-4e3b-9993-035aa3f40174.tmp</t>
  </si>
  <si>
    <t>\\acsfs\profiles$\cintiadcf\Downloads\5145dcf5-f64c-4e3b-9993-035aa3f40174.tmp</t>
  </si>
  <si>
    <t>12/31/2019 06:59:56</t>
  </si>
  <si>
    <t>12/31/2019 07:01:34</t>
  </si>
  <si>
    <t>12/31/2019 06:59:52</t>
  </si>
  <si>
    <t>12/31/2019 07:02:35</t>
  </si>
  <si>
    <t>10.200.67.47</t>
  </si>
  <si>
    <t>74-86-7A-FB-17-4F</t>
  </si>
  <si>
    <t>VOTORANT-OB004</t>
  </si>
  <si>
    <t>gabrielarb</t>
  </si>
  <si>
    <t>\\acsfs\profiles$\gabrielarb\Downloads\</t>
  </si>
  <si>
    <t>b621966d-a8ed-4167-a875-565e57fc91ca.tmp</t>
  </si>
  <si>
    <t>\\acsfs\profiles$\gabrielarb\Downloads\b621966d-a8ed-4167-a875-565e57fc91ca.tmp</t>
  </si>
  <si>
    <t>a8d0a0dc-bdb2-4aa3-9f21-def07e011d88.tmp</t>
  </si>
  <si>
    <t>\\acsfs\profiles$\gabrielarb\Downloads\a8d0a0dc-bdb2-4aa3-9f21-def07e011d88.tmp</t>
  </si>
  <si>
    <t>12/31/2019 07:01:08</t>
  </si>
  <si>
    <t>d6763248-7c86-4f7c-bf82-47ef61531157.tmp</t>
  </si>
  <si>
    <t>\\acsfs\profiles$\gabrielarb\Downloads\d6763248-7c86-4f7c-bf82-47ef61531157.tmp</t>
  </si>
  <si>
    <t>12/31/2019 07:01:46</t>
  </si>
  <si>
    <t>cddfe985-955b-4b04-8d61-e07cbdf94ab2.tmp</t>
  </si>
  <si>
    <t>\\acsfs\profiles$\gabrielarb\Downloads\cddfe985-955b-4b04-8d61-e07cbdf94ab2.tmp</t>
  </si>
  <si>
    <t>12/31/2019 07:01:45</t>
  </si>
  <si>
    <t>10.200.66.106</t>
  </si>
  <si>
    <t>D0-94-66-B5-4E-78</t>
  </si>
  <si>
    <t>VOTORANT-ABB019</t>
  </si>
  <si>
    <t>vivianalds</t>
  </si>
  <si>
    <t>\\acsfs\profiles$\vivianalds\Downloads\</t>
  </si>
  <si>
    <t>951d4885-57f5-4d51-89dc-28d7928c5dfc.tmp</t>
  </si>
  <si>
    <t>\\acsfs\profiles$\vivianalds\Downloads\951d4885-57f5-4d51-89dc-28d7928c5dfc.tmp</t>
  </si>
  <si>
    <t>12/31/2019 06:59:30</t>
  </si>
  <si>
    <t>12/31/2019 07:00:42</t>
  </si>
  <si>
    <t>12/31/2019 07:03:34</t>
  </si>
  <si>
    <t>10.200.66.124</t>
  </si>
  <si>
    <t>D0-67-E5-FF-14-4B</t>
  </si>
  <si>
    <t>VOTORANT-ACB004</t>
  </si>
  <si>
    <t>websondsa</t>
  </si>
  <si>
    <t>\\acsfs\profiles$\websondsa\Downloads\</t>
  </si>
  <si>
    <t>8d060640-1f39-4f71-a4a2-c445d95b0109.tmp</t>
  </si>
  <si>
    <t>\\acsfs\profiles$\websondsa\Downloads\8d060640-1f39-4f71-a4a2-c445d95b0109.tmp</t>
  </si>
  <si>
    <t>12/31/2019 07:01:13</t>
  </si>
  <si>
    <t>ac8d7769-7e4f-4cb2-9651-4d58cfcf9c26.tmp</t>
  </si>
  <si>
    <t>\\acsfs\profiles$\websondsa\Downloads\ac8d7769-7e4f-4cb2-9651-4d58cfcf9c26.tmp</t>
  </si>
  <si>
    <t>12/31/2019 06:59:39</t>
  </si>
  <si>
    <t>12/31/2019 07:04:34</t>
  </si>
  <si>
    <t>038c231f-6dc7-4491-8927-e4766e82c831.tmp</t>
  </si>
  <si>
    <t>\\acsfs\profiles$\mariellecs\Downloads\038c231f-6dc7-4491-8927-e4766e82c831.tmp</t>
  </si>
  <si>
    <t>12/31/2019 07:00:20</t>
  </si>
  <si>
    <t>ce89b388-d940-4934-963d-d4e68514edaf.tmp</t>
  </si>
  <si>
    <t>\\acsfs\profiles$\mariellecs\Downloads\ce89b388-d940-4934-963d-d4e68514edaf.tmp</t>
  </si>
  <si>
    <t>12/31/2019 06:59:15</t>
  </si>
  <si>
    <t>12/31/2019 07:01:15</t>
  </si>
  <si>
    <t>12/31/2019 07:00:00</t>
  </si>
  <si>
    <t>10.200.66.7</t>
  </si>
  <si>
    <t>78-2B-CB-C1-07-3E</t>
  </si>
  <si>
    <t>VOTORANT-GB017</t>
  </si>
  <si>
    <t>albertofn</t>
  </si>
  <si>
    <t>\\acsfs\profiles$\albertofn\Favorites\Links\</t>
  </si>
  <si>
    <t>\\acsfs\profiles$\albertofn\Favorites\Links\Citrix Receiver.url</t>
  </si>
  <si>
    <t>12/31/2019 07:02:39</t>
  </si>
  <si>
    <t>12/31/2019 07:05:35</t>
  </si>
  <si>
    <t>12/31/2019 07:03:15</t>
  </si>
  <si>
    <t>jonathanwap</t>
  </si>
  <si>
    <t>\\acsfs\profiles$\jonathanwap\</t>
  </si>
  <si>
    <t>.~lock.Vendas.ods#</t>
  </si>
  <si>
    <t>\\acsfs\profiles$\jonathanwap\.~lock.Vendas.ods#</t>
  </si>
  <si>
    <t>12/31/2019 07:01:53</t>
  </si>
  <si>
    <t>12/31/2019 07:06:34</t>
  </si>
  <si>
    <t>12/31/2019 07:05:52</t>
  </si>
  <si>
    <t>12/31/2019 07:07:34</t>
  </si>
  <si>
    <t>12/31/2019 07:03:10</t>
  </si>
  <si>
    <t>54422210-fcc9-4773-b3f0-e88c42644d12.tmp</t>
  </si>
  <si>
    <t>\\acsfs\profiles$\vivianalds\Downloads\54422210-fcc9-4773-b3f0-e88c42644d12.tmp</t>
  </si>
  <si>
    <t>12/31/2019 07:04:13</t>
  </si>
  <si>
    <t>Bloco Viviane.txt</t>
  </si>
  <si>
    <t>\\acsfs\profiles$\vivianealda\Downloads\Bloco Viviane.txt</t>
  </si>
  <si>
    <t>12/31/2019 07:04:33</t>
  </si>
  <si>
    <t>12/31/2019 07:04:54</t>
  </si>
  <si>
    <t>12/31/2019 07:05:50</t>
  </si>
  <si>
    <t>dhiulliananads</t>
  </si>
  <si>
    <t>\\acsfs\profiles$\dhiulliananads\Downloads\</t>
  </si>
  <si>
    <t>2711f132-0408-4e11-8a28-bac862d69e5b.tmp</t>
  </si>
  <si>
    <t>\\acsfs\profiles$\dhiulliananads\Downloads\2711f132-0408-4e11-8a28-bac862d69e5b.tmp</t>
  </si>
  <si>
    <t>12/31/2019 07:06:23</t>
  </si>
  <si>
    <t>cdf70c1a-13c8-4061-b387-828f6cd97abd.tmp</t>
  </si>
  <si>
    <t>\\acsfs\profiles$\dhiulliananads\Downloads\cdf70c1a-13c8-4061-b387-828f6cd97abd.tmp</t>
  </si>
  <si>
    <t>12/31/2019 07:04:09</t>
  </si>
  <si>
    <t>12/31/2019 07:08:34</t>
  </si>
  <si>
    <t>12/31/2019 07:04:39</t>
  </si>
  <si>
    <t>e2a04c4e-1222-4db0-b6b3-e00026418fd7.tmp</t>
  </si>
  <si>
    <t>\\acsfs\profiles$\websondsa\Downloads\e2a04c4e-1222-4db0-b6b3-e00026418fd7.tmp</t>
  </si>
  <si>
    <t>12/31/2019 07:04:35</t>
  </si>
  <si>
    <t>10.200.67.179</t>
  </si>
  <si>
    <t>78-2B-CB-C1-06-5B</t>
  </si>
  <si>
    <t>VOTORANT-IB006</t>
  </si>
  <si>
    <t>vanessacgs</t>
  </si>
  <si>
    <t>\\acsfs\profiles$\vanessacgs\Favorites\citrix.url\</t>
  </si>
  <si>
    <t>\\acsfs\profiles$\vanessacgs\Favorites\citrix.url\:favicon:$DATA</t>
  </si>
  <si>
    <t>\\acsfs\profiles$\vanessacgs\Favorites\</t>
  </si>
  <si>
    <t>citrix.url</t>
  </si>
  <si>
    <t>\\acsfs\profiles$\vanessacgs\Favorites\citrix.url</t>
  </si>
  <si>
    <t>12/31/2019 07:05:15</t>
  </si>
  <si>
    <t>12/31/2019 07:09:34</t>
  </si>
  <si>
    <t>12/31/2019 07:07:15</t>
  </si>
  <si>
    <t>12/31/2019 07:07:52</t>
  </si>
  <si>
    <t>12/31/2019 07:11:34</t>
  </si>
  <si>
    <t>12/31/2019 07:11:21</t>
  </si>
  <si>
    <t>12/31/2019 07:12:35</t>
  </si>
  <si>
    <t>\\acsfs\profiles$\dhiulliananads\My Documents\</t>
  </si>
  <si>
    <t>.~lock.Planilha Vendas.ods#</t>
  </si>
  <si>
    <t>\\acsfs\profiles$\dhiulliananads\My Documents\.~lock.Planilha Vendas.ods#</t>
  </si>
  <si>
    <t>12/31/2019 07:11:41</t>
  </si>
  <si>
    <t>.~lock.DHIULLIANA 2.ods#</t>
  </si>
  <si>
    <t>\\acsfs\profiles$\dhiulliananads\My Documents\.~lock.DHIULLIANA 2.ods#</t>
  </si>
  <si>
    <t>12/31/2019 07:12:05</t>
  </si>
  <si>
    <t>12/31/2019 07:13:34</t>
  </si>
  <si>
    <t>10.200.67.163</t>
  </si>
  <si>
    <t>74-86-7A-FB-14-4D</t>
  </si>
  <si>
    <t>VOTORANT-LB008</t>
  </si>
  <si>
    <t>ingridsm</t>
  </si>
  <si>
    <t>\\acsfs\profiles$\ingridsm\Downloads\</t>
  </si>
  <si>
    <t>f29c4a27-faa3-4001-aa22-c2c367d2da87.tmp</t>
  </si>
  <si>
    <t>\\acsfs\profiles$\ingridsm\Downloads\f29c4a27-faa3-4001-aa22-c2c367d2da87.tmp</t>
  </si>
  <si>
    <t>12/31/2019 07:12:21</t>
  </si>
  <si>
    <t>19304568-aefc-4b8e-927e-d990ca01e615.tmp</t>
  </si>
  <si>
    <t>\\acsfs\profiles$\ingridsm\Downloads\19304568-aefc-4b8e-927e-d990ca01e615.tmp</t>
  </si>
  <si>
    <t>12/31/2019 07:12:02</t>
  </si>
  <si>
    <t>35c02988-c57a-45b7-ae4e-22f442bc4de0.tmp</t>
  </si>
  <si>
    <t>\\acsfs\profiles$\websondsa\Downloads\35c02988-c57a-45b7-ae4e-22f442bc4de0.tmp</t>
  </si>
  <si>
    <t>12/31/2019 07:09:45</t>
  </si>
  <si>
    <t>\\acsfs\profiles$\vanessacgs\My Documents\xworkcenter\lex\</t>
  </si>
  <si>
    <t>temp.tlx</t>
  </si>
  <si>
    <t>\\acsfs\profiles$\vanessacgs\My Documents\xworkcenter\lex\temp.tlx</t>
  </si>
  <si>
    <t>12/31/2019 07:09:46</t>
  </si>
  <si>
    <t>12/31/2019 07:09:47</t>
  </si>
  <si>
    <t>12/31/2019 07:09:48</t>
  </si>
  <si>
    <t>12/31/2019 07:14:34</t>
  </si>
  <si>
    <t>12/31/2019 07:09:49</t>
  </si>
  <si>
    <t>12/31/2019 07:09:50</t>
  </si>
  <si>
    <t>12/31/2019 07:09:51</t>
  </si>
  <si>
    <t>12/31/2019 07:09:52</t>
  </si>
  <si>
    <t>12/31/2019 07:09:53</t>
  </si>
  <si>
    <t>12/31/2019 07:09:54</t>
  </si>
  <si>
    <t>12/31/2019 07:09:55</t>
  </si>
  <si>
    <t>12/31/2019 07:09:56</t>
  </si>
  <si>
    <t>12/31/2019 07:09:57</t>
  </si>
  <si>
    <t>12/31/2019 07:11:15</t>
  </si>
  <si>
    <t>12/31/2019 07:13:14</t>
  </si>
  <si>
    <t>12/31/2019 07:10:08</t>
  </si>
  <si>
    <t>10.200.66.5</t>
  </si>
  <si>
    <t>74-86-7A-FD-D6-5B</t>
  </si>
  <si>
    <t>VOTORANT-Z021</t>
  </si>
  <si>
    <t>josiascdsj</t>
  </si>
  <si>
    <t>josiascdsj@algartech.com</t>
  </si>
  <si>
    <t>mail.google.com/sync/u/0/i/s?hl=pt-BR&amp;c=74</t>
  </si>
  <si>
    <t>12/31/2019 07:10:12</t>
  </si>
  <si>
    <t>mail.google.com/sync/u/0/i/s?hl=pt-BR&amp;c=76</t>
  </si>
  <si>
    <t>12/31/2019 07:10:15</t>
  </si>
  <si>
    <t>mail.google.com/sync/u/0/i/s?hl=pt-BR&amp;c=78</t>
  </si>
  <si>
    <t>subject content</t>
  </si>
  <si>
    <t>12/31/2019 07:10:29</t>
  </si>
  <si>
    <t>mail.google.com/sync/u/0/i/s?hl=pt-BR&amp;c=80</t>
  </si>
  <si>
    <t>12/31/2019 07:10:37</t>
  </si>
  <si>
    <t>mail.google.com/sync/u/0/i/s?hl=pt-BR&amp;c=82</t>
  </si>
  <si>
    <t>katia.cardoso@bv.com.br;</t>
  </si>
  <si>
    <t>katia.cardoso@bv.com.br</t>
  </si>
  <si>
    <t>12/31/2019 07:10:56</t>
  </si>
  <si>
    <t>mail.google.com/sync/u/0/i/s?hl=pt-BR&amp;c=85</t>
  </si>
  <si>
    <t>12/31/2019 07:11:00</t>
  </si>
  <si>
    <t>mail.google.com/sync/u/0/i/s?hl=pt-BR&amp;c=87</t>
  </si>
  <si>
    <t>12/31/2019 07:11:28</t>
  </si>
  <si>
    <t>mail.google.com/sync/u/0/i/s?hl=pt-BR&amp;c=90</t>
  </si>
  <si>
    <t>12/31/2019 07:11:31</t>
  </si>
  <si>
    <t>mail.google.com/sync/u/0/i/s?hl=pt-BR&amp;c=92</t>
  </si>
  <si>
    <t>12/31/2019 07:11:37</t>
  </si>
  <si>
    <t>mail.google.com/sync/u/0/i/s?hl=pt-BR&amp;c=95</t>
  </si>
  <si>
    <t>12/31/2019 07:13:01</t>
  </si>
  <si>
    <t>12/31/2019 07:15:34</t>
  </si>
  <si>
    <t>12/31/2019 07:11:53</t>
  </si>
  <si>
    <t>12/31/2019 07:16:34</t>
  </si>
  <si>
    <t>12/31/2019 07:13:53</t>
  </si>
  <si>
    <t>12/31/2019 07:13:54</t>
  </si>
  <si>
    <t>12/31/2019 07:17:35</t>
  </si>
  <si>
    <t>26cf0b00-0c7e-4916-b565-ac79f17f7d91.tmp</t>
  </si>
  <si>
    <t>\\acsfs\profiles$\gabrielarb\Downloads\26cf0b00-0c7e-4916-b565-ac79f17f7d91.tmp</t>
  </si>
  <si>
    <t>12/31/2019 07:15:16</t>
  </si>
  <si>
    <t>12/31/2019 07:13:09</t>
  </si>
  <si>
    <t>12/31/2019 07:18:34</t>
  </si>
  <si>
    <t>9225a90f-e57f-4a2f-9704-7ca4e3a67df6.tmp</t>
  </si>
  <si>
    <t>\\acsfs\profiles$\ingridsm\Downloads\9225a90f-e57f-4a2f-9704-7ca4e3a67df6.tmp</t>
  </si>
  <si>
    <t>12/31/2019 07:13:22</t>
  </si>
  <si>
    <t>0a03cc83-bd8c-46fb-bd5e-95fbec94a732.tmp</t>
  </si>
  <si>
    <t>\\acsfs\profiles$\ingridsm\Downloads\0a03cc83-bd8c-46fb-bd5e-95fbec94a732.tmp</t>
  </si>
  <si>
    <t>12/31/2019 07:14:35</t>
  </si>
  <si>
    <t>c59e27dd-7963-4f67-b282-f7587cda8e3c.tmp</t>
  </si>
  <si>
    <t>\\acsfs\profiles$\ingridsm\Downloads\c59e27dd-7963-4f67-b282-f7587cda8e3c.tmp</t>
  </si>
  <si>
    <t>12/31/2019 07:15:15</t>
  </si>
  <si>
    <t>be9047d3-d60f-4f60-a2f0-d6f232081320.tmp</t>
  </si>
  <si>
    <t>\\acsfs\profiles$\ingridsm\Downloads\be9047d3-d60f-4f60-a2f0-d6f232081320.tmp</t>
  </si>
  <si>
    <t>10.200.67.141</t>
  </si>
  <si>
    <t>74-86-7A-FC-CF-5C</t>
  </si>
  <si>
    <t>VOTORANT-RB008</t>
  </si>
  <si>
    <t>sarahbal</t>
  </si>
  <si>
    <t>\\acsfs\profiles$\sarahbal\Downloads\</t>
  </si>
  <si>
    <t>ad25c5da-6be9-4fb5-b817-a31cffefa7da.tmp</t>
  </si>
  <si>
    <t>\\acsfs\profiles$\sarahbal\Downloads\ad25c5da-6be9-4fb5-b817-a31cffefa7da.tmp</t>
  </si>
  <si>
    <t>12/31/2019 07:15:46</t>
  </si>
  <si>
    <t>03b9f93c-e50a-4f1c-b512-fdde8a0499e8.tmp</t>
  </si>
  <si>
    <t>\\acsfs\profiles$\sarahbal\Downloads\03b9f93c-e50a-4f1c-b512-fdde8a0499e8.tmp</t>
  </si>
  <si>
    <t>12/31/2019 07:16:07</t>
  </si>
  <si>
    <t>5ca9a18d-93f3-415c-a5f7-0d385e37bd1a.tmp</t>
  </si>
  <si>
    <t>\\acsfs\profiles$\sarahbal\Downloads\5ca9a18d-93f3-415c-a5f7-0d385e37bd1a.tmp</t>
  </si>
  <si>
    <t>12/31/2019 07:14:23</t>
  </si>
  <si>
    <t>12/31/2019 07:19:35</t>
  </si>
  <si>
    <t>https://www.bing.com/orgid/idtoken/nosignin</t>
  </si>
  <si>
    <t>12/31/2019 07:17:14</t>
  </si>
  <si>
    <t>12/31/2019 07:14:14</t>
  </si>
  <si>
    <t>https://algar.workplace.com/messaging/send/</t>
  </si>
  <si>
    <t>12/31/2019 07:14:25</t>
  </si>
  <si>
    <t>12/31/2019 07:15:51</t>
  </si>
  <si>
    <t>mail.google.com/sync/u/0/i/s?hl=pt-BR&amp;c=106</t>
  </si>
  <si>
    <t>12/31/2019 07:15:54</t>
  </si>
  <si>
    <t>mail.google.com/sync/u/0/i/s?hl=pt-BR&amp;c=108</t>
  </si>
  <si>
    <t>12/31/2019 07:15:58</t>
  </si>
  <si>
    <t>mail.google.com/sync/u/0/i/s?hl=pt-BR&amp;c=110</t>
  </si>
  <si>
    <t>12/31/2019 07:16:31</t>
  </si>
  <si>
    <t>mail.google.com/sync/u/0/i/s?hl=pt-BR&amp;c=112</t>
  </si>
  <si>
    <t>mail.google.com/sync/u/0/i/s?hl=pt-BR&amp;c=114</t>
  </si>
  <si>
    <t>12/31/2019 07:16:43</t>
  </si>
  <si>
    <t>mail.google.com/sync/u/0/i/s?hl=pt-BR&amp;c=116</t>
  </si>
  <si>
    <t>12/31/2019 07:17:02</t>
  </si>
  <si>
    <t>mail.google.com/sync/u/0/i/s?hl=pt-BR&amp;c=119</t>
  </si>
  <si>
    <t>12/31/2019 07:17:07</t>
  </si>
  <si>
    <t>mail.google.com/sync/u/0/i/s?hl=pt-BR&amp;c=121</t>
  </si>
  <si>
    <t>mail.google.com/sync/u/0/i/s?hl=pt-BR&amp;c=124</t>
  </si>
  <si>
    <t>12/31/2019 07:17:27</t>
  </si>
  <si>
    <t>mail.google.com/sync/u/0/i/s?hl=pt-BR&amp;c=126</t>
  </si>
  <si>
    <t>12/31/2019 07:17:39</t>
  </si>
  <si>
    <t>mail.google.com/sync/u/0/i/s?hl=pt-BR&amp;c=128</t>
  </si>
  <si>
    <t>joaogvc@algartech.com;marianadjc@algartech.com;rafaelggs@algartech.com;taysdss@algartech.com;viniciussg@algartech.com;</t>
  </si>
  <si>
    <t>joaogvc@algartech.com,marianadjc@algartech.com,rafaelggs@algartech.com,taysdss@algartech.com,viniciussg@algartech.com</t>
  </si>
  <si>
    <t>12/31/2019 07:17:45</t>
  </si>
  <si>
    <t>mail.google.com/sync/u/0/i/s?hl=pt-BR&amp;c=131</t>
  </si>
  <si>
    <t>12/31/2019 07:17:46</t>
  </si>
  <si>
    <t>mail.google.com/sync/u/0/i/s?hl=pt-BR&amp;c=133</t>
  </si>
  <si>
    <t>12/31/2019 07:19:29</t>
  </si>
  <si>
    <t>12/31/2019 07:20:35</t>
  </si>
  <si>
    <t>10.200.67.175</t>
  </si>
  <si>
    <t>34-E6-D7-FC-B9-59</t>
  </si>
  <si>
    <t>VOTORANT-MB018</t>
  </si>
  <si>
    <t>inarajst</t>
  </si>
  <si>
    <t>\\acsfs\profiles$\inarajst\Downloads\</t>
  </si>
  <si>
    <t>5cd25c59-ad09-4ba4-85c4-c40bd4f851a7.tmp</t>
  </si>
  <si>
    <t>\\acsfs\profiles$\inarajst\Downloads\5cd25c59-ad09-4ba4-85c4-c40bd4f851a7.tmp</t>
  </si>
  <si>
    <t>12/31/2019 07:19:34</t>
  </si>
  <si>
    <t>4bbae0d5-1211-4e35-896b-3a42e8bd41e2.tmp</t>
  </si>
  <si>
    <t>\\acsfs\profiles$\inarajst\Downloads\4bbae0d5-1211-4e35-896b-3a42e8bd41e2.tmp</t>
  </si>
  <si>
    <t>12/31/2019 07:20:11</t>
  </si>
  <si>
    <t>d47f0cd0-1c90-4316-bdff-0dea5c12acd5.tmp</t>
  </si>
  <si>
    <t>\\acsfs\profiles$\inarajst\Downloads\d47f0cd0-1c90-4316-bdff-0dea5c12acd5.tmp</t>
  </si>
  <si>
    <t>12/31/2019 07:20:15</t>
  </si>
  <si>
    <t>2e979c3d-bd8b-4fca-ae92-fd39551ae956.tmp</t>
  </si>
  <si>
    <t>\\acsfs\profiles$\inarajst\Downloads\2e979c3d-bd8b-4fca-ae92-fd39551ae956.tmp</t>
  </si>
  <si>
    <t>12/31/2019 07:20:31</t>
  </si>
  <si>
    <t>12/31/2019 07:21:34</t>
  </si>
  <si>
    <t>12/31/2019 07:17:53</t>
  </si>
  <si>
    <t>12/31/2019 07:19:53</t>
  </si>
  <si>
    <t>12/31/2019 07:20:00</t>
  </si>
  <si>
    <t>12/31/2019 07:23:34</t>
  </si>
  <si>
    <t>10.200.66.164</t>
  </si>
  <si>
    <t>74-86-7A-FC-CF-4B</t>
  </si>
  <si>
    <t>VOTORANT-ABB008</t>
  </si>
  <si>
    <t>alinedss</t>
  </si>
  <si>
    <t>\\acsfs\Deptos\Operacao\Banco_Votorantim\Comum\</t>
  </si>
  <si>
    <t>Thumbs.db</t>
  </si>
  <si>
    <t>Algar_Linked and Embe</t>
  </si>
  <si>
    <t>\\acsfs\Deptos\Operacao\Banco_Votorantim\Comum\Provas Regulamentação\Thumbs.db</t>
  </si>
  <si>
    <t>12/31/2019 07:21:18</t>
  </si>
  <si>
    <t>10.200.67.29</t>
  </si>
  <si>
    <t>74-86-7A-FB-17-23</t>
  </si>
  <si>
    <t>VOTORANT-OB007</t>
  </si>
  <si>
    <t>laianear</t>
  </si>
  <si>
    <t>\\acsfs\profiles$\laianear\Downloads\</t>
  </si>
  <si>
    <t>04d7f697-4eb4-43ec-aeec-72ee9f31d610.tmp</t>
  </si>
  <si>
    <t>\\acsfs\profiles$\laianear\Downloads\04d7f697-4eb4-43ec-aeec-72ee9f31d610.tmp</t>
  </si>
  <si>
    <t>12/31/2019 07:21:22</t>
  </si>
  <si>
    <t>d7236abc-9821-4c74-9830-6d29af826a42.tmp</t>
  </si>
  <si>
    <t>\\acsfs\profiles$\laianear\Downloads\d7236abc-9821-4c74-9830-6d29af826a42.tmp</t>
  </si>
  <si>
    <t>12/31/2019 07:19:14</t>
  </si>
  <si>
    <t>12/31/2019 07:24:35</t>
  </si>
  <si>
    <t>12/31/2019 07:23:14</t>
  </si>
  <si>
    <t>\\acsfs\DEPTOS\Operacao\PCP\5 - Comum\PLANEJAMENTO BV\14 - ACOMPANHAMENTO\1 - REPORT ACOMPANHAMENTO\2019\12 - Dezembro\CARTÕES\</t>
  </si>
  <si>
    <t>1A489E3.tmp</t>
  </si>
  <si>
    <t>Algar_Spreadsheets</t>
  </si>
  <si>
    <t>\\acsfs\DEPTOS\Operacao\PCP\5 - Comum\PLANEJAMENTO BV\14 - ACOMPANHAMENTO\1 - REPORT ACOMPANHAMENTO\2019\12 - Dezembro\CARTÕES\1A489E3.tmp</t>
  </si>
  <si>
    <t>~$Range.xlsx</t>
  </si>
  <si>
    <t>\\acsfs\DEPTOS\Operacao\PCP\5 - Comum\PLANEJAMENTO BV\14 - ACOMPANHAMENTO\1 - REPORT ACOMPANHAMENTO\2019\12 - Dezembro\CARTÕES\~$Range.xlsx</t>
  </si>
  <si>
    <t>12/31/2019 07:23:11</t>
  </si>
  <si>
    <t>12/31/2019 07:20:32</t>
  </si>
  <si>
    <t>12/31/2019 07:25:34</t>
  </si>
  <si>
    <t>5e1c8823-3fbc-4869-afc5-01d955e60091.tmp</t>
  </si>
  <si>
    <t>\\acsfs\profiles$\inarajst\Downloads\5e1c8823-3fbc-4869-afc5-01d955e60091.tmp</t>
  </si>
  <si>
    <t>12/31/2019 07:21:10</t>
  </si>
  <si>
    <t>6c3dbae6-4490-4294-9e7b-86b4ffb5bbcb.tmp</t>
  </si>
  <si>
    <t>\\acsfs\profiles$\inarajst\Downloads\6c3dbae6-4490-4294-9e7b-86b4ffb5bbcb.tmp</t>
  </si>
  <si>
    <t>12/31/2019 07:21:19</t>
  </si>
  <si>
    <t>95fa0161-4423-488e-adcc-1fdd2e6ca739.tmp</t>
  </si>
  <si>
    <t>\\acsfs\profiles$\inarajst\Downloads\95fa0161-4423-488e-adcc-1fdd2e6ca739.tmp</t>
  </si>
  <si>
    <t>12/31/2019 07:21:29</t>
  </si>
  <si>
    <t>7b6db403-eeba-487f-8f80-47677205c22f.tmp</t>
  </si>
  <si>
    <t>\\acsfs\profiles$\inarajst\Downloads\7b6db403-eeba-487f-8f80-47677205c22f.tmp</t>
  </si>
  <si>
    <t>12/31/2019 07:21:55</t>
  </si>
  <si>
    <t>94235355-6c05-4c5f-88d6-bdbdda215e0d.tmp</t>
  </si>
  <si>
    <t>\\acsfs\profiles$\inarajst\Downloads\94235355-6c05-4c5f-88d6-bdbdda215e0d.tmp</t>
  </si>
  <si>
    <t>12/31/2019 07:23:41</t>
  </si>
  <si>
    <t>12/31/2019 07:26:34</t>
  </si>
  <si>
    <t>10.200.67.15</t>
  </si>
  <si>
    <t>74-86-7A-FC-CD-FD</t>
  </si>
  <si>
    <t>VOTORANT-RB004</t>
  </si>
  <si>
    <t>ayalabfi</t>
  </si>
  <si>
    <t>\\acsfs\profiles$\ayalabfi\Downloads\</t>
  </si>
  <si>
    <t>0758b1d5-75fd-47f6-828d-2db82e967fe4.tmp</t>
  </si>
  <si>
    <t>\\acsfs\profiles$\ayalabfi\Downloads\0758b1d5-75fd-47f6-828d-2db82e967fe4.tmp</t>
  </si>
  <si>
    <t>12/31/2019 07:23:43</t>
  </si>
  <si>
    <t>54089e00-7eca-4400-8691-fedef44475dc.tmp</t>
  </si>
  <si>
    <t>\\acsfs\profiles$\ayalabfi\Downloads\54089e00-7eca-4400-8691-fedef44475dc.tmp</t>
  </si>
  <si>
    <t>12/31/2019 07:23:46</t>
  </si>
  <si>
    <t>f21942d1-69a0-4f30-b5c8-f802c9eaef5c.tmp</t>
  </si>
  <si>
    <t>\\acsfs\profiles$\ayalabfi\Downloads\f21942d1-69a0-4f30-b5c8-f802c9eaef5c.tmp</t>
  </si>
  <si>
    <t>12/31/2019 07:25:52</t>
  </si>
  <si>
    <t>9f7c12b7-11d6-4941-80d0-284fa3c1b6ec.tmp</t>
  </si>
  <si>
    <t>\\acsfs\profiles$\ayalabfi\Downloads\9f7c12b7-11d6-4941-80d0-284fa3c1b6ec.tmp</t>
  </si>
  <si>
    <t>12/31/2019 07:23:53</t>
  </si>
  <si>
    <t>12/31/2019 07:25:53</t>
  </si>
  <si>
    <t>12/31/2019 07:25:26</t>
  </si>
  <si>
    <t>12/31/2019 07:27:35</t>
  </si>
  <si>
    <t>12/31/2019 07:23:26</t>
  </si>
  <si>
    <t>12/31/2019 07:28:34</t>
  </si>
  <si>
    <t>gabrieleods</t>
  </si>
  <si>
    <t>\\acsfs\profiles$\gabrieleods\My Documents\My Videos\</t>
  </si>
  <si>
    <t>desktop.ini</t>
  </si>
  <si>
    <t>\\acsfs\profiles$\gabrieleods\My Documents\My Videos\desktop.ini</t>
  </si>
  <si>
    <t>12/31/2019 07:23:27</t>
  </si>
  <si>
    <t>\\acsfs\profiles$\gabrieleods\My Documents\My Pictures\</t>
  </si>
  <si>
    <t>\\acsfs\profiles$\gabrieleods\My Documents\My Pictures\desktop.ini</t>
  </si>
  <si>
    <t>12/31/2019 07:23:28</t>
  </si>
  <si>
    <t>\\acsfs\profiles$\gabrieleods\Contacts\</t>
  </si>
  <si>
    <t>\\acsfs\profiles$\gabrieleods\Contacts\desktop.ini</t>
  </si>
  <si>
    <t>\\acsfs\profiles$\gabrieleods\Favorites\</t>
  </si>
  <si>
    <t>\\acsfs\profiles$\gabrieleods\Favorites\desktop.ini</t>
  </si>
  <si>
    <t>12/31/2019 07:23:29</t>
  </si>
  <si>
    <t>\\acsfs\profiles$\gabrieleods\My Documents\My Music\</t>
  </si>
  <si>
    <t>\\acsfs\profiles$\gabrieleods\My Documents\My Music\desktop.ini</t>
  </si>
  <si>
    <t>12/31/2019 07:23:30</t>
  </si>
  <si>
    <t>\\acsfs\profiles$\gabrieleods\Searches\</t>
  </si>
  <si>
    <t>\\acsfs\profiles$\gabrieleods\Searches\desktop.ini</t>
  </si>
  <si>
    <t>12/31/2019 07:23:31</t>
  </si>
  <si>
    <t>\\acsfs\profiles$\gabrieleods\Downloads\</t>
  </si>
  <si>
    <t>\\acsfs\profiles$\gabrieleods\Downloads\desktop.ini</t>
  </si>
  <si>
    <t>\\acsfs\profiles$\gabrieleods\My Documents\</t>
  </si>
  <si>
    <t>\\acsfs\profiles$\gabrieleods\My Documents\desktop.ini</t>
  </si>
  <si>
    <t>12/31/2019 07:23:32</t>
  </si>
  <si>
    <t>\\acsfs\profiles$\gabrieleods\Saved Games\</t>
  </si>
  <si>
    <t>\\acsfs\profiles$\gabrieleods\Saved Games\desktop.ini</t>
  </si>
  <si>
    <t>12/31/2019 07:24:40</t>
  </si>
  <si>
    <t>12/31/2019 07:24:01</t>
  </si>
  <si>
    <t>ab645ed9-ff72-4925-825d-d2ac8b3daed9.tmp</t>
  </si>
  <si>
    <t>\\acsfs\profiles$\laianear\Downloads\ab645ed9-ff72-4925-825d-d2ac8b3daed9.tmp</t>
  </si>
  <si>
    <t>12/31/2019 07:25:13</t>
  </si>
  <si>
    <t>12/31/2019 07:29:35</t>
  </si>
  <si>
    <t>12/31/2019 07:29:38</t>
  </si>
  <si>
    <t>12/31/2019 07:30:34</t>
  </si>
  <si>
    <t>COORD PLANEJAMENTO E CONTROLE</t>
  </si>
  <si>
    <t>10.200.60.164</t>
  </si>
  <si>
    <t>D0-67-E5-FF-1A-BC</t>
  </si>
  <si>
    <t>BV-Z020</t>
  </si>
  <si>
    <t>marianadjc</t>
  </si>
  <si>
    <t>12/31/2019 07:29:51</t>
  </si>
  <si>
    <t>12/31/2019 07:30:00</t>
  </si>
  <si>
    <t>12/31/2019 07:30:03</t>
  </si>
  <si>
    <t>12/31/2019 07:29:53</t>
  </si>
  <si>
    <t>12/31/2019 07:31:34</t>
  </si>
  <si>
    <t>12/31/2019 07:30:43</t>
  </si>
  <si>
    <t>12/31/2019 07:33:34</t>
  </si>
  <si>
    <t>12/31/2019 07:29:13</t>
  </si>
  <si>
    <t>12/31/2019 07:34:35</t>
  </si>
  <si>
    <t>12/31/2019 07:31:13</t>
  </si>
  <si>
    <t>12/31/2019 07:32:36</t>
  </si>
  <si>
    <t>12/31/2019 07:35:34</t>
  </si>
  <si>
    <t>12/31/2019 07:33:45</t>
  </si>
  <si>
    <t>10.200.66.8</t>
  </si>
  <si>
    <t>34-E6-D7-FC-BF-6E</t>
  </si>
  <si>
    <t>VOTORANT-OB014</t>
  </si>
  <si>
    <t>mariajra</t>
  </si>
  <si>
    <t>\\acsfs\profiles$\mariajra\Downloads\</t>
  </si>
  <si>
    <t>517bf5e3-813a-46af-8203-a54f1a2b637f.tmp</t>
  </si>
  <si>
    <t>\\acsfs\profiles$\mariajra\Downloads\517bf5e3-813a-46af-8203-a54f1a2b637f.tmp</t>
  </si>
  <si>
    <t>12/31/2019 07:35:00</t>
  </si>
  <si>
    <t>35502f92-f964-47da-9d10-294c46e5eadf.tmp</t>
  </si>
  <si>
    <t>\\acsfs\profiles$\mariajra\Downloads\35502f92-f964-47da-9d10-294c46e5eadf.tmp</t>
  </si>
  <si>
    <t>12/31/2019 07:32:35</t>
  </si>
  <si>
    <t>12/31/2019 07:33:27</t>
  </si>
  <si>
    <t>12/31/2019 07:34:30</t>
  </si>
  <si>
    <t>12/31/2019 07:35:08</t>
  </si>
  <si>
    <t>fd0237ad-cf54-4611-b3fd-be3cd3dd4a95.tmp</t>
  </si>
  <si>
    <t>\\acsfs\profiles$\eduardofss\Downloads\fd0237ad-cf54-4611-b3fd-be3cd3dd4a95.tmp</t>
  </si>
  <si>
    <t>12/31/2019 07:32:44</t>
  </si>
  <si>
    <t>12/31/2019 07:36:35</t>
  </si>
  <si>
    <t>10.200.66.72</t>
  </si>
  <si>
    <t>74-86-7A-FB-18-7E</t>
  </si>
  <si>
    <t>VOTORANT-ZB008</t>
  </si>
  <si>
    <t>GABRIELE OLIVEIRA DE SOUSA (22898).contact</t>
  </si>
  <si>
    <t>\\acsfs\profiles$\gabrieleods\Contacts\GABRIELE OLIVEIRA DE SOUSA (22898).contact</t>
  </si>
  <si>
    <t>12/31/2019 07:33:04</t>
  </si>
  <si>
    <t>12/31/2019 07:33:05</t>
  </si>
  <si>
    <t>12/31/2019 07:33:06</t>
  </si>
  <si>
    <t>12/31/2019 07:33:07</t>
  </si>
  <si>
    <t>12/31/2019 07:33:08</t>
  </si>
  <si>
    <t>12/31/2019 07:33:09</t>
  </si>
  <si>
    <t>12/31/2019 07:33:10</t>
  </si>
  <si>
    <t>12/31/2019 07:33:11</t>
  </si>
  <si>
    <t>\\acsfs\profiles$\gabrieleods\Favorites\Links for Brasil\</t>
  </si>
  <si>
    <t>\\acsfs\profiles$\gabrieleods\Favorites\Links for Brasil\desktop.ini</t>
  </si>
  <si>
    <t>Microsoft Brasil.url</t>
  </si>
  <si>
    <t>\\acsfs\profiles$\gabrieleods\Favorites\Links for Brasil\Microsoft Brasil.url</t>
  </si>
  <si>
    <t>12/31/2019 07:33:28</t>
  </si>
  <si>
    <t>Windows Brasil.url</t>
  </si>
  <si>
    <t>\\acsfs\profiles$\gabrieleods\Favorites\Links for Brasil\Windows Brasil.url</t>
  </si>
  <si>
    <t>MSN Brasil.url</t>
  </si>
  <si>
    <t>\\acsfs\profiles$\gabrieleods\Favorites\Links for Brasil\MSN Brasil.url</t>
  </si>
  <si>
    <t>12/31/2019 07:31:53</t>
  </si>
  <si>
    <t>12/31/2019 07:35:43</t>
  </si>
  <si>
    <t>12/31/2019 07:33:02</t>
  </si>
  <si>
    <t>12/31/2019 07:37:34</t>
  </si>
  <si>
    <t>10.200.67.23</t>
  </si>
  <si>
    <t>74-86-7A-FB-18-CF</t>
  </si>
  <si>
    <t>VOTORANT-MB005</t>
  </si>
  <si>
    <t>deboraaa</t>
  </si>
  <si>
    <t>\\acsfs\profiles$\deboraaa\Downloads\</t>
  </si>
  <si>
    <t>c5c580ac-6102-4123-ad3a-3fe3662ef744.tmp</t>
  </si>
  <si>
    <t>\\acsfs\profiles$\deboraaa\Downloads\c5c580ac-6102-4123-ad3a-3fe3662ef744.tmp</t>
  </si>
  <si>
    <t>8e9f6a9f-f200-4209-8441-220b904117ba.tmp</t>
  </si>
  <si>
    <t>\\acsfs\profiles$\deboraaa\Downloads\8e9f6a9f-f200-4209-8441-220b904117ba.tmp</t>
  </si>
  <si>
    <t>c0240c66-3be3-4d68-aa7d-91eebd407d15.tmp</t>
  </si>
  <si>
    <t>\\acsfs\profiles$\deboraaa\Downloads\c0240c66-3be3-4d68-aa7d-91eebd407d15.tmp</t>
  </si>
  <si>
    <t>12/31/2019 07:34:19</t>
  </si>
  <si>
    <t>60e23c2f-41b9-4f4b-9012-5a5da8c309c2.tmp</t>
  </si>
  <si>
    <t>\\acsfs\profiles$\deboraaa\Downloads\60e23c2f-41b9-4f4b-9012-5a5da8c309c2.tmp</t>
  </si>
  <si>
    <t>12/31/2019 07:36:02</t>
  </si>
  <si>
    <t>ef6e940b-8b40-4120-a33c-277738613366.tmp</t>
  </si>
  <si>
    <t>\\acsfs\profiles$\deboraaa\Downloads\ef6e940b-8b40-4120-a33c-277738613366.tmp</t>
  </si>
  <si>
    <t>12/31/2019 07:35:13</t>
  </si>
  <si>
    <t>12/31/2019 07:39:35</t>
  </si>
  <si>
    <t>12/31/2019 07:37:13</t>
  </si>
  <si>
    <t>12/31/2019 07:37:31</t>
  </si>
  <si>
    <t>mail.google.com/sync/u/0/i/s?hl=pt-BR&amp;c=158</t>
  </si>
  <si>
    <t>12/31/2019 07:37:40</t>
  </si>
  <si>
    <t>mail.google.com/sync/u/0/i/s?hl=pt-BR&amp;c=160</t>
  </si>
  <si>
    <t>12/31/2019 07:37:42</t>
  </si>
  <si>
    <t>mail.google.com/sync/u/0/i/s?hl=pt-BR&amp;c=162</t>
  </si>
  <si>
    <t>12/31/2019 07:37:57</t>
  </si>
  <si>
    <t>mail.google.com/sync/u/0/i/s?hl=pt-BR&amp;c=165</t>
  </si>
  <si>
    <t>12/31/2019 07:38:03</t>
  </si>
  <si>
    <t>mail.google.com/sync/u/0/i/s?hl=pt-BR&amp;c=167</t>
  </si>
  <si>
    <t>12/31/2019 07:38:21</t>
  </si>
  <si>
    <t>mail.google.com/sync/u/0/i/s?hl=pt-BR&amp;c=170</t>
  </si>
  <si>
    <t>12/31/2019 07:38:51</t>
  </si>
  <si>
    <t>\\acsfs\DEPTOS\Operacao\PCP\5 - Comum\PLANEJAMENTO BV\14 - ACOMPANHAMENTO\1 - REPORT ACOMPANHAMENTO\2019\12 - Dezembro\CARTÕES\SHORTCALLS\</t>
  </si>
  <si>
    <t>Shortcalls.xlsx</t>
  </si>
  <si>
    <t>\\acsfs\DEPTOS\Operacao\PCP\5 - Comum\PLANEJAMENTO BV\14 - ACOMPANHAMENTO\1 - REPORT ACOMPANHAMENTO\2019\12 - Dezembro\CARTÕES\SHORTCALLS\Shortcalls.xlsx</t>
  </si>
  <si>
    <t>12/31/2019 07:37:39</t>
  </si>
  <si>
    <t>12/31/2019 07:40:34</t>
  </si>
  <si>
    <t>12/31/2019 07:36:51</t>
  </si>
  <si>
    <t>0e7942b7-b6b7-45f7-a856-5a6f10778671.tmp</t>
  </si>
  <si>
    <t>\\acsfs\profiles$\eduardofss\Downloads\0e7942b7-b6b7-45f7-a856-5a6f10778671.tmp</t>
  </si>
  <si>
    <t>12/31/2019 07:37:53</t>
  </si>
  <si>
    <t>12/31/2019 07:41:35</t>
  </si>
  <si>
    <t>12/31/2019 07:40:53</t>
  </si>
  <si>
    <t>12/31/2019 07:36:41</t>
  </si>
  <si>
    <t>12/31/2019 07:42:34</t>
  </si>
  <si>
    <t>\\acsfs\profiles$\deboraaa\Favorites\tv.url\</t>
  </si>
  <si>
    <t>\\acsfs\profiles$\deboraaa\Favorites\tv.url\:favicon:$DATA</t>
  </si>
  <si>
    <t>\\acsfs\profiles$\deboraaa\Favorites\</t>
  </si>
  <si>
    <t>tv.url</t>
  </si>
  <si>
    <t>\\acsfs\profiles$\deboraaa\Favorites\tv.url</t>
  </si>
  <si>
    <t>12/31/2019 07:36:42</t>
  </si>
  <si>
    <t>\\acsfs\profiles$\deboraaa\Favorites\Entrar no cliente Zimbra para Web.url\</t>
  </si>
  <si>
    <t>\\acsfs\profiles$\deboraaa\Favorites\Entrar no cliente Zimbra para Web.url\:favicon:$DATA</t>
  </si>
  <si>
    <t>Entrar no cliente Zimbra para Web.url</t>
  </si>
  <si>
    <t>\\acsfs\profiles$\deboraaa\Favorites\Entrar no cliente Zimbra para Web.url</t>
  </si>
  <si>
    <t>12/31/2019 07:36:46</t>
  </si>
  <si>
    <t>d2eb3f35-cd5e-44f8-9eba-1a2a9a4fb09b.tmp</t>
  </si>
  <si>
    <t>\\acsfs\profiles$\deboraaa\Downloads\d2eb3f35-cd5e-44f8-9eba-1a2a9a4fb09b.tmp</t>
  </si>
  <si>
    <t>12/31/2019 07:37:54</t>
  </si>
  <si>
    <t>36a4ec7a-038d-47b2-921a-14f7311c0989.tmp</t>
  </si>
  <si>
    <t>\\acsfs\profiles$\deboraaa\Downloads\36a4ec7a-038d-47b2-921a-14f7311c0989.tmp</t>
  </si>
  <si>
    <t>12/31/2019 07:41:13</t>
  </si>
  <si>
    <t>12/31/2019 07:44:34</t>
  </si>
  <si>
    <t>12/31/2019 07:43:13</t>
  </si>
  <si>
    <t>12/31/2019 07:39:19</t>
  </si>
  <si>
    <t>mail.google.com/sync/u/0/i/s?hl=pt-BR&amp;c=175</t>
  </si>
  <si>
    <t>12/31/2019 07:39:29</t>
  </si>
  <si>
    <t>mail.google.com/sync/u/0/i/s?hl=pt-BR&amp;c=177</t>
  </si>
  <si>
    <t>12/31/2019 07:39:39</t>
  </si>
  <si>
    <t>mail.google.com/sync/u/0/i/s?hl=pt-BR&amp;c=179</t>
  </si>
  <si>
    <t>bvcartes-supervisores@algarnet.onmicrosoft.com;joaogvc@algartech.com;leonardoao@algartech.com;mirianppb@algartech.com;paulacn@algartech.com;rafaelggs@algartech.com;taysdss@algartech.com;viniciussg@algartech.com;</t>
  </si>
  <si>
    <t>bvcartes-supervisores@algarnet.onmicrosoft.com,joaogvc@algartech.com,leonardoao@algartech.com,mirianppb@algartech.com,paulacn@algartech.com,rafaelggs@algartech.com,taysdss@algartech.com,viniciussg@algartech.com</t>
  </si>
  <si>
    <t>12/31/2019 07:42:03</t>
  </si>
  <si>
    <t>mail.google.com/sync/u/0/i/s?hl=pt-BR&amp;c=183</t>
  </si>
  <si>
    <t>12/31/2019 07:42:38</t>
  </si>
  <si>
    <t>12/31/2019 07:45:34</t>
  </si>
  <si>
    <t>55a5e9c8-70ce-4591-a677-e43e5af1de21.tmp</t>
  </si>
  <si>
    <t>\\acsfs\profiles$\mariajra\Downloads\55a5e9c8-70ce-4591-a677-e43e5af1de21.tmp</t>
  </si>
  <si>
    <t>12/31/2019 07:43:53</t>
  </si>
  <si>
    <t>12/31/2019 07:46:34</t>
  </si>
  <si>
    <t>12/31/2019 07:44:35</t>
  </si>
  <si>
    <t>12/31/2019 07:47:34</t>
  </si>
  <si>
    <t>12/31/2019 07:43:54</t>
  </si>
  <si>
    <t>10.200.66.16</t>
  </si>
  <si>
    <t>64-1C-67-9D-1E-C3</t>
  </si>
  <si>
    <t>VOTORANT-JB019</t>
  </si>
  <si>
    <t>Jordanarb</t>
  </si>
  <si>
    <t>https://hl2rcv.adobe.com/headlights/uploadfile/</t>
  </si>
  <si>
    <t>C:\Users\Jordanarb\AppData\Roaming\Adobe\LogTransport2\Logs\</t>
  </si>
  <si>
    <t>ulog_Acrobat12_Reader_22bb18ef-a0cc-4985-b2f1-d8449a05e1d0_0b8d04fe-f8ab-4bb5-8364-4756b0546a7b_0.log</t>
  </si>
  <si>
    <t>Algar_Compressed Files</t>
  </si>
  <si>
    <t>C:\Users\Jordanarb\AppData\Roaming\Adobe\LogTransport2\Logs\ulog_Acrobat12_Reader_22bb18ef-a0cc-4985-b2f1-d8449a05e1d0_0b8d04fe-f8ab-4bb5-8364-4756b0546a7b_0.log\</t>
  </si>
  <si>
    <t>NONAMEFL</t>
  </si>
  <si>
    <t>12/31/2019 07:47:54</t>
  </si>
  <si>
    <t>12/31/2019 07:48:34</t>
  </si>
  <si>
    <t>10.200.66.147</t>
  </si>
  <si>
    <t>64-1C-67-9C-83-B8</t>
  </si>
  <si>
    <t>VOTORANT-OB018</t>
  </si>
  <si>
    <t>anafsb</t>
  </si>
  <si>
    <t>\\acsfs\profiles$\anafsb\Downloads\</t>
  </si>
  <si>
    <t>2a806557-6164-4bbe-b4b4-836b5211d961.tmp</t>
  </si>
  <si>
    <t>\\acsfs\profiles$\anafsb\Downloads\2a806557-6164-4bbe-b4b4-836b5211d961.tmp</t>
  </si>
  <si>
    <t>12/31/2019 07:47:55</t>
  </si>
  <si>
    <t>eb734e94-be4f-4c95-9226-5e4dbbb825fb.tmp</t>
  </si>
  <si>
    <t>\\acsfs\profiles$\anafsb\Downloads\eb734e94-be4f-4c95-9226-5e4dbbb825fb.tmp</t>
  </si>
  <si>
    <t>12/31/2019 07:47:56</t>
  </si>
  <si>
    <t>d6c49e16-ece1-441c-8738-707864568287.tmp</t>
  </si>
  <si>
    <t>\\acsfs\profiles$\anafsb\Downloads\d6c49e16-ece1-441c-8738-707864568287.tmp</t>
  </si>
  <si>
    <t>12/31/2019 07:44:00</t>
  </si>
  <si>
    <t>10.200.67.28</t>
  </si>
  <si>
    <t>74-86-7A-FB-17-C3</t>
  </si>
  <si>
    <t>VOTORANT-MB006</t>
  </si>
  <si>
    <t>milennyss</t>
  </si>
  <si>
    <t>\\acsfs\profiles$\milennyss\Favorites\citrix.url\</t>
  </si>
  <si>
    <t>\\acsfs\profiles$\milennyss\Favorites\citrix.url\:favicon:$DATA</t>
  </si>
  <si>
    <t>\\acsfs\profiles$\milennyss\Favorites\</t>
  </si>
  <si>
    <t>\\acsfs\profiles$\milennyss\Favorites\citrix.url</t>
  </si>
  <si>
    <t>12/31/2019 07:47:14</t>
  </si>
  <si>
    <t>12/31/2019 07:49:34</t>
  </si>
  <si>
    <t>12/31/2019 07:50:10</t>
  </si>
  <si>
    <t>12/31/2019 07:50:35</t>
  </si>
  <si>
    <t>10.200.67.20</t>
  </si>
  <si>
    <t>74-86-7A-FC-CF-AB</t>
  </si>
  <si>
    <t>VOTORANT-GB004</t>
  </si>
  <si>
    <t>stefaniasdf</t>
  </si>
  <si>
    <t>\\acsfs\profiles$\stefaniasdf\Favorites\Citrix.url\</t>
  </si>
  <si>
    <t>\\acsfs\profiles$\stefaniasdf\Favorites\Citrix.url\:favicon:$DATA</t>
  </si>
  <si>
    <t>\\acsfs\profiles$\stefaniasdf\Favorites\</t>
  </si>
  <si>
    <t>Citrix.url</t>
  </si>
  <si>
    <t>\\acsfs\profiles$\stefaniasdf\Favorites\Citrix.url</t>
  </si>
  <si>
    <t>12/31/2019 07:49:38</t>
  </si>
  <si>
    <t>12/31/2019 07:51:34</t>
  </si>
  <si>
    <t>12/31/2019 07:46:54</t>
  </si>
  <si>
    <t>12/31/2019 07:49:53</t>
  </si>
  <si>
    <t>12/31/2019 07:51:15</t>
  </si>
  <si>
    <t>12/31/2019 07:53:34</t>
  </si>
  <si>
    <t>0a719d41-5701-470b-865d-efe4c95710c7.tmp</t>
  </si>
  <si>
    <t>\\acsfs\profiles$\anafsb\Downloads\0a719d41-5701-470b-865d-efe4c95710c7.tmp</t>
  </si>
  <si>
    <t>12/31/2019 07:51:16</t>
  </si>
  <si>
    <t>80699f1e-b2d8-4b06-8027-dc24513b60cc.tmp</t>
  </si>
  <si>
    <t>\\acsfs\profiles$\anafsb\Downloads\80699f1e-b2d8-4b06-8027-dc24513b60cc.tmp</t>
  </si>
  <si>
    <t>12/31/2019 07:51:32</t>
  </si>
  <si>
    <t>\\acsfs\profiles$\milennyss\My Documents\</t>
  </si>
  <si>
    <t>Acessos.txt</t>
  </si>
  <si>
    <t>\\acsfs\profiles$\milennyss\My Documents\Acessos.txt</t>
  </si>
  <si>
    <t>12/31/2019 07:49:14</t>
  </si>
  <si>
    <t>12/31/2019 07:54:35</t>
  </si>
  <si>
    <t>12/31/2019 07:53:14</t>
  </si>
  <si>
    <t>12/31/2019 07:52:34</t>
  </si>
  <si>
    <t>mail.google.com/sync/u/0/i/s?hl=pt-BR&amp;c=204</t>
  </si>
  <si>
    <t>12/31/2019 07:52:37</t>
  </si>
  <si>
    <t>mail.google.com/sync/u/0/i/s?hl=pt-BR&amp;c=206</t>
  </si>
  <si>
    <t>12/31/2019 07:52:50</t>
  </si>
  <si>
    <t>mail.google.com/sync/u/0/i/s?hl=pt-BR&amp;c=208</t>
  </si>
  <si>
    <t>12/31/2019 07:52:59</t>
  </si>
  <si>
    <t>mail.google.com/sync/u/0/i/s?hl=pt-BR&amp;c=211</t>
  </si>
  <si>
    <t>12/31/2019 07:53:07</t>
  </si>
  <si>
    <t>mail.google.com/sync/u/0/i/s?hl=pt-BR&amp;c=213</t>
  </si>
  <si>
    <t>joaogvc@algartech.com;marianadjc@algartech.com;planejamentodeoperacoesetrafego@bv.com.br;rafaelggs@algartech.com;taysdss@algartech.com;viniciussg@algartech.com;</t>
  </si>
  <si>
    <t>joaogvc@algartech.com,marianadjc@algartech.com,planejamentodeoperacoesetrafego@bv.com.br,rafaelggs@algartech.com,taysdss@algartech.com,viniciussg@algartech.com</t>
  </si>
  <si>
    <t>12/31/2019 07:53:50</t>
  </si>
  <si>
    <t>mail.google.com/sync/u/0/i/s?hl=pt-BR&amp;c=215</t>
  </si>
  <si>
    <t>12/31/2019 07:50:32</t>
  </si>
  <si>
    <t>12/31/2019 07:55:34</t>
  </si>
  <si>
    <t>10.200.67.24</t>
  </si>
  <si>
    <t>74-86-7A-FB-1B-6A</t>
  </si>
  <si>
    <t>VOTORANT-PB004</t>
  </si>
  <si>
    <t>leticiaat</t>
  </si>
  <si>
    <t>\\acsfs\profiles$\leticiaat\My Documents\</t>
  </si>
  <si>
    <t>Download.pdf</t>
  </si>
  <si>
    <t>\\acsfs\profiles$\leticiaat\My Documents\Download.pdf</t>
  </si>
  <si>
    <t>12/31/2019 07:53:47</t>
  </si>
  <si>
    <t>80a6122a-39a1-4323-8418-62b07e62e869.tmp</t>
  </si>
  <si>
    <t>\\acsfs\profiles$\valeriasda\Downloads\80a6122a-39a1-4323-8418-62b07e62e869.tmp</t>
  </si>
  <si>
    <t>12/31/2019 07:53:55</t>
  </si>
  <si>
    <t>12/31/2019 07:56:35</t>
  </si>
  <si>
    <t>10.200.67.64</t>
  </si>
  <si>
    <t>78-2B-CB-C1-06-D3</t>
  </si>
  <si>
    <t>VOTORANT-MB008</t>
  </si>
  <si>
    <t>larissaad</t>
  </si>
  <si>
    <t>\\acsfs\profiles$\larissaad\Downloads\</t>
  </si>
  <si>
    <t>2c3ae275-e7ae-4a70-ab7d-24e97f12e2ec.tmp</t>
  </si>
  <si>
    <t>\\acsfs\profiles$\larissaad\Downloads\2c3ae275-e7ae-4a70-ab7d-24e97f12e2ec.tmp</t>
  </si>
  <si>
    <t>12/31/2019 07:54:24</t>
  </si>
  <si>
    <t>f8da8f31-4ce1-4e1d-bda4-2f4f16ecc683.tmp</t>
  </si>
  <si>
    <t>\\acsfs\profiles$\larissaad\Downloads\f8da8f31-4ce1-4e1d-bda4-2f4f16ecc683.tmp</t>
  </si>
  <si>
    <t>12/31/2019 07:53:06</t>
  </si>
  <si>
    <t>12/31/2019 07:55:53</t>
  </si>
  <si>
    <t>12/31/2019 07:54:23</t>
  </si>
  <si>
    <t>12/31/2019 07:57:35</t>
  </si>
  <si>
    <t>12/31/2019 07:53:15</t>
  </si>
  <si>
    <t>10.200.67.164</t>
  </si>
  <si>
    <t>64-1C-67-9D-1E-23</t>
  </si>
  <si>
    <t>VOTORANT-FB008</t>
  </si>
  <si>
    <t>tiagosno</t>
  </si>
  <si>
    <t>\\acsfs\profiles$\tiagosno\Favorites\</t>
  </si>
  <si>
    <t>\\acsfs\profiles$\tiagosno\Favorites\Citrix Receiver.url:favicon</t>
  </si>
  <si>
    <t>\\acsfs\profiles$\tiagosno\Favorites\Citrix Receiver.url\</t>
  </si>
  <si>
    <t>\\acsfs\profiles$\tiagosno\Favorites\Citrix Receiver.url\:favicon:$DATA</t>
  </si>
  <si>
    <t>\\acsfs\profiles$\tiagosno\Favorites\Citrix Receiver.url</t>
  </si>
  <si>
    <t>12/31/2019 07:54:47</t>
  </si>
  <si>
    <t>Welcome - 1.url:favicon</t>
  </si>
  <si>
    <t>\\acsfs\profiles$\tiagosno\Favorites\Welcome - 1.url:favicon</t>
  </si>
  <si>
    <t>\\acsfs\profiles$\tiagosno\Favorites\Welcome - 1.url\</t>
  </si>
  <si>
    <t>\\acsfs\profiles$\tiagosno\Favorites\Welcome - 1.url\:favicon:$DATA</t>
  </si>
  <si>
    <t>Welcome - 1.url</t>
  </si>
  <si>
    <t>\\acsfs\profiles$\tiagosno\Favorites\Welcome - 1.url</t>
  </si>
  <si>
    <t>12/31/2019 07:53:39</t>
  </si>
  <si>
    <t>acc8241e-658e-4337-aa1f-3bb219f7186b.tmp</t>
  </si>
  <si>
    <t>\\acsfs\profiles$\vivianealda\Downloads\acc8241e-658e-4337-aa1f-3bb219f7186b.tmp</t>
  </si>
  <si>
    <t>12/31/2019 07:55:54</t>
  </si>
  <si>
    <t>c53139de-4fe2-47e2-879b-996d2b00681d.tmp</t>
  </si>
  <si>
    <t>\\acsfs\profiles$\vivianealda\Downloads\c53139de-4fe2-47e2-879b-996d2b00681d.tmp</t>
  </si>
  <si>
    <t>12/31/2019 07:54:04</t>
  </si>
  <si>
    <t>12/31/2019 07:56:44</t>
  </si>
  <si>
    <t>12/31/2019 07:58:35</t>
  </si>
  <si>
    <t>12/31/2019 07:56:56</t>
  </si>
  <si>
    <t>10.200.67.101</t>
  </si>
  <si>
    <t>D0-94-66-B5-4E-58</t>
  </si>
  <si>
    <t>VOTORANT-ZB015</t>
  </si>
  <si>
    <t>12/31/2019 07:55:14</t>
  </si>
  <si>
    <t>12/31/2019 07:59:35</t>
  </si>
  <si>
    <t>12/31/2019 07:53:56</t>
  </si>
  <si>
    <t>mail.google.com/sync/u/0/i/s?hl=pt-BR&amp;c=219</t>
  </si>
  <si>
    <t>12/31/2019 07:54:06</t>
  </si>
  <si>
    <t>mail.google.com/sync/u/0/i/s?hl=pt-BR&amp;c=221</t>
  </si>
  <si>
    <t>12/31/2019 07:56:45</t>
  </si>
  <si>
    <t>mail.google.com/sync/u/0/i/s?hl=pt-BR&amp;c=235</t>
  </si>
  <si>
    <t>12/31/2019 07:56:55</t>
  </si>
  <si>
    <t>mail.google.com/sync/u/0/i/s?hl=pt-BR&amp;c=237</t>
  </si>
  <si>
    <t>joaogvc@algartech.com;leonardoao@algartech.com;marianadjc@algartech.com;paulacn@algartech.com;planejamentodeoperacoesetrafego@bv.com.br;rafaelggs@algartech.com;taysdss@algartech.com;thiagordu@algartech.com;viniciussg@algartech.com;</t>
  </si>
  <si>
    <t>joaogvc@algartech.com,leonardoao@algartech.com,marianadjc@algartech.com,paulacn@algartech.com,planejamentodeoperacoesetrafego@bv.com.br,rafaelggs@algartech.com,taysdss@algartech.com,thiagordu@algartech.com,viniciussg@algartech.com</t>
  </si>
  <si>
    <t>12/31/2019 07:57:04</t>
  </si>
  <si>
    <t>mail.google.com/sync/u/0/i/s?hl=pt-BR&amp;c=240</t>
  </si>
  <si>
    <t>12/31/2019 07:57:12</t>
  </si>
  <si>
    <t>mail.google.com/sync/u/0/i/s?hl=pt-BR&amp;c=242</t>
  </si>
  <si>
    <t>12/31/2019 07:57:18</t>
  </si>
  <si>
    <t>mail.google.com/sync/u/0/i/s?hl=pt-BR&amp;c=244</t>
  </si>
  <si>
    <t>12/31/2019 07:57:37</t>
  </si>
  <si>
    <t>mail.google.com/sync/u/0/i/s?hl=pt-BR&amp;c=246</t>
  </si>
  <si>
    <t>12/31/2019 07:58:23</t>
  </si>
  <si>
    <t>mail.google.com/sync/u/0/i/s?hl=pt-BR&amp;c=249</t>
  </si>
  <si>
    <t>12/31/2019 07:58:27</t>
  </si>
  <si>
    <t>mail.google.com/sync/u/0/i/s?hl=pt-BR&amp;c=251</t>
  </si>
  <si>
    <t>12/31/2019 07:58:54</t>
  </si>
  <si>
    <t>mail.google.com/sync/u/0/i/s?hl=pt-BR&amp;c=254</t>
  </si>
  <si>
    <t>12/31/2019 07:56:57</t>
  </si>
  <si>
    <t>12/31/2019 08:00:34</t>
  </si>
  <si>
    <t>12/31/2019 07:59:03</t>
  </si>
  <si>
    <t>12/31/2019 08:01:35</t>
  </si>
  <si>
    <t>12/31/2019 07:57:22</t>
  </si>
  <si>
    <t>a39975e0-62ef-4f01-bbe1-e92d1c92d848.tmp</t>
  </si>
  <si>
    <t>\\acsfs\profiles$\larissaad\Downloads\a39975e0-62ef-4f01-bbe1-e92d1c92d848.tmp</t>
  </si>
  <si>
    <t>12/31/2019 07:58:53</t>
  </si>
  <si>
    <t>12/31/2019 07:59:22</t>
  </si>
  <si>
    <t>12/31/2019 08:02:35</t>
  </si>
  <si>
    <t>10.200.66.105</t>
  </si>
  <si>
    <t>D0-94-66-B5-70-B6</t>
  </si>
  <si>
    <t>VOTORANT-ACB015</t>
  </si>
  <si>
    <t>12/31/2019 08:00:54</t>
  </si>
  <si>
    <t>marcellewdl</t>
  </si>
  <si>
    <t>\\acsfs\profiles$\marcellewdl\Downloads\</t>
  </si>
  <si>
    <t>e1e89975-78f0-446e-afba-e238810d996d.tmp</t>
  </si>
  <si>
    <t>\\acsfs\profiles$\marcellewdl\Downloads\e1e89975-78f0-446e-afba-e238810d996d.tmp</t>
  </si>
  <si>
    <t>12/31/2019 08:01:49</t>
  </si>
  <si>
    <t>1d0e29ae-ab81-4d30-98df-b3f5ffd92ac8.tmp</t>
  </si>
  <si>
    <t>\\acsfs\profiles$\marcellewdl\Downloads\1d0e29ae-ab81-4d30-98df-b3f5ffd92ac8.tmp</t>
  </si>
  <si>
    <t>12/31/2019 07:59:05</t>
  </si>
  <si>
    <t>12/31/2019 07:59:08</t>
  </si>
  <si>
    <t>12/31/2019 08:01:30</t>
  </si>
  <si>
    <t>250881d5-68cd-426e-bf74-35fdc10d3e52.tmp</t>
  </si>
  <si>
    <t>\\acsfs\profiles$\vivianealda\Downloads\250881d5-68cd-426e-bf74-35fdc10d3e52.tmp</t>
  </si>
  <si>
    <t>12/31/2019 07:58:44</t>
  </si>
  <si>
    <t>12/31/2019 08:03:34</t>
  </si>
  <si>
    <t>anavbg</t>
  </si>
  <si>
    <t>\\acsfs\DEPTOS\Operacao\Banco_Votorantim\Supervisao\SUPERS BV CARTÕES\ANA VITORIA\APOIO\</t>
  </si>
  <si>
    <t>.~lock.Filas Rafael.ods#</t>
  </si>
  <si>
    <t>\\acsfs\DEPTOS\Operacao\Banco_Votorantim\Supervisao\SUPERS BV CARTÕES\ANA VITORIA\APOIO\.~lock.Filas Rafael.ods#</t>
  </si>
  <si>
    <t>12/31/2019 07:59:17</t>
  </si>
  <si>
    <t>wenderbnm</t>
  </si>
  <si>
    <t>\\acsfs\profiles$\wenderbnm\Downloads\</t>
  </si>
  <si>
    <t>88d76a92-d6ae-453b-88ba-f1490fcf3087.tmp</t>
  </si>
  <si>
    <t>\\acsfs\profiles$\wenderbnm\Downloads\88d76a92-d6ae-453b-88ba-f1490fcf3087.tmp</t>
  </si>
  <si>
    <t>12/31/2019 08:01:08</t>
  </si>
  <si>
    <t>7b4fdf9f-7e7a-4bca-beb9-e086cd60b4ae.tmp</t>
  </si>
  <si>
    <t>\\acsfs\profiles$\wenderbnm\Downloads\7b4fdf9f-7e7a-4bca-beb9-e086cd60b4ae.tmp</t>
  </si>
  <si>
    <t>12/31/2019 07:59:11</t>
  </si>
  <si>
    <t>10.200.66.39</t>
  </si>
  <si>
    <t>78-2B-CB-C1-06-76</t>
  </si>
  <si>
    <t>VOTORANT-GB040</t>
  </si>
  <si>
    <t>milenaas</t>
  </si>
  <si>
    <t>\\acsfs\profiles$\milenaas\Downloads\</t>
  </si>
  <si>
    <t>e2a657bd-f104-4733-83a3-aee82ed9065c.tmp</t>
  </si>
  <si>
    <t>\\acsfs\profiles$\milenaas\Downloads\e2a657bd-f104-4733-83a3-aee82ed9065c.tmp</t>
  </si>
  <si>
    <t>12/31/2019 08:00:41</t>
  </si>
  <si>
    <t>f1a2fcc6-f8bc-4adc-b9ac-e11cfe94726a.tmp</t>
  </si>
  <si>
    <t>\\acsfs\profiles$\milenaas\Downloads\f1a2fcc6-f8bc-4adc-b9ac-e11cfe94726a.tmp</t>
  </si>
  <si>
    <t>12/31/2019 08:01:09</t>
  </si>
  <si>
    <t>db7aee23-2332-4f2c-a735-bb9b580800b7.tmp</t>
  </si>
  <si>
    <t>\\acsfs\profiles$\milenaas\Downloads\db7aee23-2332-4f2c-a735-bb9b580800b7.tmp</t>
  </si>
  <si>
    <t>rafaelamsv</t>
  </si>
  <si>
    <t>\\acsfs\profiles$\rafaelamsv\Downloads\</t>
  </si>
  <si>
    <t>fe667803-6103-482a-8a87-ea1a77bd8c03.tmp</t>
  </si>
  <si>
    <t>\\acsfs\profiles$\rafaelamsv\Downloads\fe667803-6103-482a-8a87-ea1a77bd8c03.tmp</t>
  </si>
  <si>
    <t>12/31/2019 07:59:18</t>
  </si>
  <si>
    <t>9c8d90c9-cf3b-45b1-819b-7e363c92144f.tmp</t>
  </si>
  <si>
    <t>\\acsfs\profiles$\rafaelamsv\Downloads\9c8d90c9-cf3b-45b1-819b-7e363c92144f.tmp</t>
  </si>
  <si>
    <t>12/31/2019 08:01:53</t>
  </si>
  <si>
    <t>10.200.67.133</t>
  </si>
  <si>
    <t>74-86-7A-FD-D5-04</t>
  </si>
  <si>
    <t>VOTORANT-WB014</t>
  </si>
  <si>
    <t>anapdsb</t>
  </si>
  <si>
    <t>\\acsfs\profiles$\ANAPDSB\Downloads\</t>
  </si>
  <si>
    <t>464d2fe4-27e3-4d13-ac81-96ea29b84715.tmp</t>
  </si>
  <si>
    <t>\\acsfs\profiles$\ANAPDSB\Downloads\464d2fe4-27e3-4d13-ac81-96ea29b84715.tmp</t>
  </si>
  <si>
    <t>12/31/2019 08:02:04</t>
  </si>
  <si>
    <t>Q29udHJvbGxlci5DYWxjdWxhZG9yYURlVmVuY2lt (22).ica</t>
  </si>
  <si>
    <t>\\acsfs\profiles$\ANAPDSB\Downloads\Q29udHJvbGxlci5DYWxjdWxhZG9yYURlVmVuY2lt (22).ica</t>
  </si>
  <si>
    <t>12/31/2019 08:03:07</t>
  </si>
  <si>
    <t>8511a603-2c8a-4271-820e-49abd3354b64.tmp</t>
  </si>
  <si>
    <t>\\acsfs\profiles$\ANAPDSB\Downloads\8511a603-2c8a-4271-820e-49abd3354b64.tmp</t>
  </si>
  <si>
    <t>a199a7f3-f93c-452f-a143-bafd57a57ce8.tmp</t>
  </si>
  <si>
    <t>\\acsfs\profiles$\anafsb\Downloads\a199a7f3-f93c-452f-a143-bafd57a57ce8.tmp</t>
  </si>
  <si>
    <t>12/31/2019 07:59:15</t>
  </si>
  <si>
    <t>12/31/2019 08:04:35</t>
  </si>
  <si>
    <t>10.200.67.154</t>
  </si>
  <si>
    <t>78-2B-CB-C1-07-1B</t>
  </si>
  <si>
    <t>VOTORANT-RB009</t>
  </si>
  <si>
    <t>deborahsi</t>
  </si>
  <si>
    <t>\\acsfs\profiles$\deborahsi\Downloads\</t>
  </si>
  <si>
    <t>6471f792-d42c-433f-b27e-aae4594d4526.tmp</t>
  </si>
  <si>
    <t>\\acsfs\profiles$\deborahsi\Downloads\6471f792-d42c-433f-b27e-aae4594d4526.tmp</t>
  </si>
  <si>
    <t>12/31/2019 08:00:37</t>
  </si>
  <si>
    <t>c6f76e6b-7b44-450f-8b6e-056b756e7eaf.tmp</t>
  </si>
  <si>
    <t>\\acsfs\profiles$\deborahsi\Downloads\c6f76e6b-7b44-450f-8b6e-056b756e7eaf.tmp</t>
  </si>
  <si>
    <t>12/31/2019 08:01:23</t>
  </si>
  <si>
    <t>7b9cf1d8-a1a7-4798-ad4f-a783c3ddebc1.tmp</t>
  </si>
  <si>
    <t>\\acsfs\profiles$\deborahsi\Downloads\7b9cf1d8-a1a7-4798-ad4f-a783c3ddebc1.tmp</t>
  </si>
  <si>
    <t>12/31/2019 08:02:55</t>
  </si>
  <si>
    <t>10.200.67.215</t>
  </si>
  <si>
    <t>D0-94-66-B5-5D-F2</t>
  </si>
  <si>
    <t>VOTORANT-ABB015</t>
  </si>
  <si>
    <t>12/31/2019 07:59:14</t>
  </si>
  <si>
    <t>12/31/2019 08:01:14</t>
  </si>
  <si>
    <t>mail.google.com/sync/u/0/i/s?hl=pt-BR&amp;c=257</t>
  </si>
  <si>
    <t>mail.google.com/sync/u/0/i/s?hl=pt-BR&amp;c=259</t>
  </si>
  <si>
    <t>12/31/2019 07:59:21</t>
  </si>
  <si>
    <t>mail.google.com/sync/u/0/i/s?hl=pt-BR&amp;c=261</t>
  </si>
  <si>
    <t>12/31/2019 07:59:25</t>
  </si>
  <si>
    <t>mail.google.com/sync/u/0/i/s?hl=pt-BR&amp;c=263</t>
  </si>
  <si>
    <t>12/31/2019 07:59:54</t>
  </si>
  <si>
    <t>mail.google.com/sync/u/0/i/s?hl=pt-BR&amp;c=265</t>
  </si>
  <si>
    <t>12/31/2019 07:59:55</t>
  </si>
  <si>
    <t>12/31/2019 08:00:00</t>
  </si>
  <si>
    <t>mail.google.com/sync/u/0/i/s?hl=pt-BR&amp;c=268</t>
  </si>
  <si>
    <t>12/31/2019 08:01:25</t>
  </si>
  <si>
    <t>mail.google.com/sync/u/0/i/s?hl=pt-BR&amp;c=272</t>
  </si>
  <si>
    <t>12/31/2019 08:01:28</t>
  </si>
  <si>
    <t>mail.google.com/sync/u/0/i/s?hl=pt-BR&amp;c=274</t>
  </si>
  <si>
    <t>12/31/2019 08:01:46</t>
  </si>
  <si>
    <t>\\acsfs\DEPTOS\Operacao\PCP\5 - Comum\PLANEJAMENTO BV\14 - ACOMPANHAMENTO\1 - REPORT ACOMPANHAMENTO\2019\12 - Dezembro\CARTÕES\Pausas CARTÕES\</t>
  </si>
  <si>
    <t>Pausas.xlsx</t>
  </si>
  <si>
    <t>\\acsfs\DEPTOS\Operacao\PCP\5 - Comum\PLANEJAMENTO BV\14 - ACOMPANHAMENTO\1 - REPORT ACOMPANHAMENTO\2019\12 - Dezembro\CARTÕES\Pausas CARTÕES\Pausas.xlsx</t>
  </si>
  <si>
    <t>12/31/2019 08:02:13</t>
  </si>
  <si>
    <t>mail.google.com/_/upload?authuser=0&amp;dcp=asu-n&amp;upload_id=AEnB2UreJZ4LiCD4dkNlrdvhu3C-kercnJe7o8WeMgDSgDYnu5N9DGmYrWUmJ2VNOfEh0jFR6hzfX7NTbbTXgB7lWWXVPkB99Q&amp;upload_protocol=resumable</t>
  </si>
  <si>
    <t>12/31/2019 08:03:06</t>
  </si>
  <si>
    <t>12/31/2019 08:05:34</t>
  </si>
  <si>
    <t>89ec5943-3c72-4e19-99bf-5832819e81c7.tmp</t>
  </si>
  <si>
    <t>\\acsfs\profiles$\cintiadcf\Downloads\89ec5943-3c72-4e19-99bf-5832819e81c7.tmp</t>
  </si>
  <si>
    <t>12/31/2019 08:06:35</t>
  </si>
  <si>
    <t>4506ac80-54fb-4978-a688-027b26ae4a32.tmp</t>
  </si>
  <si>
    <t>\\acsfs\profiles$\ayalabfi\Downloads\4506ac80-54fb-4978-a688-027b26ae4a32.tmp</t>
  </si>
  <si>
    <t>12/31/2019 08:04:57</t>
  </si>
  <si>
    <t>12/31/2019 08:04:23</t>
  </si>
  <si>
    <t>12/31/2019 08:07:35</t>
  </si>
  <si>
    <t>12/31/2019 08:07:27</t>
  </si>
  <si>
    <t>12/31/2019 08:08:35</t>
  </si>
  <si>
    <t>10.200.67.167</t>
  </si>
  <si>
    <t>74-86-7A-FB-17-AC</t>
  </si>
  <si>
    <t>VOTORANT-PB009</t>
  </si>
  <si>
    <t>geovannasm</t>
  </si>
  <si>
    <t>\\acsfs\profiles$\geovannasm\Downloads\</t>
  </si>
  <si>
    <t>8806a741-e059-4358-81d0-d4ff2924de38.tmp</t>
  </si>
  <si>
    <t>\\acsfs\profiles$\geovannasm\Downloads\8806a741-e059-4358-81d0-d4ff2924de38.tmp</t>
  </si>
  <si>
    <t>12/31/2019 08:04:20</t>
  </si>
  <si>
    <t>706bae15-e302-496e-9546-71c5c6712110.tmp</t>
  </si>
  <si>
    <t>\\acsfs\profiles$\milenaas\Downloads\706bae15-e302-496e-9546-71c5c6712110.tmp</t>
  </si>
  <si>
    <t>12/31/2019 08:04:37</t>
  </si>
  <si>
    <t>thyagosp</t>
  </si>
  <si>
    <t>\\acsfs\profiles$\THYAGOSP\Downloads\</t>
  </si>
  <si>
    <t>b4d78dfe-3a86-438a-865f-fa6d97febe28.tmp</t>
  </si>
  <si>
    <t>\\acsfs\profiles$\THYAGOSP\Downloads\b4d78dfe-3a86-438a-865f-fa6d97febe28.tmp</t>
  </si>
  <si>
    <t>12/31/2019 08:04:41</t>
  </si>
  <si>
    <t>b089dbf1-d4f5-4880-98d0-dfe290a43bf0.tmp</t>
  </si>
  <si>
    <t>\\acsfs\profiles$\THYAGOSP\Downloads\b089dbf1-d4f5-4880-98d0-dfe290a43bf0.tmp</t>
  </si>
  <si>
    <t>12/31/2019 08:05:04</t>
  </si>
  <si>
    <t>12/31/2019 08:09:35</t>
  </si>
  <si>
    <t>luanarda</t>
  </si>
  <si>
    <t>\\acsfs\profiles$\luanarda\Downloads\</t>
  </si>
  <si>
    <t>3cd1c6ba-58fa-48ea-a3b8-d2fb63ca4ae3.tmp</t>
  </si>
  <si>
    <t>\\acsfs\profiles$\luanarda\Downloads\3cd1c6ba-58fa-48ea-a3b8-d2fb63ca4ae3.tmp</t>
  </si>
  <si>
    <t>12/31/2019 08:06:54</t>
  </si>
  <si>
    <t>9b7eb059-d0f0-408c-b7dd-8d84d6d078e3.tmp</t>
  </si>
  <si>
    <t>\\acsfs\profiles$\luanarda\Downloads\9b7eb059-d0f0-408c-b7dd-8d84d6d078e3.tmp</t>
  </si>
  <si>
    <t>12/31/2019 08:08:47</t>
  </si>
  <si>
    <t>12/31/2019 08:05:14</t>
  </si>
  <si>
    <t>12/31/2019 08:07:14</t>
  </si>
  <si>
    <t>12/31/2019 08:08:39</t>
  </si>
  <si>
    <t>ACOMPANHAMENTO NR 17 - CARTÕES.xlsx</t>
  </si>
  <si>
    <t>\\acsfs\DEPTOS\Operacao\PCP\5 - Comum\PLANEJAMENTO BV\14 - ACOMPANHAMENTO\1 - REPORT ACOMPANHAMENTO\2019\12 - Dezembro\CARTÕES\ACOMPANHAMENTO NR 17 - CARTÕES.xlsx</t>
  </si>
  <si>
    <t>12/31/2019 08:07:49</t>
  </si>
  <si>
    <t>12/31/2019 08:10:35</t>
  </si>
  <si>
    <t>10.200.67.185</t>
  </si>
  <si>
    <t>D0-94-66-B5-5D-08</t>
  </si>
  <si>
    <t>VOTORANT-ABB013</t>
  </si>
  <si>
    <t>12/31/2019 08:10:20</t>
  </si>
  <si>
    <t>12/31/2019 08:11:35</t>
  </si>
  <si>
    <t>10.200.66.206</t>
  </si>
  <si>
    <t>D0-94-66-B5-7F-B9</t>
  </si>
  <si>
    <t>VOTORANT-ACB014</t>
  </si>
  <si>
    <t>12/31/2019 08:10:28</t>
  </si>
  <si>
    <t>felipetds</t>
  </si>
  <si>
    <t>\\acsfs\profiles$\felipetds\Downloads\</t>
  </si>
  <si>
    <t>ee9b1407-5cda-4571-9179-3288d4bcdb08.tmp</t>
  </si>
  <si>
    <t>\\acsfs\profiles$\felipetds\Downloads\ee9b1407-5cda-4571-9179-3288d4bcdb08.tmp</t>
  </si>
  <si>
    <t>12/31/2019 08:07:54</t>
  </si>
  <si>
    <t>12/31/2019 08:10:57</t>
  </si>
  <si>
    <t>12/31/2019 08:08:00</t>
  </si>
  <si>
    <t>169.254.106.91</t>
  </si>
  <si>
    <t>C4-D9-87-E5-35-BC</t>
  </si>
  <si>
    <t>NB-KEILAPSBA</t>
  </si>
  <si>
    <t>pauloslj</t>
  </si>
  <si>
    <t>pauloslj@algartech.com</t>
  </si>
  <si>
    <t>mail.google.com/_/upload?authuser=0&amp;dcp=asu-n&amp;upload_id=AEnB2UqOqHo5xKKVyssfP-GdTa9_4rk4IKn7JAf18S4JHfQRAGr5he2Tmb4y5XZ5_V9lst29UIAw7a2mx2gX5tiQdokq89P8LYxnM1n9FaHpR3KUz7KI980&amp;upload_protocol=resumable</t>
  </si>
  <si>
    <t>\\acsfs\deptos\Operacao\Unica\6. Pastas Pessoais\Credenciadora\Aline Beatriz\</t>
  </si>
  <si>
    <t>Mailing atualizado - B1 17-07.xlsx</t>
  </si>
  <si>
    <t>DLP_Excel_Notebook</t>
  </si>
  <si>
    <t>12/31/2019 08:07:59</t>
  </si>
  <si>
    <t>12/31/2019 08:12:36</t>
  </si>
  <si>
    <t>15009667-c086-45fe-ab68-d90641e9057c.tmp</t>
  </si>
  <si>
    <t>\\acsfs\profiles$\quindaizaagds\Downloads\15009667-c086-45fe-ab68-d90641e9057c.tmp</t>
  </si>
  <si>
    <t>12/31/2019 08:08:03</t>
  </si>
  <si>
    <t>dbd59a2d-2ad6-4604-a0c8-33446f8306c7.tmp</t>
  </si>
  <si>
    <t>\\acsfs\profiles$\quindaizaagds\Downloads\dbd59a2d-2ad6-4604-a0c8-33446f8306c7.tmp</t>
  </si>
  <si>
    <t>12/31/2019 08:08:13</t>
  </si>
  <si>
    <t>3f4815b3-8b86-4173-a16d-817f0edbfac5.tmp</t>
  </si>
  <si>
    <t>\\acsfs\profiles$\quindaizaagds\Downloads\3f4815b3-8b86-4173-a16d-817f0edbfac5.tmp</t>
  </si>
  <si>
    <t>12/31/2019 08:09:48</t>
  </si>
  <si>
    <t>b95760ba-9759-451b-a5b7-4ff4e3e12700.tmp</t>
  </si>
  <si>
    <t>\\acsfs\profiles$\quindaizaagds\Downloads\b95760ba-9759-451b-a5b7-4ff4e3e12700.tmp</t>
  </si>
  <si>
    <t>12/31/2019 08:10:29</t>
  </si>
  <si>
    <t>\\acsfs\profiles$\marcellewdl\My Documents\</t>
  </si>
  <si>
    <t>vendas.txt</t>
  </si>
  <si>
    <t>\\acsfs\profiles$\marcellewdl\My Documents\vendas.txt</t>
  </si>
  <si>
    <t>12/31/2019 08:08:24</t>
  </si>
  <si>
    <t>12/31/2019 08:13:35</t>
  </si>
  <si>
    <t>98b5f534-a9af-4a0e-bec9-b8374712e08e.tmp</t>
  </si>
  <si>
    <t>\\acsfs\profiles$\geovannasm\Downloads\98b5f534-a9af-4a0e-bec9-b8374712e08e.tmp</t>
  </si>
  <si>
    <t>12/31/2019 08:09:43</t>
  </si>
  <si>
    <t>13417789-098e-4191-aac3-bca4059409e9.tmp</t>
  </si>
  <si>
    <t>\\acsfs\profiles$\geovannasm\Downloads\13417789-098e-4191-aac3-bca4059409e9.tmp</t>
  </si>
  <si>
    <t>12/31/2019 08:11:18</t>
  </si>
  <si>
    <t>12/31/2019 08:08:42</t>
  </si>
  <si>
    <t>5634fd66-1a3f-4edd-b2bd-838519d08f45.tmp</t>
  </si>
  <si>
    <t>\\acsfs\profiles$\THYAGOSP\Downloads\5634fd66-1a3f-4edd-b2bd-838519d08f45.tmp</t>
  </si>
  <si>
    <t>12/31/2019 08:12:18</t>
  </si>
  <si>
    <t>dd08646d-4954-4747-9d8c-3b49c1828e1f.tmp</t>
  </si>
  <si>
    <t>\\acsfs\profiles$\THYAGOSP\Downloads\dd08646d-4954-4747-9d8c-3b49c1828e1f.tmp</t>
  </si>
  <si>
    <t>12/31/2019 08:11:14</t>
  </si>
  <si>
    <t>12/31/2019 08:14:36</t>
  </si>
  <si>
    <t>12/31/2019 08:13:14</t>
  </si>
  <si>
    <t>12/31/2019 08:10:52</t>
  </si>
  <si>
    <t>\\acsfs\DEPTOS\Operacao\PCP\5 - Comum\PLANEJAMENTO BV\14 - ACOMPANHAMENTO\1 - REPORT ACOMPANHAMENTO\2019\12 - Dezembro\FINANCEIRA\Login Logout Financeira\</t>
  </si>
  <si>
    <t>RELATORIO DE LOGIN - FINANCEIRA - 27-12 - Cópia.xlsm</t>
  </si>
  <si>
    <t>\\acsfs\DEPTOS\Operacao\PCP\5 - Comum\PLANEJAMENTO BV\14 - ACOMPANHAMENTO\1 - REPORT ACOMPANHAMENTO\2019\12 - Dezembro\FINANCEIRA\Login Logout Financeira\RELATORIO DE LOGIN - FINANCEIRA - 27-12 - Cópia.xlsm</t>
  </si>
  <si>
    <t>12/31/2019 08:11:49</t>
  </si>
  <si>
    <t>12/31/2019 08:16:36</t>
  </si>
  <si>
    <t>d9c7f25b-b19a-4f8e-a8e3-78585b9612cd.tmp</t>
  </si>
  <si>
    <t>\\acsfs\profiles$\felipetds\Downloads\d9c7f25b-b19a-4f8e-a8e3-78585b9612cd.tmp</t>
  </si>
  <si>
    <t>12/31/2019 08:13:45</t>
  </si>
  <si>
    <t>12/31/2019 08:13:53</t>
  </si>
  <si>
    <t>12/31/2019 08:15:48</t>
  </si>
  <si>
    <t>12/31/2019 08:12:33</t>
  </si>
  <si>
    <t>12/31/2019 08:17:35</t>
  </si>
  <si>
    <t>12/31/2019 08:13:32</t>
  </si>
  <si>
    <t>12/31/2019 08:18:35</t>
  </si>
  <si>
    <t>14d30577-ecb6-4443-900d-6dc516285ef8.tmp</t>
  </si>
  <si>
    <t>\\acsfs\profiles$\THYAGOSP\Downloads\14d30577-ecb6-4443-900d-6dc516285ef8.tmp</t>
  </si>
  <si>
    <t>12/31/2019 08:17:54</t>
  </si>
  <si>
    <t>\\acsfs\profiles$\milennyss\Favorites\Minha Escala - 1.url\</t>
  </si>
  <si>
    <t>\\acsfs\profiles$\milennyss\Favorites\Minha Escala - 1.url\:favicon:$DATA</t>
  </si>
  <si>
    <t>Minha Escala - 1.url</t>
  </si>
  <si>
    <t>\\acsfs\profiles$\milennyss\Favorites\Minha Escala - 1.url</t>
  </si>
  <si>
    <t>12/31/2019 08:17:50</t>
  </si>
  <si>
    <t>12/31/2019 08:19:35</t>
  </si>
  <si>
    <t>12/31/2019 08:15:51</t>
  </si>
  <si>
    <t>12/31/2019 08:14:14</t>
  </si>
  <si>
    <t>LOGIN LOGOUT FINANCEIRA - EXTRAÇÂO.xlsx</t>
  </si>
  <si>
    <t>\\acsfs\DEPTOS\Operacao\PCP\5 - Comum\PLANEJAMENTO BV\14 - ACOMPANHAMENTO\1 - REPORT ACOMPANHAMENTO\2019\12 - Dezembro\FINANCEIRA\Login Logout Financeira\LOGIN LOGOUT FINANCEIRA - EXTRAÇÂO.xlsx</t>
  </si>
  <si>
    <t>12/31/2019 08:15:55</t>
  </si>
  <si>
    <t>12/31/2019 08:14:56</t>
  </si>
  <si>
    <t>10.200.67.55</t>
  </si>
  <si>
    <t>64-1C-67-9D-1E-20</t>
  </si>
  <si>
    <t>VOTORANT-FB009</t>
  </si>
  <si>
    <t>anacdos</t>
  </si>
  <si>
    <t>\\acsfs\profiles$\anacdos\My Documents\xworkcenter\lex\</t>
  </si>
  <si>
    <t>\\acsfs\profiles$\anacdos\My Documents\xworkcenter\lex\temp.tlx</t>
  </si>
  <si>
    <t>12/31/2019 08:18:15</t>
  </si>
  <si>
    <t>10.200.66.200</t>
  </si>
  <si>
    <t>D0-94-66-B5-4C-A0</t>
  </si>
  <si>
    <t>VOTORANT-AFB020</t>
  </si>
  <si>
    <t>12/31/2019 08:14:57</t>
  </si>
  <si>
    <t>12/31/2019 08:14:58</t>
  </si>
  <si>
    <t>12/31/2019 08:14:59</t>
  </si>
  <si>
    <t>12/31/2019 08:15:00</t>
  </si>
  <si>
    <t>12/31/2019 08:15:01</t>
  </si>
  <si>
    <t>12/31/2019 08:15:02</t>
  </si>
  <si>
    <t>12/31/2019 08:15:03</t>
  </si>
  <si>
    <t>12/31/2019 08:15:04</t>
  </si>
  <si>
    <t>12/31/2019 08:15:05</t>
  </si>
  <si>
    <t>12/31/2019 08:15:06</t>
  </si>
  <si>
    <t>12/31/2019 08:15:07</t>
  </si>
  <si>
    <t>12/31/2019 08:15:08</t>
  </si>
  <si>
    <t>12/31/2019 08:15:09</t>
  </si>
  <si>
    <t>12/31/2019 08:15:10</t>
  </si>
  <si>
    <t>12/31/2019 08:15:11</t>
  </si>
  <si>
    <t>12/31/2019 08:15:12</t>
  </si>
  <si>
    <t>12/31/2019 08:15:13</t>
  </si>
  <si>
    <t>12/31/2019 08:15:14</t>
  </si>
  <si>
    <t>12/31/2019 08:15:15</t>
  </si>
  <si>
    <t>12/31/2019 08:15:16</t>
  </si>
  <si>
    <t>12/31/2019 08:15:17</t>
  </si>
  <si>
    <t>12/31/2019 08:15:18</t>
  </si>
  <si>
    <t>12/31/2019 08:15:19</t>
  </si>
  <si>
    <t>12/31/2019 08:15:20</t>
  </si>
  <si>
    <t>12/31/2019 08:15:21</t>
  </si>
  <si>
    <t>12/31/2019 08:15:22</t>
  </si>
  <si>
    <t>12/31/2019 08:15:23</t>
  </si>
  <si>
    <t>12/31/2019 08:15:24</t>
  </si>
  <si>
    <t>12/31/2019 08:17:56</t>
  </si>
  <si>
    <t>10.200.67.171</t>
  </si>
  <si>
    <t>74-86-7A-FD-D1-B6</t>
  </si>
  <si>
    <t>VOTORANT-VB020</t>
  </si>
  <si>
    <t>adelvinsonle</t>
  </si>
  <si>
    <t>\\acsfs\profiles$\adelvinsonle\Downloads\</t>
  </si>
  <si>
    <t>e58edd4b-39cf-457d-be63-fdd8d954d1b4.tmp</t>
  </si>
  <si>
    <t>\\acsfs\profiles$\adelvinsonle\Downloads\e58edd4b-39cf-457d-be63-fdd8d954d1b4.tmp</t>
  </si>
  <si>
    <t>12/31/2019 08:18:03</t>
  </si>
  <si>
    <t>Q29udHJvbGxlci5DYWxjdWxhZG9yYURlVmVuY2lt (10).ica</t>
  </si>
  <si>
    <t>\\acsfs\profiles$\adelvinsonle\Downloads\Q29udHJvbGxlci5DYWxjdWxhZG9yYURlVmVuY2lt (10).ica</t>
  </si>
  <si>
    <t>12/31/2019 08:15:25</t>
  </si>
  <si>
    <t>12/31/2019 08:15:26</t>
  </si>
  <si>
    <t>12/31/2019 08:15:27</t>
  </si>
  <si>
    <t>12/31/2019 08:15:28</t>
  </si>
  <si>
    <t>12/31/2019 08:15:29</t>
  </si>
  <si>
    <t>12/31/2019 08:16:10</t>
  </si>
  <si>
    <t>12/31/2019 08:21:35</t>
  </si>
  <si>
    <t>dc74ac47-90ad-4169-bdc5-d99542b16984.tmp</t>
  </si>
  <si>
    <t>\\acsfs\profiles$\ayalabfi\Downloads\dc74ac47-90ad-4169-bdc5-d99542b16984.tmp</t>
  </si>
  <si>
    <t>12/31/2019 08:16:53</t>
  </si>
  <si>
    <t>12/31/2019 08:20:53</t>
  </si>
  <si>
    <t>12/31/2019 08:20:13</t>
  </si>
  <si>
    <t>12/31/2019 08:23:35</t>
  </si>
  <si>
    <t>12/31/2019 08:22:14</t>
  </si>
  <si>
    <t>10.200.66.207</t>
  </si>
  <si>
    <t>D0-94-66-B5-4E-11</t>
  </si>
  <si>
    <t>VOTORANT-AFB018</t>
  </si>
  <si>
    <t>12/31/2019 08:22:29</t>
  </si>
  <si>
    <t>ericalsr</t>
  </si>
  <si>
    <t>\\acsfs\profiles$\ERICALSR\Downloads\</t>
  </si>
  <si>
    <t>d669613b-9c43-4cd5-b598-90ad841f299f.tmp</t>
  </si>
  <si>
    <t>\\acsfs\profiles$\ERICALSR\Downloads\d669613b-9c43-4cd5-b598-90ad841f299f.tmp</t>
  </si>
  <si>
    <t>12/31/2019 08:23:02</t>
  </si>
  <si>
    <t>12/31/2019 08:19:14</t>
  </si>
  <si>
    <t>12/31/2019 08:24:35</t>
  </si>
  <si>
    <t>12/31/2019 08:21:14</t>
  </si>
  <si>
    <t>12/31/2019 08:20:51</t>
  </si>
  <si>
    <t>isabellegtds</t>
  </si>
  <si>
    <t>\\acsfs\profiles$\ISABELLEGTDS\Nova pasta\</t>
  </si>
  <si>
    <t>.~lock.isabelle 30.12.19.ods#</t>
  </si>
  <si>
    <t>\\acsfs\profiles$\ISABELLEGTDS\Nova pasta\.~lock.isabelle 30.12.19.ods#</t>
  </si>
  <si>
    <t>12/31/2019 08:22:47</t>
  </si>
  <si>
    <t>\\acsfs\profiles$\isabellegtds\Downloads\</t>
  </si>
  <si>
    <t>981b14af-cb6d-48d5-9ac0-62d3236d534b.tmp</t>
  </si>
  <si>
    <t>\\acsfs\profiles$\isabellegtds\Downloads\981b14af-cb6d-48d5-9ac0-62d3236d534b.tmp</t>
  </si>
  <si>
    <t>12/31/2019 08:23:55</t>
  </si>
  <si>
    <t>d0a2887b-525e-4f70-99c1-e5bc4cff984b.tmp</t>
  </si>
  <si>
    <t>\\acsfs\profiles$\isabellegtds\Downloads\d0a2887b-525e-4f70-99c1-e5bc4cff984b.tmp</t>
  </si>
  <si>
    <t>12/31/2019 08:20:50</t>
  </si>
  <si>
    <t>12/31/2019 08:25:35</t>
  </si>
  <si>
    <t>12/31/2019 08:25:12</t>
  </si>
  <si>
    <t>12/31/2019 08:26:34</t>
  </si>
  <si>
    <t>COORDENACAO DE QUALIDADE E EDUCACAO</t>
  </si>
  <si>
    <t>10.200.66.179</t>
  </si>
  <si>
    <t>64-1C-67-9D-1E-C2</t>
  </si>
  <si>
    <t>VOTORANT-LB013</t>
  </si>
  <si>
    <t>davimvs</t>
  </si>
  <si>
    <t>davimvs@bv.algartech.com</t>
  </si>
  <si>
    <t>https://udpmailboxap01.acs.com.br:8443/h/search?si=0&amp;so=0&amp;sc=58044&amp;sfi=2&amp;st=conversation&amp;action=compose</t>
  </si>
  <si>
    <t>12/31/2019 08:23:12</t>
  </si>
  <si>
    <t>12/31/2019 08:21:17</t>
  </si>
  <si>
    <t>10.200.66.216</t>
  </si>
  <si>
    <t>D0-94-66-B5-4E-72</t>
  </si>
  <si>
    <t>VOTORANT-AFB021</t>
  </si>
  <si>
    <t>12/31/2019 08:22:53</t>
  </si>
  <si>
    <t>12/31/2019 08:22:26</t>
  </si>
  <si>
    <t>12/31/2019 08:27:35</t>
  </si>
  <si>
    <t>10.200.66.23</t>
  </si>
  <si>
    <t>34-E6-D7-FC-B8-47</t>
  </si>
  <si>
    <t>VOTORANT-OB036</t>
  </si>
  <si>
    <t>nayarasds</t>
  </si>
  <si>
    <t>\\acsfs\profiles$\nayarasds\Downloads\</t>
  </si>
  <si>
    <t>d20f6362-20db-4fbd-b5b0-b15971ff26b6.tmp</t>
  </si>
  <si>
    <t>\\acsfs\profiles$\nayarasds\Downloads\d20f6362-20db-4fbd-b5b0-b15971ff26b6.tmp</t>
  </si>
  <si>
    <t>12/31/2019 08:23:13</t>
  </si>
  <si>
    <t>ff72004b-18ce-4da5-bebc-420d2be38de2.tmp</t>
  </si>
  <si>
    <t>\\acsfs\profiles$\nayarasds\Downloads\ff72004b-18ce-4da5-bebc-420d2be38de2.tmp</t>
  </si>
  <si>
    <t>12/31/2019 08:23:57</t>
  </si>
  <si>
    <t>1c448fc2-c6df-4a14-ba21-bcaf3d28d24a.tmp</t>
  </si>
  <si>
    <t>\\acsfs\profiles$\nayarasds\Downloads\1c448fc2-c6df-4a14-ba21-bcaf3d28d24a.tmp</t>
  </si>
  <si>
    <t>3704618b-6347-4357-a7d8-132b4eafc15a.tmp</t>
  </si>
  <si>
    <t>\\acsfs\profiles$\nayarasds\Downloads\3704618b-6347-4357-a7d8-132b4eafc15a.tmp</t>
  </si>
  <si>
    <t>12/31/2019 08:24:44</t>
  </si>
  <si>
    <t>e7cad388-ece6-4895-9169-60c26d200f0f.tmp</t>
  </si>
  <si>
    <t>\\acsfs\profiles$\nayarasds\Downloads\e7cad388-ece6-4895-9169-60c26d200f0f.tmp</t>
  </si>
  <si>
    <t>12/31/2019 08:22:34</t>
  </si>
  <si>
    <t>victoriaksr</t>
  </si>
  <si>
    <t>\\acsfs\profiles$\victoriaksr\Downloads\</t>
  </si>
  <si>
    <t>e691327a-800c-445d-90a2-d8e82ec68cfd.tmp</t>
  </si>
  <si>
    <t>\\acsfs\profiles$\victoriaksr\Downloads\e691327a-800c-445d-90a2-d8e82ec68cfd.tmp</t>
  </si>
  <si>
    <t>12/31/2019 08:26:00</t>
  </si>
  <si>
    <t>12/31/2019 08:28:35</t>
  </si>
  <si>
    <t>62e15805-d93d-4938-8926-64a1647283d2.tmp</t>
  </si>
  <si>
    <t>\\acsfs\profiles$\ingridsm\Downloads\62e15805-d93d-4938-8926-64a1647283d2.tmp</t>
  </si>
  <si>
    <t>12/31/2019 08:23:23</t>
  </si>
  <si>
    <t>b9216989-decb-4377-912b-6fe8a82bbdd1.tmp</t>
  </si>
  <si>
    <t>\\acsfs\profiles$\ERICALSR\Downloads\b9216989-decb-4377-912b-6fe8a82bbdd1.tmp</t>
  </si>
  <si>
    <t>12/31/2019 08:24:18</t>
  </si>
  <si>
    <t>d22a3864-251c-4828-b850-ab0dfec92d22.tmp</t>
  </si>
  <si>
    <t>\\acsfs\profiles$\ERICALSR\Downloads\d22a3864-251c-4828-b850-ab0dfec92d22.tmp</t>
  </si>
  <si>
    <t>12/31/2019 08:25:14</t>
  </si>
  <si>
    <t>12/31/2019 08:29:35</t>
  </si>
  <si>
    <t>12/31/2019 08:27:14</t>
  </si>
  <si>
    <t>12/31/2019 08:26:12</t>
  </si>
  <si>
    <t>12/31/2019 08:26:48</t>
  </si>
  <si>
    <t>802b31e9-b4a9-4050-87a0-81ab04bae1b4.tmp</t>
  </si>
  <si>
    <t>\\acsfs\profiles$\isabellegtds\Downloads\802b31e9-b4a9-4050-87a0-81ab04bae1b4.tmp</t>
  </si>
  <si>
    <t>12/31/2019 08:26:56</t>
  </si>
  <si>
    <t>12/31/2019 08:30:35</t>
  </si>
  <si>
    <t>12/31/2019 08:28:14</t>
  </si>
  <si>
    <t>12/31/2019 08:31:35</t>
  </si>
  <si>
    <t>12/31/2019 08:29:03</t>
  </si>
  <si>
    <t>12/31/2019 08:26:53</t>
  </si>
  <si>
    <t>12/31/2019 08:28:53</t>
  </si>
  <si>
    <t>12/31/2019 08:26:38</t>
  </si>
  <si>
    <t>DIRETORIA ADMINISTRATIVO FINANCEIRA</t>
  </si>
  <si>
    <t>10.200.57.46</t>
  </si>
  <si>
    <t>64-1C-67-9C-32-4F</t>
  </si>
  <si>
    <t>NB-VIVIANERCU</t>
  </si>
  <si>
    <t>vivianercu</t>
  </si>
  <si>
    <t>vivianercu@algartech.com</t>
  </si>
  <si>
    <t>mail.google.com/_/upload?authuser=0&amp;dcp=asu-n</t>
  </si>
  <si>
    <t>\\ACSFS\Engeset\FINANCEIRO_ULA\CONTROLA\SG\00 - Aplicações\01- Fechamento Contábil\02- PWEB\122019\</t>
  </si>
  <si>
    <t>00_Template Recuperação de Custos_03_Edilson.xlsx</t>
  </si>
  <si>
    <t>12/31/2019 08:28:44</t>
  </si>
  <si>
    <t>12/31/2019 08:32:35</t>
  </si>
  <si>
    <t>10.200.66.161</t>
  </si>
  <si>
    <t>74-86-7A-FD-D1-73</t>
  </si>
  <si>
    <t>VOTORANT-VB016</t>
  </si>
  <si>
    <t>danielmlds</t>
  </si>
  <si>
    <t>\\acsfs\profiles$\danielmlds\Downloads\</t>
  </si>
  <si>
    <t>83dcef5d-076b-4a8c-906e-3155a3df66ce.tmp</t>
  </si>
  <si>
    <t>\\acsfs\profiles$\danielmlds\Downloads\83dcef5d-076b-4a8c-906e-3155a3df66ce.tmp</t>
  </si>
  <si>
    <t>12/31/2019 08:30:21</t>
  </si>
  <si>
    <t>12/31/2019 08:29:04</t>
  </si>
  <si>
    <t>12/31/2019 08:31:50</t>
  </si>
  <si>
    <t>12/31/2019 08:29:45</t>
  </si>
  <si>
    <t>12/31/2019 08:33:34</t>
  </si>
  <si>
    <t>9700106e-b87b-4818-805b-a55a37418f12.tmp</t>
  </si>
  <si>
    <t>\\acsfs\profiles$\geovannasm\Downloads\9700106e-b87b-4818-805b-a55a37418f12.tmp</t>
  </si>
  <si>
    <t>12/31/2019 08:31:14</t>
  </si>
  <si>
    <t>12/31/2019 08:34:34</t>
  </si>
  <si>
    <t>12/31/2019 08:33:14</t>
  </si>
  <si>
    <t>12/31/2019 08:31:56</t>
  </si>
  <si>
    <t>12/31/2019 08:31:19</t>
  </si>
  <si>
    <t>12/31/2019 08:35:34</t>
  </si>
  <si>
    <t>nataliacsl</t>
  </si>
  <si>
    <t>\\acsfs\profiles$\nataliacsl\Downloads\</t>
  </si>
  <si>
    <t>3bd08b48-16a8-495b-b4b6-3f0163c1e17c.tmp</t>
  </si>
  <si>
    <t>\\acsfs\profiles$\nataliacsl\Downloads\3bd08b48-16a8-495b-b4b6-3f0163c1e17c.tmp</t>
  </si>
  <si>
    <t>12/31/2019 08:33:03</t>
  </si>
  <si>
    <t>0cc56f29-0580-4b53-91bc-fe773f8e6b46.tmp</t>
  </si>
  <si>
    <t>\\acsfs\profiles$\nataliacsl\Downloads\0cc56f29-0580-4b53-91bc-fe773f8e6b46.tmp</t>
  </si>
  <si>
    <t>12/31/2019 08:34:11</t>
  </si>
  <si>
    <t>12/31/2019 08:36:34</t>
  </si>
  <si>
    <t>12/31/2019 08:32:02</t>
  </si>
  <si>
    <t>geovanaasa</t>
  </si>
  <si>
    <t>\\acsfs\profiles$\geovanaasa\My Documents\</t>
  </si>
  <si>
    <t>.~lock.geovana 4.ods#</t>
  </si>
  <si>
    <t>\\acsfs\profiles$\geovanaasa\My Documents\.~lock.geovana 4.ods#</t>
  </si>
  <si>
    <t>12/31/2019 08:33:53</t>
  </si>
  <si>
    <t>12/31/2019 08:32:53</t>
  </si>
  <si>
    <t>12/31/2019 08:34:53</t>
  </si>
  <si>
    <t>12/31/2019 08:34:57</t>
  </si>
  <si>
    <t>12/31/2019 08:37:34</t>
  </si>
  <si>
    <t>10.200.67.131</t>
  </si>
  <si>
    <t>78-2B-CB-C2-BF-46</t>
  </si>
  <si>
    <t>VOTORANT-FB005</t>
  </si>
  <si>
    <t>Angelicacldr</t>
  </si>
  <si>
    <t>\\acsfs\profiles$\angelicacldr\Usuários\</t>
  </si>
  <si>
    <t>Usuários.txt</t>
  </si>
  <si>
    <t>\\acsfs\profiles$\angelicacldr\Usuários\Usuários.txt</t>
  </si>
  <si>
    <t>12/31/2019 08:36:33</t>
  </si>
  <si>
    <t>10.200.66.209</t>
  </si>
  <si>
    <t>D0-94-66-B5-71-07</t>
  </si>
  <si>
    <t>VOTORANT-ACB016</t>
  </si>
  <si>
    <t>12/31/2019 08:33:10</t>
  </si>
  <si>
    <t>yasminsc</t>
  </si>
  <si>
    <t>\\acsfs\profiles$\YASMINSC\Downloads\</t>
  </si>
  <si>
    <t>307c06db-6270-4b7d-a636-8fcc498322ce.tmp</t>
  </si>
  <si>
    <t>\\acsfs\profiles$\YASMINSC\Downloads\307c06db-6270-4b7d-a636-8fcc498322ce.tmp</t>
  </si>
  <si>
    <t>12/31/2019 08:34:25</t>
  </si>
  <si>
    <t>2c65057d-8697-4896-bd3e-ac667222be36.tmp</t>
  </si>
  <si>
    <t>\\acsfs\profiles$\YASMINSC\Downloads\2c65057d-8697-4896-bd3e-ac667222be36.tmp</t>
  </si>
  <si>
    <t>12/31/2019 08:35:59</t>
  </si>
  <si>
    <t>12/31/2019 08:32:56</t>
  </si>
  <si>
    <t>12/31/2019 08:38:34</t>
  </si>
  <si>
    <t>12/31/2019 08:35:09</t>
  </si>
  <si>
    <t>12/31/2019 08:32:23</t>
  </si>
  <si>
    <t>12/31/2019 08:36:40</t>
  </si>
  <si>
    <t>12/31/2019 08:39:33</t>
  </si>
  <si>
    <t>Lucasgpe</t>
  </si>
  <si>
    <t>\\acsfs\profiles$\lucasgpe\Downloads\</t>
  </si>
  <si>
    <t>9af1a586-72d4-4d6a-83a0-d4adce9c9ba0.tmp</t>
  </si>
  <si>
    <t>\\acsfs\profiles$\lucasgpe\Downloads\9af1a586-72d4-4d6a-83a0-d4adce9c9ba0.tmp</t>
  </si>
  <si>
    <t>12/31/2019 08:38:04</t>
  </si>
  <si>
    <t>ea361719-c923-4cbc-84b2-75d5c863d024.tmp</t>
  </si>
  <si>
    <t>\\acsfs\profiles$\lucasgpe\Downloads\ea361719-c923-4cbc-84b2-75d5c863d024.tmp</t>
  </si>
  <si>
    <t>12/31/2019 08:37:14</t>
  </si>
  <si>
    <t>12/31/2019 08:35:29</t>
  </si>
  <si>
    <t>12/31/2019 08:35:49</t>
  </si>
  <si>
    <t>RELATORIO DE LOGIN - FINANCEIRA - 30-12.xlsm</t>
  </si>
  <si>
    <t>\\acsfs\DEPTOS\Operacao\PCP\5 - Comum\PLANEJAMENTO BV\14 - ACOMPANHAMENTO\1 - REPORT ACOMPANHAMENTO\2019\12 - Dezembro\FINANCEIRA\Login Logout Financeira\RELATORIO DE LOGIN - FINANCEIRA - 30-12.xlsm</t>
  </si>
  <si>
    <t>12/31/2019 08:37:08</t>
  </si>
  <si>
    <t>mail.google.com/sync/u/0/i/s?hl=pt-BR&amp;c=302</t>
  </si>
  <si>
    <t>12/31/2019 08:37:15</t>
  </si>
  <si>
    <t>mail.google.com/sync/u/0/i/s?hl=pt-BR&amp;c=304</t>
  </si>
  <si>
    <t>12/31/2019 08:37:26</t>
  </si>
  <si>
    <t>mail.google.com/sync/u/0/i/s?hl=pt-BR&amp;c=307</t>
  </si>
  <si>
    <t>joaogvc@algartech.com;leonardoao@algartech.com;paulacn@algartech.com;rafaelggs@algartech.com;taysdss@algartech.com;viniciussg@algartech.com;</t>
  </si>
  <si>
    <t>joaogvc@algartech.com,leonardoao@algartech.com,paulacn@algartech.com,rafaelggs@algartech.com,taysdss@algartech.com,viniciussg@algartech.com</t>
  </si>
  <si>
    <t>12/31/2019 08:37:31</t>
  </si>
  <si>
    <t>mail.google.com/sync/u/0/i/s?hl=pt-BR&amp;c=310</t>
  </si>
  <si>
    <t>12/31/2019 08:37:32</t>
  </si>
  <si>
    <t>12/31/2019 08:37:35</t>
  </si>
  <si>
    <t>mail.google.com/sync/u/0/i/s?hl=pt-BR&amp;c=312</t>
  </si>
  <si>
    <t>12/31/2019 08:37:53</t>
  </si>
  <si>
    <t>mail.google.com/sync/u/0/i/s?hl=pt-BR&amp;c=314</t>
  </si>
  <si>
    <t>12/31/2019 08:37:59</t>
  </si>
  <si>
    <t>mail.google.com/sync/u/0/i/s?hl=pt-BR&amp;c=316</t>
  </si>
  <si>
    <t>12/31/2019 08:38:11</t>
  </si>
  <si>
    <t>mail.google.com/sync/u/0/i/s?hl=pt-BR&amp;c=318</t>
  </si>
  <si>
    <t>12/31/2019 08:38:16</t>
  </si>
  <si>
    <t>mail.google.com/sync/u/0/i/s?hl=pt-BR&amp;c=320</t>
  </si>
  <si>
    <t>12/31/2019 08:38:18</t>
  </si>
  <si>
    <t>mail.google.com/sync/u/0/i/s?hl=pt-BR&amp;c=322</t>
  </si>
  <si>
    <t>12/31/2019 08:38:51</t>
  </si>
  <si>
    <t>mail.google.com/sync/u/0/i/s?hl=pt-BR&amp;c=329</t>
  </si>
  <si>
    <t>12/31/2019 08:38:54</t>
  </si>
  <si>
    <t>mail.google.com/sync/u/0/i/s?hl=pt-BR&amp;c=331</t>
  </si>
  <si>
    <t>12/31/2019 08:40:34</t>
  </si>
  <si>
    <t>lucasns</t>
  </si>
  <si>
    <t>\\acsfs\profiles$\LUCASNS\Downloads\</t>
  </si>
  <si>
    <t>82fd90c0-d6cb-4a46-b4e2-40f359339dd2.tmp</t>
  </si>
  <si>
    <t>\\acsfs\profiles$\LUCASNS\Downloads\82fd90c0-d6cb-4a46-b4e2-40f359339dd2.tmp</t>
  </si>
  <si>
    <t>12/31/2019 08:35:11</t>
  </si>
  <si>
    <t>12/31/2019 08:35:19</t>
  </si>
  <si>
    <t>b6e2b1f3-501b-4dd0-b270-e14c092d7d24.tmp</t>
  </si>
  <si>
    <t>\\acsfs\profiles$\LUCASNS\Downloads\b6e2b1f3-501b-4dd0-b270-e14c092d7d24.tmp</t>
  </si>
  <si>
    <t>12/31/2019 08:38:20</t>
  </si>
  <si>
    <t>12/31/2019 08:41:33</t>
  </si>
  <si>
    <t>12/31/2019 08:36:19</t>
  </si>
  <si>
    <t>lu18508zy21t.tmp</t>
  </si>
  <si>
    <t>\\acsfs\profiles$\geovanaasa\My Documents\lu18508zy21t.tmp</t>
  </si>
  <si>
    <t>\\acsfs\profiles$\geovanaasa\My Documents\lu18508zy21t.tmp\</t>
  </si>
  <si>
    <t>content.xml</t>
  </si>
  <si>
    <t>manifest.rdf</t>
  </si>
  <si>
    <t>\\acsfs\profiles$\geovanaasa\My Documents\lu18508zy21t.tmp\META-INF\</t>
  </si>
  <si>
    <t>manifest.xml</t>
  </si>
  <si>
    <t>meta.xml</t>
  </si>
  <si>
    <t>mimetype</t>
  </si>
  <si>
    <t>settings.xml</t>
  </si>
  <si>
    <t>styles.xml</t>
  </si>
  <si>
    <t>\\acsfs\profiles$\geovanaasa\My Documents\lu18508zy21t.tmp\Thumbnails\</t>
  </si>
  <si>
    <t>thumbnail.png</t>
  </si>
  <si>
    <t>12/31/2019 08:38:53</t>
  </si>
  <si>
    <t>12/31/2019 08:40:54</t>
  </si>
  <si>
    <t>12/31/2019 08:40:18</t>
  </si>
  <si>
    <t>12/31/2019 08:42:34</t>
  </si>
  <si>
    <t>\\acsfs\profiles$\tiagosno\My Documents\xworkcenter\lex\</t>
  </si>
  <si>
    <t>\\acsfs\profiles$\tiagosno\My Documents\xworkcenter\lex\temp.tlx</t>
  </si>
  <si>
    <t>12/31/2019 08:40:19</t>
  </si>
  <si>
    <t>12/31/2019 08:40:20</t>
  </si>
  <si>
    <t>12/31/2019 08:40:21</t>
  </si>
  <si>
    <t>12/31/2019 08:40:22</t>
  </si>
  <si>
    <t>12/31/2019 08:40:23</t>
  </si>
  <si>
    <t>12/31/2019 08:40:24</t>
  </si>
  <si>
    <t>12/31/2019 08:40:25</t>
  </si>
  <si>
    <t>12/31/2019 08:40:26</t>
  </si>
  <si>
    <t>12/31/2019 08:40:27</t>
  </si>
  <si>
    <t>12/31/2019 08:40:28</t>
  </si>
  <si>
    <t>12/31/2019 08:40:29</t>
  </si>
  <si>
    <t>12/31/2019 08:40:30</t>
  </si>
  <si>
    <t>12/31/2019 08:40:31</t>
  </si>
  <si>
    <t>12/31/2019 08:40:32</t>
  </si>
  <si>
    <t>12/31/2019 08:40:33</t>
  </si>
  <si>
    <t>12/31/2019 08:40:35</t>
  </si>
  <si>
    <t>12/31/2019 08:40:36</t>
  </si>
  <si>
    <t>12/31/2019 08:40:37</t>
  </si>
  <si>
    <t>12/31/2019 08:40:38</t>
  </si>
  <si>
    <t>12/31/2019 08:41:23</t>
  </si>
  <si>
    <t>12/31/2019 08:43:33</t>
  </si>
  <si>
    <t>10.200.66.61</t>
  </si>
  <si>
    <t>74-86-7A-FD-D4-6C</t>
  </si>
  <si>
    <t>VOTORANT-OB015</t>
  </si>
  <si>
    <t>antoniosva</t>
  </si>
  <si>
    <t>\\acsfs\profiles$\antoniosva\Downloads\</t>
  </si>
  <si>
    <t>642dbbe6-2df0-4875-9eb4-e598a8cbe8a3.tmp</t>
  </si>
  <si>
    <t>\\acsfs\profiles$\antoniosva\Downloads\642dbbe6-2df0-4875-9eb4-e598a8cbe8a3.tmp</t>
  </si>
  <si>
    <t>12/31/2019 08:38:40</t>
  </si>
  <si>
    <t>bb99dc81-bb2a-429e-a001-c6ea03f1b7e8.tmp</t>
  </si>
  <si>
    <t>\\acsfs\profiles$\victoriaksr\Downloads\bb99dc81-bb2a-429e-a001-c6ea03f1b7e8.tmp</t>
  </si>
  <si>
    <t>12/31/2019 08:41:17</t>
  </si>
  <si>
    <t>12/31/2019 08:41:02</t>
  </si>
  <si>
    <t>12/31/2019 08:38:45</t>
  </si>
  <si>
    <t>12/31/2019 08:44:34</t>
  </si>
  <si>
    <t>10.200.67.148</t>
  </si>
  <si>
    <t>64-1C-67-9D-1E-37</t>
  </si>
  <si>
    <t>VOTORANT-FB006</t>
  </si>
  <si>
    <t>ellencds</t>
  </si>
  <si>
    <t>\\acsfs\profiles$\ellencds\My Documents\xworkcenter\lex\</t>
  </si>
  <si>
    <t>\\acsfs\profiles$\ellencds\My Documents\xworkcenter\lex\temp.tlx</t>
  </si>
  <si>
    <t>12/31/2019 08:38:46</t>
  </si>
  <si>
    <t>12/31/2019 08:38:47</t>
  </si>
  <si>
    <t>12/31/2019 08:38:48</t>
  </si>
  <si>
    <t>12/31/2019 08:38:49</t>
  </si>
  <si>
    <t>12/31/2019 08:38:50</t>
  </si>
  <si>
    <t>12/31/2019 08:38:52</t>
  </si>
  <si>
    <t>12/31/2019 08:38:55</t>
  </si>
  <si>
    <t>12/31/2019 08:38:56</t>
  </si>
  <si>
    <t>12/31/2019 08:38:57</t>
  </si>
  <si>
    <t>12/31/2019 08:38:58</t>
  </si>
  <si>
    <t>12/31/2019 08:38:59</t>
  </si>
  <si>
    <t>12/31/2019 08:39:00</t>
  </si>
  <si>
    <t>12/31/2019 08:39:01</t>
  </si>
  <si>
    <t>12/31/2019 08:39:02</t>
  </si>
  <si>
    <t>12/31/2019 08:39:03</t>
  </si>
  <si>
    <t>12/31/2019 08:39:04</t>
  </si>
  <si>
    <t>12/31/2019 08:39:05</t>
  </si>
  <si>
    <t>12/31/2019 08:39:06</t>
  </si>
  <si>
    <t>12/31/2019 08:39:07</t>
  </si>
  <si>
    <t>12/31/2019 08:39:08</t>
  </si>
  <si>
    <t>12/31/2019 08:39:09</t>
  </si>
  <si>
    <t>12/31/2019 08:39:10</t>
  </si>
  <si>
    <t>12/31/2019 08:39:11</t>
  </si>
  <si>
    <t>12/31/2019 08:39:12</t>
  </si>
  <si>
    <t>12/31/2019 08:39:13</t>
  </si>
  <si>
    <t>12/31/2019 08:39:14</t>
  </si>
  <si>
    <t>12/31/2019 08:43:14</t>
  </si>
  <si>
    <t>mail.google.com/sync/u/0/i/s?hl=pt-BR&amp;c=333</t>
  </si>
  <si>
    <t>12/31/2019 08:39:19</t>
  </si>
  <si>
    <t>mail.google.com/sync/u/0/i/s?hl=pt-BR&amp;c=335</t>
  </si>
  <si>
    <t>12/31/2019 08:39:36</t>
  </si>
  <si>
    <t>mail.google.com/sync/u/0/i/s?hl=pt-BR&amp;c=339</t>
  </si>
  <si>
    <t>12/31/2019 08:39:39</t>
  </si>
  <si>
    <t>mail.google.com/sync/u/0/i/s?hl=pt-BR&amp;c=341</t>
  </si>
  <si>
    <t>12/31/2019 08:40:03</t>
  </si>
  <si>
    <t>mail.google.com/sync/u/0/i/s?hl=pt-BR&amp;c=344</t>
  </si>
  <si>
    <t>joaogvc@algartech.com;katia.cardoso@bv.com.br;leonardoao@algartech.com;paulacn@algartech.com;rafaelggs@algartech.com;taysdss@algartech.com;viniciussg@algartech.com;</t>
  </si>
  <si>
    <t>joaogvc@algartech.com,katia.cardoso@bv.com.br,leonardoao@algartech.com,paulacn@algartech.com,rafaelggs@algartech.com,taysdss@algartech.com,viniciussg@algartech.com</t>
  </si>
  <si>
    <t>12/31/2019 08:40:06</t>
  </si>
  <si>
    <t>mail.google.com/sync/u/0/i/s?hl=pt-BR&amp;c=346</t>
  </si>
  <si>
    <t>12/31/2019 08:40:13</t>
  </si>
  <si>
    <t>mail.google.com/sync/u/0/i/s?hl=pt-BR&amp;c=348</t>
  </si>
  <si>
    <t>12/31/2019 08:40:17</t>
  </si>
  <si>
    <t>mail.google.com/sync/u/0/i/s?hl=pt-BR&amp;c=350</t>
  </si>
  <si>
    <t>12/31/2019 08:41:11</t>
  </si>
  <si>
    <t>mail.google.com/sync/u/0/i/s?hl=pt-BR&amp;c=353</t>
  </si>
  <si>
    <t>12/31/2019 08:41:14</t>
  </si>
  <si>
    <t>mail.google.com/sync/u/0/i/s?hl=pt-BR&amp;c=355</t>
  </si>
  <si>
    <t>12/31/2019 08:41:24</t>
  </si>
  <si>
    <t>mail.google.com/sync/u/0/i/s?hl=pt-BR&amp;c=357</t>
  </si>
  <si>
    <t>12/31/2019 08:41:26</t>
  </si>
  <si>
    <t>mail.google.com/sync/u/0/i/s?hl=pt-BR&amp;c=359</t>
  </si>
  <si>
    <t>12/31/2019 08:41:45</t>
  </si>
  <si>
    <t>12/31/2019 08:41:53</t>
  </si>
  <si>
    <t>12/31/2019 08:42:03</t>
  </si>
  <si>
    <t>mail.google.com/_/upload?authuser=0&amp;dcp=asu-n&amp;upload_id=AEnB2Ur_uWhzgKgMmNYPUECAK4YoWvpKqesaOxBi4yRs-cwoQECYE9VDc7y4lg23DVI_d4rW_wD6f1XDEsEt0oUhJ--AIVmmwajNzcUI2TXF_1vApoqNreY&amp;upload_protocol=resumable</t>
  </si>
  <si>
    <t>12/31/2019 08:41:51</t>
  </si>
  <si>
    <t>12/31/2019 08:45:33</t>
  </si>
  <si>
    <t>8c8cf3be-9473-4d6b-aeb0-c758d0950f18.tmp</t>
  </si>
  <si>
    <t>\\acsfs\profiles$\eduardofss\Downloads\8c8cf3be-9473-4d6b-aeb0-c758d0950f18.tmp</t>
  </si>
  <si>
    <t>12/31/2019 08:44:49</t>
  </si>
  <si>
    <t>053e26c0-d986-4362-a862-2fec51d47ced.tmp</t>
  </si>
  <si>
    <t>\\acsfs\profiles$\eduardofss\Downloads\053e26c0-d986-4362-a862-2fec51d47ced.tmp</t>
  </si>
  <si>
    <t>12/31/2019 08:44:14</t>
  </si>
  <si>
    <t>12/31/2019 08:46:34</t>
  </si>
  <si>
    <t>10.200.67.129</t>
  </si>
  <si>
    <t>74-86-7A-FC-CE-99</t>
  </si>
  <si>
    <t>VOTORANT-PB008</t>
  </si>
  <si>
    <t>leticiala</t>
  </si>
  <si>
    <t>\\acsfs\profiles$\leticiala\Contacts\</t>
  </si>
  <si>
    <t>LETICIA LIMA ALVES (39).contact</t>
  </si>
  <si>
    <t>\\acsfs\profiles$\leticiala\Contacts\LETICIA LIMA ALVES (39).contact</t>
  </si>
  <si>
    <t>12/31/2019 08:44:15</t>
  </si>
  <si>
    <t>\\acsfs\profiles$\leticiala\My Documents\My Videos\</t>
  </si>
  <si>
    <t>\\acsfs\profiles$\leticiala\My Documents\My Videos\desktop.ini</t>
  </si>
  <si>
    <t>12/31/2019 08:44:50</t>
  </si>
  <si>
    <t>12/31/2019 08:44:51</t>
  </si>
  <si>
    <t>\\acsfs\profiles$\leticiala\My Documents\My Pictures\</t>
  </si>
  <si>
    <t>\\acsfs\profiles$\leticiala\My Documents\My Pictures\desktop.ini</t>
  </si>
  <si>
    <t>12/31/2019 08:44:52</t>
  </si>
  <si>
    <t>12/31/2019 08:44:53</t>
  </si>
  <si>
    <t>12/31/2019 08:44:54</t>
  </si>
  <si>
    <t>\\acsfs\profiles$\leticiala\Contacts\desktop.ini</t>
  </si>
  <si>
    <t>12/31/2019 08:44:55</t>
  </si>
  <si>
    <t>12/31/2019 08:44:56</t>
  </si>
  <si>
    <t>\\acsfs\profiles$\leticiala\Favorites\</t>
  </si>
  <si>
    <t>\\acsfs\profiles$\leticiala\Favorites\desktop.ini</t>
  </si>
  <si>
    <t>12/31/2019 08:44:57</t>
  </si>
  <si>
    <t>12/31/2019 08:44:58</t>
  </si>
  <si>
    <t>12/31/2019 08:44:59</t>
  </si>
  <si>
    <t>\\acsfs\profiles$\leticiala\My Documents\My Music\</t>
  </si>
  <si>
    <t>\\acsfs\profiles$\leticiala\My Documents\My Music\desktop.ini</t>
  </si>
  <si>
    <t>12/31/2019 08:45:00</t>
  </si>
  <si>
    <t>12/31/2019 08:45:01</t>
  </si>
  <si>
    <t>12/31/2019 08:45:03</t>
  </si>
  <si>
    <t>\\acsfs\profiles$\leticiala\Searches\</t>
  </si>
  <si>
    <t>\\acsfs\profiles$\leticiala\Searches\desktop.ini</t>
  </si>
  <si>
    <t>12/31/2019 08:45:04</t>
  </si>
  <si>
    <t>12/31/2019 08:45:05</t>
  </si>
  <si>
    <t>\\acsfs\profiles$\leticiala\Downloads\</t>
  </si>
  <si>
    <t>\\acsfs\profiles$\leticiala\Downloads\desktop.ini</t>
  </si>
  <si>
    <t>12/31/2019 08:45:06</t>
  </si>
  <si>
    <t>12/31/2019 08:45:07</t>
  </si>
  <si>
    <t>\\acsfs\profiles$\leticiala\My Documents\</t>
  </si>
  <si>
    <t>\\acsfs\profiles$\leticiala\My Documents\desktop.ini</t>
  </si>
  <si>
    <t>12/31/2019 08:45:08</t>
  </si>
  <si>
    <t>12/31/2019 08:45:09</t>
  </si>
  <si>
    <t>12/31/2019 08:45:11</t>
  </si>
  <si>
    <t>\\acsfs\profiles$\leticiala\Saved Games\</t>
  </si>
  <si>
    <t>\\acsfs\profiles$\leticiala\Saved Games\desktop.ini</t>
  </si>
  <si>
    <t>12/31/2019 08:45:12</t>
  </si>
  <si>
    <t>12/31/2019 08:44:12</t>
  </si>
  <si>
    <t>12/31/2019 08:47:34</t>
  </si>
  <si>
    <t>12/31/2019 08:43:16</t>
  </si>
  <si>
    <t>pedrohab</t>
  </si>
  <si>
    <t>\\acsfs\profiles$\pedrohab\My Documents\My Pictures\</t>
  </si>
  <si>
    <t>\\acsfs\profiles$\PEDROHAB\My Documents\My Videos\desktop.ini</t>
  </si>
  <si>
    <t>12/31/2019 08:43:17</t>
  </si>
  <si>
    <t>\\acsfs\profiles$\PEDROHAB\My Documents\My Videos\</t>
  </si>
  <si>
    <t>12/31/2019 08:43:19</t>
  </si>
  <si>
    <t>12/31/2019 08:43:20</t>
  </si>
  <si>
    <t>12/31/2019 08:43:21</t>
  </si>
  <si>
    <t>\\acsfs\profiles$\pedrohab\My Documents\My Music\</t>
  </si>
  <si>
    <t>\\acsfs\profiles$\PEDROHAB\My Documents\My Pictures\desktop.ini</t>
  </si>
  <si>
    <t>12/31/2019 08:43:22</t>
  </si>
  <si>
    <t>\\acsfs\profiles$\pedrohab\My Documents\My Videos\</t>
  </si>
  <si>
    <t>12/31/2019 08:43:23</t>
  </si>
  <si>
    <t>12/31/2019 08:43:26</t>
  </si>
  <si>
    <t>\\acsfs\profiles$\PEDROHAB\Contacts\</t>
  </si>
  <si>
    <t>\\acsfs\profiles$\PEDROHAB\Contacts\desktop.ini</t>
  </si>
  <si>
    <t>12/31/2019 08:43:27</t>
  </si>
  <si>
    <t>12/31/2019 08:43:29</t>
  </si>
  <si>
    <t>12/31/2019 08:43:30</t>
  </si>
  <si>
    <t>12/31/2019 08:43:32</t>
  </si>
  <si>
    <t>12/31/2019 08:43:35</t>
  </si>
  <si>
    <t>\\acsfs\profiles$\pedrohab\My Documents\</t>
  </si>
  <si>
    <t>\\acsfs\profiles$\PEDROHAB\Favorites\desktop.ini</t>
  </si>
  <si>
    <t>12/31/2019 08:43:36</t>
  </si>
  <si>
    <t>12/31/2019 08:43:38</t>
  </si>
  <si>
    <t>12/31/2019 08:43:39</t>
  </si>
  <si>
    <t>12/31/2019 08:43:41</t>
  </si>
  <si>
    <t>12/31/2019 08:43:43</t>
  </si>
  <si>
    <t>12/31/2019 08:43:44</t>
  </si>
  <si>
    <t>\\acsfs\profiles$\PEDROHAB\My Documents\My Music\desktop.ini</t>
  </si>
  <si>
    <t>12/31/2019 08:43:45</t>
  </si>
  <si>
    <t>\\acsfs\profiles$\PEDROHAB\My Documents\My Music\</t>
  </si>
  <si>
    <t>12/31/2019 08:43:46</t>
  </si>
  <si>
    <t>12/31/2019 08:43:47</t>
  </si>
  <si>
    <t>12/31/2019 08:43:49</t>
  </si>
  <si>
    <t>\\acsfs\profiles$\PEDROHAB\Searches\</t>
  </si>
  <si>
    <t>\\acsfs\profiles$\PEDROHAB\Searches\desktop.ini</t>
  </si>
  <si>
    <t>12/31/2019 08:43:50</t>
  </si>
  <si>
    <t>12/31/2019 08:43:51</t>
  </si>
  <si>
    <t>12/31/2019 08:43:52</t>
  </si>
  <si>
    <t>12/31/2019 08:43:53</t>
  </si>
  <si>
    <t>12/31/2019 08:43:54</t>
  </si>
  <si>
    <t>\\acsfs\profiles$\pedrohab\Downloads\</t>
  </si>
  <si>
    <t>\\acsfs\profiles$\PEDROHAB\Downloads\desktop.ini</t>
  </si>
  <si>
    <t>12/31/2019 08:43:55</t>
  </si>
  <si>
    <t>\\acsfs\profiles$\PEDROHAB\Downloads\</t>
  </si>
  <si>
    <t>12/31/2019 08:43:58</t>
  </si>
  <si>
    <t>\\acsfs\profiles$\pedrohab\Favorites\</t>
  </si>
  <si>
    <t>\\acsfs\profiles$\PEDROHAB\My Documents\desktop.ini</t>
  </si>
  <si>
    <t>12/31/2019 08:44:00</t>
  </si>
  <si>
    <t>\\acsfs\profiles$\PEDROHAB\My Documents\</t>
  </si>
  <si>
    <t>12/31/2019 08:44:01</t>
  </si>
  <si>
    <t>12/31/2019 08:44:02</t>
  </si>
  <si>
    <t>12/31/2019 08:44:03</t>
  </si>
  <si>
    <t>12/31/2019 08:44:05</t>
  </si>
  <si>
    <t>12/31/2019 08:44:06</t>
  </si>
  <si>
    <t>\\acsfs\profiles$\PEDROHAB\Saved Games\desktop.ini</t>
  </si>
  <si>
    <t>12/31/2019 08:44:09</t>
  </si>
  <si>
    <t>12/31/2019 08:46:10</t>
  </si>
  <si>
    <t>12/31/2019 08:48:33</t>
  </si>
  <si>
    <t>56a9b4e0-f181-4904-a962-b39dd652e05e.tmp</t>
  </si>
  <si>
    <t>\\acsfs\profiles$\antoniosva\Downloads\56a9b4e0-f181-4904-a962-b39dd652e05e.tmp</t>
  </si>
  <si>
    <t>12/31/2019 08:46:25</t>
  </si>
  <si>
    <t>0c39394e-8566-4f5f-b73f-61ba04d2e064.tmp</t>
  </si>
  <si>
    <t>\\acsfs\profiles$\antoniosva\Downloads\0c39394e-8566-4f5f-b73f-61ba04d2e064.tmp</t>
  </si>
  <si>
    <t>12/31/2019 08:47:26</t>
  </si>
  <si>
    <t>2caadd67-ca96-4bf0-b197-93c278a4e16d.tmp</t>
  </si>
  <si>
    <t>\\acsfs\profiles$\antoniosva\Downloads\2caadd67-ca96-4bf0-b197-93c278a4e16d.tmp</t>
  </si>
  <si>
    <t>10.200.67.122</t>
  </si>
  <si>
    <t>74-86-7A-FB-19-0C</t>
  </si>
  <si>
    <t>VOTORANT-GB010</t>
  </si>
  <si>
    <t>georgendsq</t>
  </si>
  <si>
    <t>\\acsfs\profiles$\georgendsq\Downloads\</t>
  </si>
  <si>
    <t>ae5a704c-73f3-44c3-a2ef-da8f98f683c7.tmp</t>
  </si>
  <si>
    <t>\\acsfs\profiles$\georgendsq\Downloads\ae5a704c-73f3-44c3-a2ef-da8f98f683c7.tmp</t>
  </si>
  <si>
    <t>12/31/2019 08:44:31</t>
  </si>
  <si>
    <t>a7c9ca0c-7fc6-4bdf-af64-9693cbd73eb9.tmp</t>
  </si>
  <si>
    <t>\\acsfs\profiles$\georgendsq\Downloads\a7c9ca0c-7fc6-4bdf-af64-9693cbd73eb9.tmp</t>
  </si>
  <si>
    <t>12/31/2019 08:45:20</t>
  </si>
  <si>
    <t>1202168f-ff68-4a59-bdf5-b7d8a49ea349.tmp</t>
  </si>
  <si>
    <t>\\acsfs\profiles$\georgendsq\Downloads\1202168f-ff68-4a59-bdf5-b7d8a49ea349.tmp</t>
  </si>
  <si>
    <t>12/31/2019 08:46:15</t>
  </si>
  <si>
    <t>b2bf1ce1-783a-474f-ac5b-64c0b8f4f19b.tmp</t>
  </si>
  <si>
    <t>\\acsfs\profiles$\georgendsq\Downloads\b2bf1ce1-783a-474f-ac5b-64c0b8f4f19b.tmp</t>
  </si>
  <si>
    <t>12/31/2019 08:46:30</t>
  </si>
  <si>
    <t>85d85527-33ec-4efa-b47b-e754a20f9195.tmp</t>
  </si>
  <si>
    <t>\\acsfs\profiles$\georgendsq\Downloads\85d85527-33ec-4efa-b47b-e754a20f9195.tmp</t>
  </si>
  <si>
    <t>12/31/2019 08:46:48</t>
  </si>
  <si>
    <t>5b5c5982-c5aa-4c94-ab8f-caaa5d3537d8.tmp</t>
  </si>
  <si>
    <t>\\acsfs\profiles$\georgendsq\Downloads\5b5c5982-c5aa-4c94-ab8f-caaa5d3537d8.tmp</t>
  </si>
  <si>
    <t>12/31/2019 08:47:18</t>
  </si>
  <si>
    <t>\\acsfs\profiles$\georgendsq\My Documents\</t>
  </si>
  <si>
    <t>PID chat.txt</t>
  </si>
  <si>
    <t>\\acsfs\profiles$\georgendsq\My Documents\PID chat.txt</t>
  </si>
  <si>
    <t>5e4c35b8-b9ad-4983-b2dd-fb6b086bc3f0.tmp</t>
  </si>
  <si>
    <t>\\acsfs\profiles$\vivianealda\Downloads\5e4c35b8-b9ad-4983-b2dd-fb6b086bc3f0.tmp</t>
  </si>
  <si>
    <t>12/31/2019 08:46:39</t>
  </si>
  <si>
    <t>673badc1-b461-4ebc-9b47-4237cf091b29.tmp</t>
  </si>
  <si>
    <t>\\acsfs\profiles$\vivianealda\Downloads\673badc1-b461-4ebc-9b47-4237cf091b29.tmp</t>
  </si>
  <si>
    <t>12/31/2019 08:46:37</t>
  </si>
  <si>
    <t>12/31/2019 08:49:33</t>
  </si>
  <si>
    <t>\\acsfs\profiles$\lucasgpe\Desktop\</t>
  </si>
  <si>
    <t>Portal top.txt</t>
  </si>
  <si>
    <t>\\acsfs\profiles$\lucasgpe\Desktop\Portal top.txt</t>
  </si>
  <si>
    <t>12/31/2019 08:45:14</t>
  </si>
  <si>
    <t>12/31/2019 08:46:31</t>
  </si>
  <si>
    <t>12/31/2019 08:51:34</t>
  </si>
  <si>
    <t>\\acsfs\profiles$\leticiala\My Documents\Automation Anywhere Files\ConfigFiles\</t>
  </si>
  <si>
    <t>log4net-config.xml</t>
  </si>
  <si>
    <t>\\acsfs\profiles$\leticiala\My Documents\Automation Anywhere Files\ConfigFiles\log4net-config.xml</t>
  </si>
  <si>
    <t>12/31/2019 08:46:32</t>
  </si>
  <si>
    <t>\\acsfs\profiles$\leticiala\My Documents\Automation Anywhere Files\</t>
  </si>
  <si>
    <t>AA.Trigger.xml</t>
  </si>
  <si>
    <t>\\acsfs\profiles$\leticiala\My Documents\Automation Anywhere Files\AA.Trigger.xml</t>
  </si>
  <si>
    <t>12/31/2019 08:46:33</t>
  </si>
  <si>
    <t>\\acsfs\profiles$\leticiala\Favorites\Links for Brasil\</t>
  </si>
  <si>
    <t>\\acsfs\profiles$\leticiala\Favorites\Links for Brasil\desktop.ini</t>
  </si>
  <si>
    <t>\\acsfs\profiles$\leticiala\Favorites\Links for Brasil\Microsoft Brasil.url</t>
  </si>
  <si>
    <t>\\acsfs\profiles$\leticiala\Favorites\Links for Brasil\Windows Brasil.url</t>
  </si>
  <si>
    <t>12/31/2019 08:46:35</t>
  </si>
  <si>
    <t>\\acsfs\profiles$\leticiala\Favorites\Links for Brasil\MSN Brasil.url</t>
  </si>
  <si>
    <t>12/31/2019 08:46:36</t>
  </si>
  <si>
    <t>12/31/2019 08:48:12</t>
  </si>
  <si>
    <t>12/31/2019 08:49:42</t>
  </si>
  <si>
    <t>12/31/2019 08:50:12</t>
  </si>
  <si>
    <t>12/31/2019 08:50:42</t>
  </si>
  <si>
    <t>12/31/2019 08:46:26</t>
  </si>
  <si>
    <t>10.200.66.194</t>
  </si>
  <si>
    <t>74-86-7A-FB-19-E8</t>
  </si>
  <si>
    <t>VOTORANT-SB010</t>
  </si>
  <si>
    <t>alessandraan</t>
  </si>
  <si>
    <t>\\acsfs\profiles$\alessandraan\Downloads\</t>
  </si>
  <si>
    <t>a44689bb-6f93-4f8c-b91e-ca73cb61d2a4.tmp</t>
  </si>
  <si>
    <t>\\acsfs\profiles$\alessandraan\Downloads\a44689bb-6f93-4f8c-b91e-ca73cb61d2a4.tmp</t>
  </si>
  <si>
    <t>12/31/2019 08:46:28</t>
  </si>
  <si>
    <t>04306eb4-5bbd-46e6-bc76-e8f2c45da5a7.tmp</t>
  </si>
  <si>
    <t>\\acsfs\profiles$\alessandraan\Downloads\04306eb4-5bbd-46e6-bc76-e8f2c45da5a7.tmp</t>
  </si>
  <si>
    <t>12/31/2019 08:46:29</t>
  </si>
  <si>
    <t>e022ded0-a87c-4923-8472-f87e23488233.tmp</t>
  </si>
  <si>
    <t>\\acsfs\profiles$\alessandraan\Downloads\e022ded0-a87c-4923-8472-f87e23488233.tmp</t>
  </si>
  <si>
    <t>cf7cd1ac-2eb3-46f3-acf2-7e59cb850ccb.tmp</t>
  </si>
  <si>
    <t>\\acsfs\profiles$\alessandraan\Downloads\cf7cd1ac-2eb3-46f3-acf2-7e59cb850ccb.tmp</t>
  </si>
  <si>
    <t>12/31/2019 08:47:08</t>
  </si>
  <si>
    <t>082755d4-d612-41de-8582-b0bc0a137ef5.tmp</t>
  </si>
  <si>
    <t>\\acsfs\profiles$\alessandraan\Downloads\082755d4-d612-41de-8582-b0bc0a137ef5.tmp</t>
  </si>
  <si>
    <t>12/31/2019 08:47:11</t>
  </si>
  <si>
    <t>48e5ecb5-31e7-4dfa-8b41-12e0e8c380e0.tmp</t>
  </si>
  <si>
    <t>\\acsfs\profiles$\alessandraan\Downloads\48e5ecb5-31e7-4dfa-8b41-12e0e8c380e0.tmp</t>
  </si>
  <si>
    <t>12/31/2019 08:47:20</t>
  </si>
  <si>
    <t>a05fa638-806d-49d2-aad7-f0213331b6bd.tmp</t>
  </si>
  <si>
    <t>\\acsfs\profiles$\alessandraan\Downloads\a05fa638-806d-49d2-aad7-f0213331b6bd.tmp</t>
  </si>
  <si>
    <t>12/31/2019 08:48:53</t>
  </si>
  <si>
    <t>\\acsfs\profiles$\alessandraan\My Documents\</t>
  </si>
  <si>
    <t>LINK VERIFICACAO LINK VERIFICACAO LINK VERIFICACAO.txt</t>
  </si>
  <si>
    <t>\\acsfs\profiles$\alessandraan\My Documents\LINK VERIFICACAO LINK VERIFICACAO LINK VERIFICACAO.txt</t>
  </si>
  <si>
    <t>12/31/2019 08:47:59</t>
  </si>
  <si>
    <t>lu18508zy222.tmp</t>
  </si>
  <si>
    <t>\\acsfs\profiles$\geovanaasa\My Documents\lu18508zy222.tmp</t>
  </si>
  <si>
    <t>\\acsfs\profiles$\geovanaasa\My Documents\lu18508zy222.tmp\</t>
  </si>
  <si>
    <t>\\acsfs\profiles$\geovanaasa\My Documents\lu18508zy222.tmp\META-INF\</t>
  </si>
  <si>
    <t>\\acsfs\profiles$\geovanaasa\My Documents\lu18508zy222.tmp\Thumbnails\</t>
  </si>
  <si>
    <t>12/31/2019 08:48:28</t>
  </si>
  <si>
    <t>10.200.67.7</t>
  </si>
  <si>
    <t>90-B1-1C-71-35-16</t>
  </si>
  <si>
    <t>VOTORANT-IB007</t>
  </si>
  <si>
    <t>kamilamrc</t>
  </si>
  <si>
    <t>\\acsfs\profiles$\kamilamrc\Downloads\</t>
  </si>
  <si>
    <t>1580154a-fb32-4eca-8ddf-dd34674b87a0.tmp</t>
  </si>
  <si>
    <t>\\acsfs\profiles$\kamilamrc\Downloads\1580154a-fb32-4eca-8ddf-dd34674b87a0.tmp</t>
  </si>
  <si>
    <t>12/31/2019 08:50:45</t>
  </si>
  <si>
    <t>ee0f35a7-a1f2-48c3-94cf-35c174fd462c.tmp</t>
  </si>
  <si>
    <t>\\acsfs\profiles$\kamilamrc\Downloads\ee0f35a7-a1f2-48c3-94cf-35c174fd462c.tmp</t>
  </si>
  <si>
    <t>12/31/2019 08:51:13</t>
  </si>
  <si>
    <t>684e8665-5a6c-4de3-81a5-4af257a081e2.tmp</t>
  </si>
  <si>
    <t>\\acsfs\profiles$\kamilamrc\Downloads\684e8665-5a6c-4de3-81a5-4af257a081e2.tmp</t>
  </si>
  <si>
    <t>12/31/2019 08:48:40</t>
  </si>
  <si>
    <t>12/31/2019 08:52:34</t>
  </si>
  <si>
    <t>10.200.66.131</t>
  </si>
  <si>
    <t>78-2B-CB-C1-05-33</t>
  </si>
  <si>
    <t>VOTORANT-IB038</t>
  </si>
  <si>
    <t>gabrielhca</t>
  </si>
  <si>
    <t>\\acsfs\profiles$\gabrielhca\Downloads\</t>
  </si>
  <si>
    <t>b2c9c06f-0f7a-4b1a-8393-33fb14bf8826.tmp</t>
  </si>
  <si>
    <t>\\acsfs\profiles$\gabrielhca\Downloads\b2c9c06f-0f7a-4b1a-8393-33fb14bf8826.tmp</t>
  </si>
  <si>
    <t>12/31/2019 08:49:34</t>
  </si>
  <si>
    <t>6ef525fe-0d17-4ac8-bf81-2354cb7dc0ef.tmp</t>
  </si>
  <si>
    <t>\\acsfs\profiles$\gabrielhca\Downloads\6ef525fe-0d17-4ac8-bf81-2354cb7dc0ef.tmp</t>
  </si>
  <si>
    <t>12/31/2019 08:50:49</t>
  </si>
  <si>
    <t>dfba3574-3cd0-4c47-a9c7-68287c96f920.tmp</t>
  </si>
  <si>
    <t>\\acsfs\profiles$\gabrielhca\Downloads\dfba3574-3cd0-4c47-a9c7-68287c96f920.tmp</t>
  </si>
  <si>
    <t>12/31/2019 08:49:21</t>
  </si>
  <si>
    <t>12/31/2019 08:48:10</t>
  </si>
  <si>
    <t>12/31/2019 08:53:34</t>
  </si>
  <si>
    <t>184fef04-535e-4996-acb8-a49d80b1ad7d.tmp</t>
  </si>
  <si>
    <t>\\acsfs\profiles$\antoniosva\Downloads\184fef04-535e-4996-acb8-a49d80b1ad7d.tmp</t>
  </si>
  <si>
    <t>12/31/2019 08:48:02</t>
  </si>
  <si>
    <t>12/31/2019 08:50:36</t>
  </si>
  <si>
    <t>jonatanls</t>
  </si>
  <si>
    <t>\\acsfs\profiles$\jonatanls\Downloads\</t>
  </si>
  <si>
    <t>bc93f7ef-4edd-4d83-8862-9e3148610b73.tmp</t>
  </si>
  <si>
    <t>\\acsfs\profiles$\jonatanls\Downloads\bc93f7ef-4edd-4d83-8862-9e3148610b73.tmp</t>
  </si>
  <si>
    <t>12/31/2019 08:51:08</t>
  </si>
  <si>
    <t>c85e0e61-0be4-470c-8974-d6c10b987130.tmp</t>
  </si>
  <si>
    <t>\\acsfs\profiles$\jonatanls\Downloads\c85e0e61-0be4-470c-8974-d6c10b987130.tmp</t>
  </si>
  <si>
    <t>12/31/2019 08:51:52</t>
  </si>
  <si>
    <t>56ce1685-cb16-441b-9417-2a4db2925fe5.tmp</t>
  </si>
  <si>
    <t>\\acsfs\profiles$\jonatanls\Downloads\56ce1685-cb16-441b-9417-2a4db2925fe5.tmp</t>
  </si>
  <si>
    <t>12/31/2019 08:50:40</t>
  </si>
  <si>
    <t>a2b0d549-8fb5-4100-9232-591007fd3a2e.tmp</t>
  </si>
  <si>
    <t>\\acsfs\profiles$\sarahbal\Downloads\a2b0d549-8fb5-4100-9232-591007fd3a2e.tmp</t>
  </si>
  <si>
    <t>12/31/2019 08:50:43</t>
  </si>
  <si>
    <t>815eb9bf-74c4-4df8-8ee9-16f7efb4d6d8.tmp</t>
  </si>
  <si>
    <t>\\acsfs\profiles$\sarahbal\Downloads\815eb9bf-74c4-4df8-8ee9-16f7efb4d6d8.tmp</t>
  </si>
  <si>
    <t>12/31/2019 08:49:24</t>
  </si>
  <si>
    <t>3bc43e4a-2c13-434b-8bab-f451ae4c3a6b.tmp</t>
  </si>
  <si>
    <t>Brazil: CNPJ - Cadastro Nacional da Pessoa Jurídica (National Registry of Legal Entities)</t>
  </si>
  <si>
    <t>\\acsfs\profiles$\laianear\Downloads\3bc43e4a-2c13-434b-8bab-f451ae4c3a6b.tmp</t>
  </si>
  <si>
    <t>12/31/2019 08:49:38</t>
  </si>
  <si>
    <t>35caaef7-2611-4af0-b42e-bb5047e664cb.tmp</t>
  </si>
  <si>
    <t>\\acsfs\profiles$\laianear\Downloads\35caaef7-2611-4af0-b42e-bb5047e664cb.tmp</t>
  </si>
  <si>
    <t>Não confirmado 524890.crdownload</t>
  </si>
  <si>
    <t>\\acsfs\profiles$\laianear\Downloads\Não confirmado 524890.crdownload</t>
  </si>
  <si>
    <t>12/31/2019 08:49:26</t>
  </si>
  <si>
    <t>12/31/2019 08:51:58</t>
  </si>
  <si>
    <t>claudiajca</t>
  </si>
  <si>
    <t>\\acsfs\profiles$\claudiajca\Downloads\</t>
  </si>
  <si>
    <t>bf191e38-aae6-4de5-a59d-f1914f567883.tmp</t>
  </si>
  <si>
    <t>\\acsfs\profiles$\claudiajca\Downloads\bf191e38-aae6-4de5-a59d-f1914f567883.tmp</t>
  </si>
  <si>
    <t>12/31/2019 08:46:55</t>
  </si>
  <si>
    <t>12/31/2019 08:54:35</t>
  </si>
  <si>
    <t>12/31/2019 08:50:54</t>
  </si>
  <si>
    <t>12/31/2019 08:49:15</t>
  </si>
  <si>
    <t>12/31/2019 08:51:14</t>
  </si>
  <si>
    <t>12/31/2019 08:52:53</t>
  </si>
  <si>
    <t>12/31/2019 08:52:39</t>
  </si>
  <si>
    <t>3f837233-b6cb-4505-b34c-3f8cbf31c76e.tmp</t>
  </si>
  <si>
    <t>\\acsfs\profiles$\isabellegtds\Downloads\3f837233-b6cb-4505-b34c-3f8cbf31c76e.tmp</t>
  </si>
  <si>
    <t>12/31/2019 08:51:12</t>
  </si>
  <si>
    <t>12/31/2019 08:56:34</t>
  </si>
  <si>
    <t>12/31/2019 08:52:12</t>
  </si>
  <si>
    <t>12/31/2019 08:55:38</t>
  </si>
  <si>
    <t>HOJE SEGUNDA.txt</t>
  </si>
  <si>
    <t>\\acsfs\profiles$\alessandraan\My Documents\HOJE SEGUNDA.txt</t>
  </si>
  <si>
    <t>12/31/2019 08:55:44</t>
  </si>
  <si>
    <t>12/31/2019 08:54:03</t>
  </si>
  <si>
    <t>\\acsfs\profiles$\geovanaasa\Downloads\</t>
  </si>
  <si>
    <t>9bef2b08-85f1-4836-b8de-7af5fc5bab17.tmp</t>
  </si>
  <si>
    <t>\\acsfs\profiles$\geovanaasa\Downloads\9bef2b08-85f1-4836-b8de-7af5fc5bab17.tmp</t>
  </si>
  <si>
    <t>12/31/2019 08:51:41</t>
  </si>
  <si>
    <t>0c13edd0-e720-430e-96bb-9611a0c44a14.tmp</t>
  </si>
  <si>
    <t>\\acsfs\profiles$\kamilamrc\Downloads\0c13edd0-e720-430e-96bb-9611a0c44a14.tmp</t>
  </si>
  <si>
    <t>12/31/2019 08:51:45</t>
  </si>
  <si>
    <t>f6c2841d-68a1-47c8-b32f-9269c843ef64.tmp</t>
  </si>
  <si>
    <t>\\acsfs\profiles$\kamilamrc\Downloads\f6c2841d-68a1-47c8-b32f-9269c843ef64.tmp</t>
  </si>
  <si>
    <t>12/31/2019 08:51:49</t>
  </si>
  <si>
    <t>99b29b36-ec29-467b-9dfb-a76f8628d67a.tmp</t>
  </si>
  <si>
    <t>\\acsfs\profiles$\kamilamrc\Downloads\99b29b36-ec29-467b-9dfb-a76f8628d67a.tmp</t>
  </si>
  <si>
    <t>12/31/2019 08:55:21</t>
  </si>
  <si>
    <t>\\acsfs\profiles$\kamilamrc\My Documents\xworkcenter\lex\</t>
  </si>
  <si>
    <t>\\acsfs\profiles$\kamilamrc\My Documents\xworkcenter\lex\temp.tlx</t>
  </si>
  <si>
    <t>12/31/2019 08:55:22</t>
  </si>
  <si>
    <t>12/31/2019 08:55:23</t>
  </si>
  <si>
    <t>12/31/2019 08:55:24</t>
  </si>
  <si>
    <t>12/31/2019 08:55:25</t>
  </si>
  <si>
    <t>12/31/2019 08:55:26</t>
  </si>
  <si>
    <t>12/31/2019 08:55:27</t>
  </si>
  <si>
    <t>12/31/2019 08:55:28</t>
  </si>
  <si>
    <t>12/31/2019 08:55:29</t>
  </si>
  <si>
    <t>12/31/2019 08:55:30</t>
  </si>
  <si>
    <t>12/31/2019 08:55:31</t>
  </si>
  <si>
    <t>12/31/2019 08:55:32</t>
  </si>
  <si>
    <t>12/31/2019 08:55:33</t>
  </si>
  <si>
    <t>12/31/2019 08:55:34</t>
  </si>
  <si>
    <t>12/31/2019 08:55:35</t>
  </si>
  <si>
    <t>12/31/2019 08:55:36</t>
  </si>
  <si>
    <t>12/31/2019 08:55:37</t>
  </si>
  <si>
    <t>12/31/2019 08:55:39</t>
  </si>
  <si>
    <t>12/31/2019 08:55:40</t>
  </si>
  <si>
    <t>12/31/2019 08:55:41</t>
  </si>
  <si>
    <t>12/31/2019 08:55:42</t>
  </si>
  <si>
    <t>12/31/2019 08:55:43</t>
  </si>
  <si>
    <t>12/31/2019 08:55:45</t>
  </si>
  <si>
    <t>12/31/2019 08:55:46</t>
  </si>
  <si>
    <t>12/31/2019 08:52:13</t>
  </si>
  <si>
    <t>12/31/2019 08:57:34</t>
  </si>
  <si>
    <t>3929decf-40cc-44d5-b199-56b630b1b9cc.tmp</t>
  </si>
  <si>
    <t>\\acsfs\profiles$\gabrielhca\Downloads\3929decf-40cc-44d5-b199-56b630b1b9cc.tmp</t>
  </si>
  <si>
    <t>12/31/2019 08:53:59</t>
  </si>
  <si>
    <t>5e1871fa-4989-4c11-99a6-c0feddcb1c3a.tmp</t>
  </si>
  <si>
    <t>\\acsfs\profiles$\PEDROHAB\Downloads\5e1871fa-4989-4c11-99a6-c0feddcb1c3a.tmp</t>
  </si>
  <si>
    <t>12/31/2019 08:54:07</t>
  </si>
  <si>
    <t>Unconfirmed 744426.crdownload</t>
  </si>
  <si>
    <t>\\acsfs\profiles$\PEDROHAB\Downloads\Unconfirmed 744426.crdownload</t>
  </si>
  <si>
    <t>a401f86f-f82a-4173-9a8f-8a6c990c9998.tmp</t>
  </si>
  <si>
    <t>\\acsfs\profiles$\PEDROHAB\Downloads\a401f86f-f82a-4173-9a8f-8a6c990c9998.tmp</t>
  </si>
  <si>
    <t>12/31/2019 08:54:10</t>
  </si>
  <si>
    <t>5e683a44-850c-4d32-93a6-ac36c8e605e7.tmp</t>
  </si>
  <si>
    <t>\\acsfs\profiles$\PEDROHAB\Downloads\5e683a44-850c-4d32-93a6-ac36c8e605e7.tmp</t>
  </si>
  <si>
    <t>12/31/2019 08:54:32</t>
  </si>
  <si>
    <t>Unconfirmed 437604.crdownload</t>
  </si>
  <si>
    <t>\\acsfs\profiles$\PEDROHAB\Downloads\Unconfirmed 437604.crdownload</t>
  </si>
  <si>
    <t>12/31/2019 08:54:33</t>
  </si>
  <si>
    <t>Unconfirmed 466216.crdownload</t>
  </si>
  <si>
    <t>\\acsfs\profiles$\PEDROHAB\Downloads\Unconfirmed 466216.crdownload</t>
  </si>
  <si>
    <t>12/31/2019 08:54:45</t>
  </si>
  <si>
    <t>ed1e2f80-4556-4cbc-9e3c-1bdaa4437fb6.tmp</t>
  </si>
  <si>
    <t>\\acsfs\profiles$\PEDROHAB\Downloads\ed1e2f80-4556-4cbc-9e3c-1bdaa4437fb6.tmp</t>
  </si>
  <si>
    <t>3e5d6d3b-ed9f-46f3-8359-e699b44caae4.tmp</t>
  </si>
  <si>
    <t>\\acsfs\profiles$\PEDROHAB\Downloads\3e5d6d3b-ed9f-46f3-8359-e699b44caae4.tmp</t>
  </si>
  <si>
    <t>12/31/2019 08:56:44</t>
  </si>
  <si>
    <t>12/31/2019 08:54:30</t>
  </si>
  <si>
    <t>12/31/2019 08:58:34</t>
  </si>
  <si>
    <t>12/31/2019 08:53:57</t>
  </si>
  <si>
    <t>b540accf-b1e1-40e9-8792-02b2c1715ddc.tmp</t>
  </si>
  <si>
    <t>\\acsfs\profiles$\sarahbal\Downloads\b540accf-b1e1-40e9-8792-02b2c1715ddc.tmp</t>
  </si>
  <si>
    <t>12/31/2019 08:58:11</t>
  </si>
  <si>
    <t>10.200.66.101</t>
  </si>
  <si>
    <t>D0-94-66-B5-7F-8F</t>
  </si>
  <si>
    <t>VOTORANT-AFB019</t>
  </si>
  <si>
    <t>12/31/2019 08:54:29</t>
  </si>
  <si>
    <t>10.200.67.138</t>
  </si>
  <si>
    <t>74-86-7A-FB-18-48</t>
  </si>
  <si>
    <t>VOTORANT-IB009</t>
  </si>
  <si>
    <t>andrezacapf</t>
  </si>
  <si>
    <t>\\acsfs\profiles$\andrezacapf\Downloads\</t>
  </si>
  <si>
    <t>63de600a-0f60-4502-a310-37a70df4750d.tmp</t>
  </si>
  <si>
    <t>\\acsfs\profiles$\andrezacapf\Downloads\63de600a-0f60-4502-a310-37a70df4750d.tmp</t>
  </si>
  <si>
    <t>12/31/2019 08:54:34</t>
  </si>
  <si>
    <t>93de887d-b6d6-4018-af88-1d51684e6457.tmp</t>
  </si>
  <si>
    <t>\\acsfs\profiles$\andrezacapf\Downloads\93de887d-b6d6-4018-af88-1d51684e6457.tmp</t>
  </si>
  <si>
    <t>12/31/2019 08:54:37</t>
  </si>
  <si>
    <t>6749e8c7-52c4-4c9c-8984-2ec74c48e58e.tmp</t>
  </si>
  <si>
    <t>\\acsfs\profiles$\andrezacapf\Downloads\6749e8c7-52c4-4c9c-8984-2ec74c48e58e.tmp</t>
  </si>
  <si>
    <t>12/31/2019 08:54:41</t>
  </si>
  <si>
    <t>a1682fd5-2fb2-4db7-a34f-6e02515b0ff6.tmp</t>
  </si>
  <si>
    <t>\\acsfs\profiles$\andrezacapf\Downloads\a1682fd5-2fb2-4db7-a34f-6e02515b0ff6.tmp</t>
  </si>
  <si>
    <t>12/31/2019 08:54:43</t>
  </si>
  <si>
    <t>262538c7-e2d6-44b7-acf3-a02a6687fa98.tmp</t>
  </si>
  <si>
    <t>\\acsfs\profiles$\andrezacapf\Downloads\262538c7-e2d6-44b7-acf3-a02a6687fa98.tmp</t>
  </si>
  <si>
    <t>12/31/2019 08:55:14</t>
  </si>
  <si>
    <t>31a68df6-898e-4212-9d45-bb2784bda151.tmp</t>
  </si>
  <si>
    <t>\\acsfs\profiles$\andrezacapf\Downloads\31a68df6-898e-4212-9d45-bb2784bda151.tmp</t>
  </si>
  <si>
    <t>87b5cfb1-faec-43b9-ab42-2adf1d64d8fa.tmp</t>
  </si>
  <si>
    <t>\\acsfs\profiles$\andrezacapf\Downloads\87b5cfb1-faec-43b9-ab42-2adf1d64d8fa.tmp</t>
  </si>
  <si>
    <t>12/31/2019 08:57:47</t>
  </si>
  <si>
    <t>93faa5a8-d214-4357-abb6-02ec5b2d4151.tmp</t>
  </si>
  <si>
    <t>\\acsfs\profiles$\andrezacapf\Downloads\93faa5a8-d214-4357-abb6-02ec5b2d4151.tmp</t>
  </si>
  <si>
    <t>12/31/2019 08:53:01</t>
  </si>
  <si>
    <t>12/31/2019 08:59:34</t>
  </si>
  <si>
    <t>12/31/2019 08:56:53</t>
  </si>
  <si>
    <t>12/31/2019 08:57:14</t>
  </si>
  <si>
    <t>12/31/2019 08:59:09</t>
  </si>
  <si>
    <t>ae9f2ae7-2b28-4e69-af13-944ca07dd623.tmp</t>
  </si>
  <si>
    <t>\\acsfs\profiles$\adelvinsonle\Downloads\ae9f2ae7-2b28-4e69-af13-944ca07dd623.tmp</t>
  </si>
  <si>
    <t>12/31/2019 08:58:25</t>
  </si>
  <si>
    <t>12/31/2019 09:00:34</t>
  </si>
  <si>
    <t>10.200.67.37</t>
  </si>
  <si>
    <t>78-2B-CB-C1-07-04</t>
  </si>
  <si>
    <t>VOTORANT-LB010</t>
  </si>
  <si>
    <t>brendadsl</t>
  </si>
  <si>
    <t>\\acsfs\profiles$\brendadsl\Downloads\</t>
  </si>
  <si>
    <t>cd84345a-67c6-4cd0-aa79-51fb707f0f5a.tmp</t>
  </si>
  <si>
    <t>\\acsfs\profiles$\brendadsl\Downloads\cd84345a-67c6-4cd0-aa79-51fb707f0f5a.tmp</t>
  </si>
  <si>
    <t>12/31/2019 08:58:26</t>
  </si>
  <si>
    <t>88122aae-2014-4134-ac97-88ed316b3600.tmp</t>
  </si>
  <si>
    <t>\\acsfs\profiles$\brendadsl\Downloads\88122aae-2014-4134-ac97-88ed316b3600.tmp</t>
  </si>
  <si>
    <t>12/31/2019 08:58:38</t>
  </si>
  <si>
    <t>79ea00ff-0252-4e7f-9f25-99ea68534a8e.tmp</t>
  </si>
  <si>
    <t>\\acsfs\profiles$\brendadsl\Downloads\79ea00ff-0252-4e7f-9f25-99ea68534a8e.tmp</t>
  </si>
  <si>
    <t>12/31/2019 08:58:40</t>
  </si>
  <si>
    <t>e88eb418-3e7e-40fe-b1c6-c6055b9db364.tmp</t>
  </si>
  <si>
    <t>\\acsfs\profiles$\brendadsl\Downloads\e88eb418-3e7e-40fe-b1c6-c6055b9db364.tmp</t>
  </si>
  <si>
    <t>12/31/2019 08:58:41</t>
  </si>
  <si>
    <t>e6c6ba9b-296b-455f-9547-e3b49b5922f5.tmp</t>
  </si>
  <si>
    <t>\\acsfs\profiles$\brendadsl\Downloads\e6c6ba9b-296b-455f-9547-e3b49b5922f5.tmp</t>
  </si>
  <si>
    <t>12/31/2019 08:59:39</t>
  </si>
  <si>
    <t>9ea576e0-c375-4306-be8d-227fb4a3036b.tmp</t>
  </si>
  <si>
    <t>\\acsfs\profiles$\brendadsl\Downloads\9ea576e0-c375-4306-be8d-227fb4a3036b.tmp</t>
  </si>
  <si>
    <t>12/31/2019 08:59:40</t>
  </si>
  <si>
    <t>9c8a5391-be0f-43e5-80e8-6d5768f4ac81.tmp</t>
  </si>
  <si>
    <t>\\acsfs\profiles$\brendadsl\Downloads\9c8a5391-be0f-43e5-80e8-6d5768f4ac81.tmp</t>
  </si>
  <si>
    <t>12/31/2019 08:59:42</t>
  </si>
  <si>
    <t>12/31/2019 08:56:32</t>
  </si>
  <si>
    <t>\\acsfs\profiles$\NATALIACSL\</t>
  </si>
  <si>
    <t>Novo Documento de Texto (2).txt</t>
  </si>
  <si>
    <t>\\acsfs\profiles$\NATALIACSL\Novo Documento de Texto (2).txt</t>
  </si>
  <si>
    <t>12/31/2019 08:56:04</t>
  </si>
  <si>
    <t>12/31/2019 09:01:34</t>
  </si>
  <si>
    <t>12/31/2019 09:00:17</t>
  </si>
  <si>
    <t>12/31/2019 09:02:34</t>
  </si>
  <si>
    <t>72c1e15b-7c3f-4a2f-81a3-0b96b33c3f31.tmp</t>
  </si>
  <si>
    <t>\\acsfs\profiles$\nayarasds\Downloads\72c1e15b-7c3f-4a2f-81a3-0b96b33c3f31.tmp</t>
  </si>
  <si>
    <t>12/31/2019 09:00:49</t>
  </si>
  <si>
    <t>12/31/2019 09:00:02</t>
  </si>
  <si>
    <t>94a788db-282b-48b2-bf32-09a3e229504b.tmp</t>
  </si>
  <si>
    <t>\\acsfs\profiles$\PEDROHAB\Downloads\94a788db-282b-48b2-bf32-09a3e229504b.tmp</t>
  </si>
  <si>
    <t>12/31/2019 09:02:25</t>
  </si>
  <si>
    <t>12/31/2019 09:03:34</t>
  </si>
  <si>
    <t>lucasbs</t>
  </si>
  <si>
    <t>\\acsfs\profiles$\LUCASBS\RENEG BV\</t>
  </si>
  <si>
    <t>.~lock.RENEG BV Venc 20.12.2019.ods#</t>
  </si>
  <si>
    <t>\\acsfs\profiles$\LUCASBS\RENEG BV\.~lock.RENEG BV Venc 20.12.2019.ods#</t>
  </si>
  <si>
    <t>12/31/2019 09:02:35</t>
  </si>
  <si>
    <t>lu460565c683s.tmp</t>
  </si>
  <si>
    <t>\\acsfs\profiles$\LUCASBS\RENEG BV\lu460565c683s.tmp</t>
  </si>
  <si>
    <t>\\acsfs\profiles$\LUCASBS\RENEG BV\lu460565c683s.tmp\</t>
  </si>
  <si>
    <t>\\acsfs\profiles$\LUCASBS\RENEG BV\lu460565c683s.tmp\META-INF\</t>
  </si>
  <si>
    <t>\\acsfs\profiles$\LUCASBS\RENEG BV\lu460565c683s.tmp\Thumbnails\</t>
  </si>
  <si>
    <t>12/31/2019 09:01:23</t>
  </si>
  <si>
    <t>flaviojmm</t>
  </si>
  <si>
    <t>\\acsfs\profiles$\Flaviojmm\Downloads\</t>
  </si>
  <si>
    <t>8ff365fc-ae17-455d-bb48-6d0a829127f2.tmp</t>
  </si>
  <si>
    <t>\\acsfs\profiles$\Flaviojmm\Downloads\8ff365fc-ae17-455d-bb48-6d0a829127f2.tmp</t>
  </si>
  <si>
    <t>12/31/2019 09:00:15</t>
  </si>
  <si>
    <t>4a163441-6b39-456f-878c-5dee3f95687e.tmp</t>
  </si>
  <si>
    <t>\\acsfs\profiles$\andrezacapf\Downloads\4a163441-6b39-456f-878c-5dee3f95687e.tmp</t>
  </si>
  <si>
    <t>12/31/2019 09:03:06</t>
  </si>
  <si>
    <t>10.200.66.140</t>
  </si>
  <si>
    <t>74-86-7A-FB-16-EA</t>
  </si>
  <si>
    <t>VOTORANT-YB011</t>
  </si>
  <si>
    <t>DanielTA</t>
  </si>
  <si>
    <t>\\acsfs\profiles$\danielta\Downloads\</t>
  </si>
  <si>
    <t>Não%20Me%20Ligue%20Mais%20_%20Versão%20Acústica (1).5p0e5iu.partial</t>
  </si>
  <si>
    <t>\\acsfs\profiles$\danielta\Downloads\Não%20Me%20Ligue%20Mais%20_%20Versão%20Acústica (1).5p0e5iu.partial</t>
  </si>
  <si>
    <t>12/31/2019 08:59:52</t>
  </si>
  <si>
    <t>29d3aac2-c2ed-4d9d-9877-e64e3623cf05.tmp</t>
  </si>
  <si>
    <t>\\acsfs\profiles$\vivianealda\Downloads\29d3aac2-c2ed-4d9d-9877-e64e3623cf05.tmp</t>
  </si>
  <si>
    <t>12/31/2019 08:58:53</t>
  </si>
  <si>
    <t>12/31/2019 09:04:33</t>
  </si>
  <si>
    <t>12/31/2019 09:02:54</t>
  </si>
  <si>
    <t>12/31/2019 09:01:14</t>
  </si>
  <si>
    <t>12/31/2019 09:03:14</t>
  </si>
  <si>
    <t>12/31/2019 09:04:36</t>
  </si>
  <si>
    <t>12/31/2019 09:05:34</t>
  </si>
  <si>
    <t>12/31/2019 09:02:58</t>
  </si>
  <si>
    <t>68c32258-161c-4506-b85b-ac690bfa9da3.tmp</t>
  </si>
  <si>
    <t>\\acsfs\profiles$\brendadsl\Downloads\68c32258-161c-4506-b85b-ac690bfa9da3.tmp</t>
  </si>
  <si>
    <t>12/31/2019 09:01:19</t>
  </si>
  <si>
    <t>12/31/2019 09:06:34</t>
  </si>
  <si>
    <t>12/31/2019 09:02:15</t>
  </si>
  <si>
    <t>12/31/2019 09:06:30</t>
  </si>
  <si>
    <t>12/31/2019 09:07:34</t>
  </si>
  <si>
    <t>10.200.67.156</t>
  </si>
  <si>
    <t>74-86-7A-FC-CF-23</t>
  </si>
  <si>
    <t>VOTORANT-OB010</t>
  </si>
  <si>
    <t>victorgl</t>
  </si>
  <si>
    <t>\\acsfs\profiles$\victorgl\Downloads\</t>
  </si>
  <si>
    <t>763cd470-0f56-4387-93cb-18590aeba935.tmp</t>
  </si>
  <si>
    <t>\\acsfs\profiles$\victorgl\Downloads\763cd470-0f56-4387-93cb-18590aeba935.tmp</t>
  </si>
  <si>
    <t>12/31/2019 09:06:33</t>
  </si>
  <si>
    <t>4cd37040-8245-42ba-9939-816db1bf775e.tmp</t>
  </si>
  <si>
    <t>\\acsfs\profiles$\victorgl\Downloads\4cd37040-8245-42ba-9939-816db1bf775e.tmp</t>
  </si>
  <si>
    <t>12/31/2019 09:04:35</t>
  </si>
  <si>
    <t>10.200.66.69</t>
  </si>
  <si>
    <t>34-E6-D7-FC-BF-59</t>
  </si>
  <si>
    <t>VOTORANT-MB014</t>
  </si>
  <si>
    <t>\\acsfs\profiles$\antoniosva\Contacts\</t>
  </si>
  <si>
    <t>ANTONIO SIDNEY VIEIRA ARAUJO (1715).contact</t>
  </si>
  <si>
    <t>\\acsfs\profiles$\antoniosva\Contacts\ANTONIO SIDNEY VIEIRA ARAUJO (1715).contact</t>
  </si>
  <si>
    <t>12/31/2019 09:04:46</t>
  </si>
  <si>
    <t>\\acsfs\profiles$\antoniosva\My Documents\My Videos\</t>
  </si>
  <si>
    <t>\\acsfs\profiles$\antoniosva\My Documents\My Videos\desktop.ini</t>
  </si>
  <si>
    <t>\\acsfs\profiles$\antoniosva\My Documents\My Pictures\</t>
  </si>
  <si>
    <t>\\acsfs\profiles$\antoniosva\My Documents\My Pictures\desktop.ini</t>
  </si>
  <si>
    <t>12/31/2019 09:04:47</t>
  </si>
  <si>
    <t>\\acsfs\profiles$\antoniosva\Contacts\desktop.ini</t>
  </si>
  <si>
    <t>\\acsfs\profiles$\antoniosva\Favorites\</t>
  </si>
  <si>
    <t>\\acsfs\profiles$\antoniosva\Favorites\desktop.ini</t>
  </si>
  <si>
    <t>12/31/2019 09:04:48</t>
  </si>
  <si>
    <t>\\acsfs\profiles$\antoniosva\My Documents\My Music\</t>
  </si>
  <si>
    <t>\\acsfs\profiles$\antoniosva\My Documents\My Music\desktop.ini</t>
  </si>
  <si>
    <t>12/31/2019 09:04:49</t>
  </si>
  <si>
    <t>\\acsfs\profiles$\antoniosva\Searches\</t>
  </si>
  <si>
    <t>\\acsfs\profiles$\antoniosva\Searches\desktop.ini</t>
  </si>
  <si>
    <t>\\acsfs\profiles$\antoniosva\Downloads\desktop.ini</t>
  </si>
  <si>
    <t>12/31/2019 09:04:50</t>
  </si>
  <si>
    <t>\\acsfs\profiles$\antoniosva\My Documents\</t>
  </si>
  <si>
    <t>\\acsfs\profiles$\antoniosva\My Documents\desktop.ini</t>
  </si>
  <si>
    <t>12/31/2019 09:04:51</t>
  </si>
  <si>
    <t>\\acsfs\profiles$\antoniosva\Saved Games\</t>
  </si>
  <si>
    <t>\\acsfs\profiles$\antoniosva\Saved Games\desktop.ini</t>
  </si>
  <si>
    <t>12/31/2019 09:05:00</t>
  </si>
  <si>
    <t>\\acsfs\profiles$\antoniosva\Favorites\Links for Brasil\</t>
  </si>
  <si>
    <t>\\acsfs\profiles$\antoniosva\Favorites\Links for Brasil\desktop.ini</t>
  </si>
  <si>
    <t>\\acsfs\profiles$\antoniosva\Favorites\Links for Brasil\Microsoft Brasil.url</t>
  </si>
  <si>
    <t>12/31/2019 09:05:01</t>
  </si>
  <si>
    <t>\\acsfs\profiles$\antoniosva\Favorites\Links for Brasil\Windows Brasil.url</t>
  </si>
  <si>
    <t>12/31/2019 09:05:02</t>
  </si>
  <si>
    <t>\\acsfs\profiles$\antoniosva\Favorites\Links for Brasil\MSN Brasil.url</t>
  </si>
  <si>
    <t>12/31/2019 09:02:49</t>
  </si>
  <si>
    <t>12/31/2019 09:08:34</t>
  </si>
  <si>
    <t>\\acsfs\profiles$\LUCASBS\Downloads\</t>
  </si>
  <si>
    <t>32c416f0-9d17-420e-a0f9-ebc95f16766f.tmp</t>
  </si>
  <si>
    <t>\\acsfs\profiles$\LUCASBS\Downloads\32c416f0-9d17-420e-a0f9-ebc95f16766f.tmp</t>
  </si>
  <si>
    <t>12/31/2019 09:03:49</t>
  </si>
  <si>
    <t>74eb9a1e-c070-4101-9f9b-94b7f3770f7c.tmp</t>
  </si>
  <si>
    <t>\\acsfs\profiles$\LUCASBS\Downloads\74eb9a1e-c070-4101-9f9b-94b7f3770f7c.tmp</t>
  </si>
  <si>
    <t>12/31/2019 09:03:47</t>
  </si>
  <si>
    <t>3e4fb65b-8a5f-49b3-9c7e-0f39ff4ed7bb.tmp</t>
  </si>
  <si>
    <t>\\acsfs\profiles$\sarahbal\Downloads\3e4fb65b-8a5f-49b3-9c7e-0f39ff4ed7bb.tmp</t>
  </si>
  <si>
    <t>7282d454-6959-48d0-a954-1fa278eda2fb.tmp</t>
  </si>
  <si>
    <t>\\acsfs\profiles$\sarahbal\Downloads\7282d454-6959-48d0-a954-1fa278eda2fb.tmp</t>
  </si>
  <si>
    <t>12/31/2019 09:03:23</t>
  </si>
  <si>
    <t>Não%20Me%20Ligue%20Mais%20_%20Versão%20Acústica (2).2goyxeh.partial</t>
  </si>
  <si>
    <t>\\acsfs\profiles$\danielta\Downloads\Não%20Me%20Ligue%20Mais%20_%20Versão%20Acústica (2).2goyxeh.partial</t>
  </si>
  <si>
    <t>12/31/2019 09:07:20</t>
  </si>
  <si>
    <t>b996502a-9639-4e56-8fbf-7bb316a2eb35.tmp</t>
  </si>
  <si>
    <t>\\acsfs\profiles$\anafsb\Downloads\b996502a-9639-4e56-8fbf-7bb316a2eb35.tmp</t>
  </si>
  <si>
    <t>12/31/2019 09:04:53</t>
  </si>
  <si>
    <t>12/31/2019 09:09:33</t>
  </si>
  <si>
    <t>12/31/2019 09:07:14</t>
  </si>
  <si>
    <t>12/31/2019 09:07:23</t>
  </si>
  <si>
    <t>10.200.66.151</t>
  </si>
  <si>
    <t>74-86-7A-FB-1B-8E</t>
  </si>
  <si>
    <t>VOTORANT-YB009</t>
  </si>
  <si>
    <t>regisadsa</t>
  </si>
  <si>
    <t>\\acsfs\profiles$\regisadsa\Downloads\</t>
  </si>
  <si>
    <t>1abc9624-f2e4-4af4-8814-8ce2718d000a.tmp</t>
  </si>
  <si>
    <t>\\acsfs\profiles$\regisadsa\Downloads\1abc9624-f2e4-4af4-8814-8ce2718d000a.tmp</t>
  </si>
  <si>
    <t>12/31/2019 09:08:35</t>
  </si>
  <si>
    <t>449d7722-76f5-47aa-925d-9b21a3faec27.tmp</t>
  </si>
  <si>
    <t>\\acsfs\profiles$\regisadsa\Downloads\449d7722-76f5-47aa-925d-9b21a3faec27.tmp</t>
  </si>
  <si>
    <t>12/31/2019 09:08:43</t>
  </si>
  <si>
    <t>12/31/2019 09:10:34</t>
  </si>
  <si>
    <t>10.200.66.162</t>
  </si>
  <si>
    <t>78-2B-CB-C1-05-44</t>
  </si>
  <si>
    <t>VOTORANT-IB017</t>
  </si>
  <si>
    <t>bernardopcm</t>
  </si>
  <si>
    <t>\\acsfs\profiles$\bernardopcm\Downloads\</t>
  </si>
  <si>
    <t>5a5e7e3c-c9ff-4e85-9c5c-de52e9219a16.tmp</t>
  </si>
  <si>
    <t>\\acsfs\profiles$\bernardopcm\Downloads\5a5e7e3c-c9ff-4e85-9c5c-de52e9219a16.tmp</t>
  </si>
  <si>
    <t>12/31/2019 09:08:46</t>
  </si>
  <si>
    <t>bea64ff9-1e2b-4f1d-97ae-78a2bb3fd7c3.tmp</t>
  </si>
  <si>
    <t>\\acsfs\profiles$\bernardopcm\Downloads\bea64ff9-1e2b-4f1d-97ae-78a2bb3fd7c3.tmp</t>
  </si>
  <si>
    <t>12/31/2019 09:07:12</t>
  </si>
  <si>
    <t>12/31/2019 09:12:33</t>
  </si>
  <si>
    <t>7830f5dd-08a6-4076-9472-dc2f53ec4c0e.tmp</t>
  </si>
  <si>
    <t>\\acsfs\profiles$\victorgl\Downloads\7830f5dd-08a6-4076-9472-dc2f53ec4c0e.tmp</t>
  </si>
  <si>
    <t>12/31/2019 09:08:20</t>
  </si>
  <si>
    <t>068f90b6-af74-48c4-b11d-368f2f09ae2c.tmp</t>
  </si>
  <si>
    <t>\\acsfs\profiles$\victorgl\Downloads\068f90b6-af74-48c4-b11d-368f2f09ae2c.tmp</t>
  </si>
  <si>
    <t>7ef835c1-0777-489d-80cd-31c9021ce2e9.tmp</t>
  </si>
  <si>
    <t>\\acsfs\profiles$\victorgl\Downloads\7ef835c1-0777-489d-80cd-31c9021ce2e9.tmp</t>
  </si>
  <si>
    <t>12/31/2019 09:11:39</t>
  </si>
  <si>
    <t>fc8e7315-1640-468e-8c0c-993e19cf4338.tmp</t>
  </si>
  <si>
    <t>\\acsfs\profiles$\victorgl\Downloads\fc8e7315-1640-468e-8c0c-993e19cf4338.tmp</t>
  </si>
  <si>
    <t>12/31/2019 09:12:09</t>
  </si>
  <si>
    <t>12/31/2019 09:13:33</t>
  </si>
  <si>
    <t>12/31/2019 09:12:30</t>
  </si>
  <si>
    <t>12/31/2019 09:11:12</t>
  </si>
  <si>
    <t>12/31/2019 09:10:24</t>
  </si>
  <si>
    <t>a658e02b-aa75-4c48-9bb8-cd8cca2ff9c1.tmp</t>
  </si>
  <si>
    <t>\\acsfs\profiles$\vivianealda\Downloads\a658e02b-aa75-4c48-9bb8-cd8cca2ff9c1.tmp</t>
  </si>
  <si>
    <t>12/31/2019 09:08:53</t>
  </si>
  <si>
    <t>12/31/2019 09:14:33</t>
  </si>
  <si>
    <t>12/31/2019 09:10:53</t>
  </si>
  <si>
    <t>12/31/2019 09:09:14</t>
  </si>
  <si>
    <t>12/31/2019 09:13:14</t>
  </si>
  <si>
    <t>12/31/2019 09:09:06</t>
  </si>
  <si>
    <t>9b4d14cc-6963-4e6a-8be0-f7da26bd2c4a.tmp</t>
  </si>
  <si>
    <t>\\acsfs\profiles$\regisadsa\Downloads\9b4d14cc-6963-4e6a-8be0-f7da26bd2c4a.tmp</t>
  </si>
  <si>
    <t>12/31/2019 09:09:21</t>
  </si>
  <si>
    <t>a0c4a452-40ad-4491-9f47-4b4dda26df3e.tmp</t>
  </si>
  <si>
    <t>\\acsfs\profiles$\regisadsa\Downloads\a0c4a452-40ad-4491-9f47-4b4dda26df3e.tmp</t>
  </si>
  <si>
    <t>12/31/2019 09:10:01</t>
  </si>
  <si>
    <t>12/31/2019 09:15:34</t>
  </si>
  <si>
    <t>390344cc-65c9-411c-9b66-25964c62e71f.tmp</t>
  </si>
  <si>
    <t>\\acsfs\profiles$\bernardopcm\Downloads\390344cc-65c9-411c-9b66-25964c62e71f.tmp</t>
  </si>
  <si>
    <t>12/31/2019 09:15:08</t>
  </si>
  <si>
    <t>10.200.66.60</t>
  </si>
  <si>
    <t>D0-67-E5-FF-14-72</t>
  </si>
  <si>
    <t>VOTORANT-AFB005</t>
  </si>
  <si>
    <t>layscb</t>
  </si>
  <si>
    <t>12/31/2019 09:14:31</t>
  </si>
  <si>
    <t>12/31/2019 09:16:34</t>
  </si>
  <si>
    <t>12/31/2019 09:14:13</t>
  </si>
  <si>
    <t>38219d52-2fab-42a0-974d-70b7fa1f1d92.tmp</t>
  </si>
  <si>
    <t>\\acsfs\profiles$\ayalabfi\Downloads\38219d52-2fab-42a0-974d-70b7fa1f1d92.tmp</t>
  </si>
  <si>
    <t>12/31/2019 09:17:34</t>
  </si>
  <si>
    <t>cd636b41-8f73-464d-a0dc-c2a1c0b870d7.tmp</t>
  </si>
  <si>
    <t>\\acsfs\profiles$\danielmlds\Downloads\cd636b41-8f73-464d-a0dc-c2a1c0b870d7.tmp</t>
  </si>
  <si>
    <t>12/31/2019 09:12:34</t>
  </si>
  <si>
    <t>10.200.67.48</t>
  </si>
  <si>
    <t>74-86-7A-FB-1A-B0</t>
  </si>
  <si>
    <t>VOTORANT-GB007</t>
  </si>
  <si>
    <t>marcosvnds</t>
  </si>
  <si>
    <t>\\acsfs\profiles$\marcosvnds\My Documents\xworkcenter\lex\</t>
  </si>
  <si>
    <t>\\acsfs\profiles$\marcosvnds\My Documents\xworkcenter\lex\temp.tlx</t>
  </si>
  <si>
    <t>12/31/2019 09:12:35</t>
  </si>
  <si>
    <t>12/31/2019 09:12:36</t>
  </si>
  <si>
    <t>12/31/2019 09:12:37</t>
  </si>
  <si>
    <t>12/31/2019 09:12:38</t>
  </si>
  <si>
    <t>12/31/2019 09:12:39</t>
  </si>
  <si>
    <t>12/31/2019 09:12:40</t>
  </si>
  <si>
    <t>12/31/2019 09:12:41</t>
  </si>
  <si>
    <t>12/31/2019 09:12:42</t>
  </si>
  <si>
    <t>12/31/2019 09:12:43</t>
  </si>
  <si>
    <t>12/31/2019 09:12:44</t>
  </si>
  <si>
    <t>12/31/2019 09:12:45</t>
  </si>
  <si>
    <t>12/31/2019 09:12:46</t>
  </si>
  <si>
    <t>12/31/2019 09:12:47</t>
  </si>
  <si>
    <t>12/31/2019 09:12:48</t>
  </si>
  <si>
    <t>12/31/2019 09:12:49</t>
  </si>
  <si>
    <t>12/31/2019 09:12:50</t>
  </si>
  <si>
    <t>12/31/2019 09:12:51</t>
  </si>
  <si>
    <t>12/31/2019 09:12:52</t>
  </si>
  <si>
    <t>12/31/2019 09:12:53</t>
  </si>
  <si>
    <t>12/31/2019 09:12:54</t>
  </si>
  <si>
    <t>12/31/2019 09:12:55</t>
  </si>
  <si>
    <t>12/31/2019 09:12:56</t>
  </si>
  <si>
    <t>12/31/2019 09:12:57</t>
  </si>
  <si>
    <t>12/31/2019 09:12:58</t>
  </si>
  <si>
    <t>12/31/2019 09:12:59</t>
  </si>
  <si>
    <t>12/31/2019 09:13:00</t>
  </si>
  <si>
    <t>12/31/2019 09:13:01</t>
  </si>
  <si>
    <t>12/31/2019 09:13:02</t>
  </si>
  <si>
    <t>12/31/2019 09:13:34</t>
  </si>
  <si>
    <t>\\acsfs\profiles$\marcosvnds\Downloads\</t>
  </si>
  <si>
    <t>e726756c-3998-4c3d-9eb9-161e55a0c3be.tmp</t>
  </si>
  <si>
    <t>\\acsfs\profiles$\marcosvnds\Downloads\e726756c-3998-4c3d-9eb9-161e55a0c3be.tmp</t>
  </si>
  <si>
    <t>12/31/2019 09:15:02</t>
  </si>
  <si>
    <t>97ef98b0-f5b2-4d34-ae49-38f9a3db8d67.tmp</t>
  </si>
  <si>
    <t>\\acsfs\profiles$\marcosvnds\Downloads\97ef98b0-f5b2-4d34-ae49-38f9a3db8d67.tmp</t>
  </si>
  <si>
    <t>12/31/2019 09:15:20</t>
  </si>
  <si>
    <t>10cf2c82-f08f-4ad8-b6ef-d5b9575ec485.tmp</t>
  </si>
  <si>
    <t>\\acsfs\profiles$\marcosvnds\Downloads\10cf2c82-f08f-4ad8-b6ef-d5b9575ec485.tmp</t>
  </si>
  <si>
    <t>12/31/2019 09:15:52</t>
  </si>
  <si>
    <t>6a6d2816-f0de-491b-b8c5-7f45753e3e63.tmp</t>
  </si>
  <si>
    <t>\\acsfs\profiles$\marcosvnds\Downloads\6a6d2816-f0de-491b-b8c5-7f45753e3e63.tmp</t>
  </si>
  <si>
    <t>12/31/2019 09:15:09</t>
  </si>
  <si>
    <t>12/31/2019 09:18:34</t>
  </si>
  <si>
    <t>12/31/2019 09:15:10</t>
  </si>
  <si>
    <t>lu460565c6841.tmp</t>
  </si>
  <si>
    <t>\\acsfs\profiles$\LUCASBS\RENEG BV\lu460565c6841.tmp</t>
  </si>
  <si>
    <t>\\acsfs\profiles$\LUCASBS\RENEG BV\lu460565c6841.tmp\</t>
  </si>
  <si>
    <t>\\acsfs\profiles$\LUCASBS\RENEG BV\lu460565c6841.tmp\META-INF\</t>
  </si>
  <si>
    <t>\\acsfs\profiles$\LUCASBS\RENEG BV\lu460565c6841.tmp\Thumbnails\</t>
  </si>
  <si>
    <t>12/31/2019 09:15:39</t>
  </si>
  <si>
    <t>\\acsfs\profiles$\LUCASBS\RENEG BV\Consolidado\</t>
  </si>
  <si>
    <t>.~lock.RENEG BV - Venc 20.12.2019 - Lucas.ods#</t>
  </si>
  <si>
    <t>\\acsfs\profiles$\LUCASBS\RENEG BV\Consolidado\.~lock.RENEG BV - Venc 20.12.2019 - Lucas.ods#</t>
  </si>
  <si>
    <t>12/31/2019 09:15:56</t>
  </si>
  <si>
    <t>.~lock.RENEG BV 23-12 Venc 26.12.2019.ods#</t>
  </si>
  <si>
    <t>\\acsfs\profiles$\LUCASBS\RENEG BV\.~lock.RENEG BV 23-12 Venc 26.12.2019.ods#</t>
  </si>
  <si>
    <t>12/31/2019 09:16:08</t>
  </si>
  <si>
    <t>.~lock.RENEG BV - 27.12 - Venc 28.12.2019 - Lucas.ods#</t>
  </si>
  <si>
    <t>\\acsfs\profiles$\LUCASBS\RENEG BV\.~lock.RENEG BV - 27.12 - Venc 28.12.2019 - Lucas.ods#</t>
  </si>
  <si>
    <t>12/31/2019 09:17:50</t>
  </si>
  <si>
    <t>12/31/2019 09:17:22</t>
  </si>
  <si>
    <t>Rap do 17 ft. VMZ _ Dragon Ball Super _ VG Beats _ Prod[1]. by Shuka4Beats.chvj5h8.partial</t>
  </si>
  <si>
    <t>\\acsfs\profiles$\danielta\Downloads\Rap do 17 ft. VMZ _ Dragon Ball Super _ VG Beats _ Prod[1]. by Shuka4Beats.chvj5h8.partial</t>
  </si>
  <si>
    <t>12/31/2019 09:14:24</t>
  </si>
  <si>
    <t>12/31/2019 09:14:54</t>
  </si>
  <si>
    <t>12/31/2019 09:19:34</t>
  </si>
  <si>
    <t>12/31/2019 09:16:53</t>
  </si>
  <si>
    <t>12/31/2019 09:15:14</t>
  </si>
  <si>
    <t>12/31/2019 09:17:15</t>
  </si>
  <si>
    <t>12/31/2019 09:15:13</t>
  </si>
  <si>
    <t>12/31/2019 09:20:33</t>
  </si>
  <si>
    <t>10.200.66.193</t>
  </si>
  <si>
    <t>D0-94-66-B5-4A-FC</t>
  </si>
  <si>
    <t>VOTORANT-YB016</t>
  </si>
  <si>
    <t>laislg</t>
  </si>
  <si>
    <t>\\acsfs\profiles$\LAISLG\Downloads\</t>
  </si>
  <si>
    <t>03ee8b8f-0f6c-4f62-976a-61f5b712f673.tmp</t>
  </si>
  <si>
    <t>\\acsfs\profiles$\LAISLG\Downloads\03ee8b8f-0f6c-4f62-976a-61f5b712f673.tmp</t>
  </si>
  <si>
    <t>12/31/2019 09:15:49</t>
  </si>
  <si>
    <t>12/31/2019 09:16:25</t>
  </si>
  <si>
    <t>470203f0-6094-4fcd-b89a-e54747136936.tmp</t>
  </si>
  <si>
    <t>\\acsfs\profiles$\LAISLG\Downloads\470203f0-6094-4fcd-b89a-e54747136936.tmp</t>
  </si>
  <si>
    <t>12/31/2019 09:18:31</t>
  </si>
  <si>
    <t>12/31/2019 09:15:58</t>
  </si>
  <si>
    <t>12/31/2019 09:21:34</t>
  </si>
  <si>
    <t>10.200.66.63</t>
  </si>
  <si>
    <t>78-2B-CB-C1-04-F9</t>
  </si>
  <si>
    <t>VOTORANT-VB025</t>
  </si>
  <si>
    <t>alessandrara</t>
  </si>
  <si>
    <t>\\acsfs\profiles$\alessandrara\My Documents\</t>
  </si>
  <si>
    <t>gtr.txt</t>
  </si>
  <si>
    <t>\\acsfs\profiles$\alessandrara\My Documents\gtr.txt</t>
  </si>
  <si>
    <t>12/31/2019 09:17:27</t>
  </si>
  <si>
    <t>12/31/2019 09:22:34</t>
  </si>
  <si>
    <t>10.200.67.45</t>
  </si>
  <si>
    <t>74-86-7A-FB-17-99</t>
  </si>
  <si>
    <t>VOTORANT-LB009</t>
  </si>
  <si>
    <t>gabrielamdp</t>
  </si>
  <si>
    <t>\\acsfs\profiles$\gabrielamdp\Downloads\</t>
  </si>
  <si>
    <t>09a917e1-804d-409e-966e-9869d7e5465b.tmp</t>
  </si>
  <si>
    <t>\\acsfs\profiles$\gabrielamdp\Downloads\09a917e1-804d-409e-966e-9869d7e5465b.tmp</t>
  </si>
  <si>
    <t>12/31/2019 09:17:28</t>
  </si>
  <si>
    <t>a82cc9a0-d156-4c78-bc10-dd7f6e41f594.tmp</t>
  </si>
  <si>
    <t>\\acsfs\profiles$\gabrielamdp\Downloads\a82cc9a0-d156-4c78-bc10-dd7f6e41f594.tmp</t>
  </si>
  <si>
    <t>12/31/2019 09:17:33</t>
  </si>
  <si>
    <t>32b4ba0f-8e2c-4a6b-8e59-5b404f40902c.tmp</t>
  </si>
  <si>
    <t>\\acsfs\profiles$\gabrielamdp\Downloads\32b4ba0f-8e2c-4a6b-8e59-5b404f40902c.tmp</t>
  </si>
  <si>
    <t>12/31/2019 09:20:16</t>
  </si>
  <si>
    <t>d1fd4ff1-e4d6-4485-bb33-ac9a9309a6e6.tmp</t>
  </si>
  <si>
    <t>\\acsfs\profiles$\gabrielamdp\Downloads\d1fd4ff1-e4d6-4485-bb33-ac9a9309a6e6.tmp</t>
  </si>
  <si>
    <t>12/31/2019 09:18:53</t>
  </si>
  <si>
    <t>12/31/2019 09:23:33</t>
  </si>
  <si>
    <t>585fbeab-fe34-48d4-b12e-fe8064add1bd.tmp</t>
  </si>
  <si>
    <t>\\acsfs\profiles$\ingridsm\Downloads\585fbeab-fe34-48d4-b12e-fe8064add1bd.tmp</t>
  </si>
  <si>
    <t>12/31/2019 09:18:09</t>
  </si>
  <si>
    <t>lu440885crg3k.tmp</t>
  </si>
  <si>
    <t>\\acsfs\profiles$\LUCASBS\RENEG BV\lu440885crg3k.tmp</t>
  </si>
  <si>
    <t>\\acsfs\profiles$\LUCASBS\RENEG BV\lu440885crg3k.tmp\</t>
  </si>
  <si>
    <t>\\acsfs\profiles$\LUCASBS\RENEG BV\lu440885crg3k.tmp\META-INF\</t>
  </si>
  <si>
    <t>\\acsfs\profiles$\LUCASBS\RENEG BV\lu440885crg3k.tmp\Thumbnails\</t>
  </si>
  <si>
    <t>12/31/2019 09:18:44</t>
  </si>
  <si>
    <t>12/31/2019 09:18:45</t>
  </si>
  <si>
    <t>lu440885crg3p.tmp</t>
  </si>
  <si>
    <t>\\acsfs\profiles$\LUCASBS\RENEG BV\lu440885crg3p.tmp</t>
  </si>
  <si>
    <t>\\acsfs\profiles$\LUCASBS\RENEG BV\lu440885crg3p.tmp\</t>
  </si>
  <si>
    <t>\\acsfs\profiles$\LUCASBS\RENEG BV\lu440885crg3p.tmp\META-INF\</t>
  </si>
  <si>
    <t>\\acsfs\profiles$\LUCASBS\RENEG BV\lu440885crg3p.tmp\Thumbnails\</t>
  </si>
  <si>
    <t>12/31/2019 09:18:55</t>
  </si>
  <si>
    <t>12/31/2019 09:20:05</t>
  </si>
  <si>
    <t>.~lock.RENEG BV - 30.12 - Venc 01.01.2020 - Lucas.ods#</t>
  </si>
  <si>
    <t>\\acsfs\profiles$\LUCASBS\RENEG BV\Consolidado\.~lock.RENEG BV - 30.12 - Venc 01.01.2020 - Lucas.ods#</t>
  </si>
  <si>
    <t>12/31/2019 09:20:46</t>
  </si>
  <si>
    <t>.~lock.RENEG BV - Venc 26.12.2019 - Lucas.ods#</t>
  </si>
  <si>
    <t>\\acsfs\profiles$\LUCASBS\RENEG BV\.~lock.RENEG BV - Venc 26.12.2019 - Lucas.ods#</t>
  </si>
  <si>
    <t>12/31/2019 09:22:05</t>
  </si>
  <si>
    <t>12/31/2019 09:22:07</t>
  </si>
  <si>
    <t>lu477525cxeew.tmp</t>
  </si>
  <si>
    <t>\\acsfs\profiles$\LUCASBS\RENEG BV\lu477525cxeew.tmp</t>
  </si>
  <si>
    <t>\\acsfs\profiles$\LUCASBS\RENEG BV\lu477525cxeew.tmp\</t>
  </si>
  <si>
    <t>\\acsfs\profiles$\LUCASBS\RENEG BV\lu477525cxeew.tmp\META-INF\</t>
  </si>
  <si>
    <t>\\acsfs\profiles$\LUCASBS\RENEG BV\lu477525cxeew.tmp\Thumbnails\</t>
  </si>
  <si>
    <t>12/31/2019 09:21:42</t>
  </si>
  <si>
    <t>\\acsfs\profiles$\CLAUDIAJCA\</t>
  </si>
  <si>
    <t>.~lock.Contato Reneg 23-12.ods#</t>
  </si>
  <si>
    <t>\\acsfs\profiles$\CLAUDIAJCA\.~lock.Contato Reneg 23-12.ods#</t>
  </si>
  <si>
    <t>12/31/2019 09:22:44</t>
  </si>
  <si>
    <t>.~lock.Claudia.xls#</t>
  </si>
  <si>
    <t>\\acsfs\profiles$\CLAUDIAJCA\.~lock.Claudia.xls#</t>
  </si>
  <si>
    <t>12/31/2019 09:20:53</t>
  </si>
  <si>
    <t>12/31/2019 09:24:34</t>
  </si>
  <si>
    <t>12/31/2019 09:22:53</t>
  </si>
  <si>
    <t>12/31/2019 09:21:14</t>
  </si>
  <si>
    <t>12/31/2019 09:22:54</t>
  </si>
  <si>
    <t>12/31/2019 09:22:56</t>
  </si>
  <si>
    <t>12/31/2019 09:23:14</t>
  </si>
  <si>
    <t>12/31/2019 09:23:05</t>
  </si>
  <si>
    <t>12/31/2019 09:25:33</t>
  </si>
  <si>
    <t>12/31/2019 09:21:24</t>
  </si>
  <si>
    <t>12/31/2019 09:26:34</t>
  </si>
  <si>
    <t>10.200.66.64</t>
  </si>
  <si>
    <t>74-86-7A-FB-18-15</t>
  </si>
  <si>
    <t>VOTORANT-VB008</t>
  </si>
  <si>
    <t>alinepp</t>
  </si>
  <si>
    <t>\\acsfs\profiles$\alinepp\Downloads\</t>
  </si>
  <si>
    <t>efba32c0-b68e-438a-b7a2-162426ef3a5b.tmp</t>
  </si>
  <si>
    <t>\\acsfs\profiles$\alinepp\Downloads\efba32c0-b68e-438a-b7a2-162426ef3a5b.tmp</t>
  </si>
  <si>
    <t>12/31/2019 09:22:50</t>
  </si>
  <si>
    <t>430e10a8-48c3-434a-8bd0-0ba9c3fe7738.tmp</t>
  </si>
  <si>
    <t>\\acsfs\profiles$\alinepp\Downloads\430e10a8-48c3-434a-8bd0-0ba9c3fe7738.tmp</t>
  </si>
  <si>
    <t>c692bc43-0789-4b35-bcca-a789c182d729.tmp</t>
  </si>
  <si>
    <t>\\acsfs\profiles$\alinepp\Downloads\c692bc43-0789-4b35-bcca-a789c182d729.tmp</t>
  </si>
  <si>
    <t>12/31/2019 09:25:46</t>
  </si>
  <si>
    <t>12/31/2019 09:25:30</t>
  </si>
  <si>
    <t>12/31/2019 09:28:34</t>
  </si>
  <si>
    <t>12/31/2019 09:27:00</t>
  </si>
  <si>
    <t>\\acsfs\profiles$\LUCASBS\RENEG BV\Consolidado\.~lock.RENEG BV - Venc 26.12.2019 - Lucas.ods#</t>
  </si>
  <si>
    <t>12/31/2019 09:27:19</t>
  </si>
  <si>
    <t>12/31/2019 09:27:20</t>
  </si>
  <si>
    <t>lu451685d3gzz.tmp</t>
  </si>
  <si>
    <t>\\acsfs\profiles$\LUCASBS\RENEG BV\lu451685d3gzz.tmp</t>
  </si>
  <si>
    <t>\\acsfs\profiles$\LUCASBS\RENEG BV\lu451685d3gzz.tmp\</t>
  </si>
  <si>
    <t>\\acsfs\profiles$\LUCASBS\RENEG BV\lu451685d3gzz.tmp\META-INF\</t>
  </si>
  <si>
    <t>\\acsfs\profiles$\LUCASBS\RENEG BV\lu451685d3gzz.tmp\Thumbnails\</t>
  </si>
  <si>
    <t>12/31/2019 09:27:39</t>
  </si>
  <si>
    <t>.~lock.RENEG BV - Venc 26.12.2019.ods#</t>
  </si>
  <si>
    <t>\\acsfs\profiles$\LUCASBS\RENEG BV\.~lock.RENEG BV - Venc 26.12.2019.ods#</t>
  </si>
  <si>
    <t>12/31/2019 09:26:53</t>
  </si>
  <si>
    <t>12/31/2019 09:29:34</t>
  </si>
  <si>
    <t>12/31/2019 09:28:14</t>
  </si>
  <si>
    <t>12/31/2019 09:28:25</t>
  </si>
  <si>
    <t>https://collectit.softwatch.com/collectit/windows/uninstall_reg.php</t>
  </si>
  <si>
    <t>C:\temp\CollectIT\</t>
  </si>
  <si>
    <t>uninstall.zip</t>
  </si>
  <si>
    <t>C:\temp\CollectIT\uninstall.zip\</t>
  </si>
  <si>
    <t>uninstall-utf8.reg</t>
  </si>
  <si>
    <t>12/31/2019 09:24:51</t>
  </si>
  <si>
    <t>\\acsfs\DEPTOS\Operacao\PCP\5 - Comum\PLANEJAMENTO BV\22 - BANCO DE DADOS BV\FINANCEIRA\Banco de Dados BV 12-2019.xlsx\</t>
  </si>
  <si>
    <t>image2.svg</t>
  </si>
  <si>
    <t>\\acsfs\DEPTOS\Operacao\PCP\5 - Comum\JUKA\Login Logout Financeira\Banco de Dados BV 12-2019.xlsx</t>
  </si>
  <si>
    <t>\\acsfs\DEPTOS\Operacao\PCP\5 - Comum\PLANEJAMENTO BV\22 - BANCO DE DADOS BV\FINANCEIRA\</t>
  </si>
  <si>
    <t>Banco de Dados BV 12-2019.xlsx</t>
  </si>
  <si>
    <t>\\acsfs\DEPTOS\Operacao\PCP\5 - Comum\JUKA\Login Logout Financeira\Banco de Dados BV 12-2019.xlsx\</t>
  </si>
  <si>
    <t>:Zone.Identifier:$DATA</t>
  </si>
  <si>
    <t>\\acsfs\DEPTOS\Operacao\PCP\5 - Comum\JUKA\Login Logout Financeira\Banco de Dados BV 12-2019.xlsx\:Zone.Identifier:$DATA</t>
  </si>
  <si>
    <t>12/31/2019 09:28:41</t>
  </si>
  <si>
    <t>12/31/2019 09:30:34</t>
  </si>
  <si>
    <t>12/31/2019 09:28:42</t>
  </si>
  <si>
    <t>12/31/2019 09:31:34</t>
  </si>
  <si>
    <t>12/31/2019 09:30:12</t>
  </si>
  <si>
    <t>12/31/2019 09:26:04</t>
  </si>
  <si>
    <t>12/31/2019 09:28:08</t>
  </si>
  <si>
    <t>12/31/2019 09:29:43</t>
  </si>
  <si>
    <t>10.200.66.159</t>
  </si>
  <si>
    <t>78-2B-CB-C1-05-20</t>
  </si>
  <si>
    <t>VOTORANT-ABB003</t>
  </si>
  <si>
    <t>C:\Temp\CollectIT\</t>
  </si>
  <si>
    <t>C:\Temp\CollectIT\uninstall.zip\</t>
  </si>
  <si>
    <t>12/31/2019 09:27:57</t>
  </si>
  <si>
    <t>12/31/2019 09:32:34</t>
  </si>
  <si>
    <t>10.200.66.163</t>
  </si>
  <si>
    <t>74-86-7A-FB-1A-15</t>
  </si>
  <si>
    <t>VOTORANT-WB003</t>
  </si>
  <si>
    <t>gustavodsil</t>
  </si>
  <si>
    <t>12/31/2019 09:28:53</t>
  </si>
  <si>
    <t>b6dea420-7cc3-4d27-a7c8-01567ecea694.tmp</t>
  </si>
  <si>
    <t>\\acsfs\profiles$\gabrielhca\Downloads\b6dea420-7cc3-4d27-a7c8-01567ecea694.tmp</t>
  </si>
  <si>
    <t>12/31/2019 09:31:05</t>
  </si>
  <si>
    <t>31649922-0e10-43e8-9143-45fdf8c8b2d9.tmp</t>
  </si>
  <si>
    <t>\\acsfs\profiles$\gabrielamdp\Downloads\31649922-0e10-43e8-9143-45fdf8c8b2d9.tmp</t>
  </si>
  <si>
    <t>12/31/2019 09:27:55</t>
  </si>
  <si>
    <t>12/31/2019 09:33:34</t>
  </si>
  <si>
    <t>12/31/2019 09:29:32</t>
  </si>
  <si>
    <t>.~lock.RENEG BV - Venc 01.01.2020 - Lucas.ods#</t>
  </si>
  <si>
    <t>\\acsfs\profiles$\LUCASBS\RENEG BV\Consolidado\.~lock.RENEG BV - Venc 01.01.2020 - Lucas.ods#</t>
  </si>
  <si>
    <t>12/31/2019 09:30:17</t>
  </si>
  <si>
    <t>12/31/2019 09:30:18</t>
  </si>
  <si>
    <t>lu474165d8nug.tmp</t>
  </si>
  <si>
    <t>\\acsfs\profiles$\LUCASBS\RENEG BV\Consolidado\lu474165d8nug.tmp</t>
  </si>
  <si>
    <t>\\acsfs\profiles$\LUCASBS\RENEG BV\Consolidado\lu474165d8nug.tmp\</t>
  </si>
  <si>
    <t>\\acsfs\profiles$\LUCASBS\RENEG BV\Consolidado\lu474165d8nug.tmp\META-INF\</t>
  </si>
  <si>
    <t>\\acsfs\profiles$\LUCASBS\RENEG BV\Consolidado\lu474165d8nug.tmp\Thumbnails\</t>
  </si>
  <si>
    <t>12/31/2019 09:30:25</t>
  </si>
  <si>
    <t>12/31/2019 09:31:19</t>
  </si>
  <si>
    <t>12/31/2019 09:31:20</t>
  </si>
  <si>
    <t>lu385365d9tgo.tmp</t>
  </si>
  <si>
    <t>\\acsfs\profiles$\LUCASBS\RENEG BV\Consolidado\lu385365d9tgo.tmp</t>
  </si>
  <si>
    <t>\\acsfs\profiles$\LUCASBS\RENEG BV\Consolidado\lu385365d9tgo.tmp\</t>
  </si>
  <si>
    <t>\\acsfs\profiles$\LUCASBS\RENEG BV\Consolidado\lu385365d9tgo.tmp\META-INF\</t>
  </si>
  <si>
    <t>\\acsfs\profiles$\LUCASBS\RENEG BV\Consolidado\lu385365d9tgo.tmp\Thumbnails\</t>
  </si>
  <si>
    <t>12/31/2019 09:31:37</t>
  </si>
  <si>
    <t>12/31/2019 09:32:43</t>
  </si>
  <si>
    <t>12/31/2019 09:32:44</t>
  </si>
  <si>
    <t>lu451885dbby7.tmp</t>
  </si>
  <si>
    <t>\\acsfs\profiles$\LUCASBS\RENEG BV\Consolidado\lu451885dbby7.tmp</t>
  </si>
  <si>
    <t>\\acsfs\profiles$\LUCASBS\RENEG BV\Consolidado\lu451885dbby7.tmp\</t>
  </si>
  <si>
    <t>\\acsfs\profiles$\LUCASBS\RENEG BV\Consolidado\lu451885dbby7.tmp\META-INF\</t>
  </si>
  <si>
    <t>\\acsfs\profiles$\LUCASBS\RENEG BV\Consolidado\lu451885dbby7.tmp\Thumbnails\</t>
  </si>
  <si>
    <t>12/31/2019 09:29:09</t>
  </si>
  <si>
    <t>Rap do 17 ft. VMZ _ Dragon Ball Super _ VG Beats _ Prod[1]. by Shuka4Beats (1).1pqnhvf.partial</t>
  </si>
  <si>
    <t>\\acsfs\profiles$\danielta\Downloads\Rap do 17 ft. VMZ _ Dragon Ball Super _ VG Beats _ Prod[1]. by Shuka4Beats (1).1pqnhvf.partial</t>
  </si>
  <si>
    <t>12/31/2019 09:32:04</t>
  </si>
  <si>
    <t>12/31/2019 09:34:34</t>
  </si>
  <si>
    <t>10.200.58.152</t>
  </si>
  <si>
    <t>78-2B-CB-C1-06-C7</t>
  </si>
  <si>
    <t>VOTORANT-CB014</t>
  </si>
  <si>
    <t>12/31/2019 09:32:53</t>
  </si>
  <si>
    <t>12/31/2019 09:29:14</t>
  </si>
  <si>
    <t>12/31/2019 09:30:57</t>
  </si>
  <si>
    <t>10.200.66.202</t>
  </si>
  <si>
    <t>78-2B-CB-C3-0A-29</t>
  </si>
  <si>
    <t>VOTORANT-WB004</t>
  </si>
  <si>
    <t>5f094b01-8c15-4501-b04b-86c20b761e61.tmp</t>
  </si>
  <si>
    <t>\\acsfs\profiles$\gabrieleods\Downloads\5f094b01-8c15-4501-b04b-86c20b761e61.tmp</t>
  </si>
  <si>
    <t>12/31/2019 09:30:58</t>
  </si>
  <si>
    <t>3e9b1c8b-0ea2-402d-a2b5-e8f89fed5e71.tmp</t>
  </si>
  <si>
    <t>\\acsfs\profiles$\gabrieleods\Downloads\3e9b1c8b-0ea2-402d-a2b5-e8f89fed5e71.tmp</t>
  </si>
  <si>
    <t>12/31/2019 09:31:35</t>
  </si>
  <si>
    <t>eb67598c-efd3-4cc7-8d40-35b33586f227.tmp</t>
  </si>
  <si>
    <t>\\acsfs\profiles$\gabrieleods\Downloads\eb67598c-efd3-4cc7-8d40-35b33586f227.tmp</t>
  </si>
  <si>
    <t>12/31/2019 09:33:39</t>
  </si>
  <si>
    <t>8fb2836b-83fc-4365-9f91-424fc3544943.tmp</t>
  </si>
  <si>
    <t>\\acsfs\profiles$\gabrieleods\Downloads\8fb2836b-83fc-4365-9f91-424fc3544943.tmp</t>
  </si>
  <si>
    <t>12/31/2019 09:34:10</t>
  </si>
  <si>
    <t>6bec41a8-caba-45a8-adb6-9cb59358dad0.tmp</t>
  </si>
  <si>
    <t>\\acsfs\profiles$\gabrieleods\Downloads\6bec41a8-caba-45a8-adb6-9cb59358dad0.tmp</t>
  </si>
  <si>
    <t>12/31/2019 09:34:18</t>
  </si>
  <si>
    <t>0c264759-fd17-4e3f-9eae-a158e3b5d8bc.tmp</t>
  </si>
  <si>
    <t>\\acsfs\profiles$\gabrieleods\Downloads\0c264759-fd17-4e3f-9eae-a158e3b5d8bc.tmp</t>
  </si>
  <si>
    <t>12/31/2019 09:32:38</t>
  </si>
  <si>
    <t>12/31/2019 09:35:34</t>
  </si>
  <si>
    <t>12/31/2019 09:32:50</t>
  </si>
  <si>
    <t>3fe3fe88-6f4c-4972-af1f-e14f87ce5b35;</t>
  </si>
  <si>
    <t>100035125381406;</t>
  </si>
  <si>
    <t>https://100035125381406</t>
  </si>
  <si>
    <t>12/31/2019 09:33:09</t>
  </si>
  <si>
    <t>12/31/2019 09:33:10</t>
  </si>
  <si>
    <t>12/31/2019 09:33:24</t>
  </si>
  <si>
    <t>12/31/2019 09:33:37</t>
  </si>
  <si>
    <t>12/31/2019 09:34:27</t>
  </si>
  <si>
    <t>12/31/2019 09:34:42</t>
  </si>
  <si>
    <t>12/31/2019 09:36:34</t>
  </si>
  <si>
    <t>12/31/2019 09:35:12</t>
  </si>
  <si>
    <t>12/31/2019 09:35:42</t>
  </si>
  <si>
    <t>12/31/2019 09:32:57</t>
  </si>
  <si>
    <t>12/31/2019 09:38:34</t>
  </si>
  <si>
    <t>12/31/2019 09:33:16</t>
  </si>
  <si>
    <t>12/31/2019 09:33:17</t>
  </si>
  <si>
    <t>lu464885dcwqw.tmp</t>
  </si>
  <si>
    <t>\\acsfs\profiles$\LUCASBS\RENEG BV\Consolidado\lu464885dcwqw.tmp</t>
  </si>
  <si>
    <t>\\acsfs\profiles$\LUCASBS\RENEG BV\Consolidado\lu464885dcwqw.tmp\</t>
  </si>
  <si>
    <t>\\acsfs\profiles$\LUCASBS\RENEG BV\Consolidado\lu464885dcwqw.tmp\META-INF\</t>
  </si>
  <si>
    <t>\\acsfs\profiles$\LUCASBS\RENEG BV\Consolidado\lu464885dcwqw.tmp\Thumbnails\</t>
  </si>
  <si>
    <t>.~lock.RENEG BV - Venc 28.12.2019 - Lucas.ods#</t>
  </si>
  <si>
    <t>\\acsfs\profiles$\LUCASBS\RENEG BV\Consolidado\.~lock.RENEG BV - Venc 28.12.2019 - Lucas.ods#</t>
  </si>
  <si>
    <t>12/31/2019 09:34:21</t>
  </si>
  <si>
    <t>12/31/2019 09:34:22</t>
  </si>
  <si>
    <t>lu431885dduyp.tmp</t>
  </si>
  <si>
    <t>\\acsfs\profiles$\LUCASBS\RENEG BV\Consolidado\lu431885dduyp.tmp</t>
  </si>
  <si>
    <t>\\acsfs\profiles$\LUCASBS\RENEG BV\Consolidado\lu431885dduyp.tmp\</t>
  </si>
  <si>
    <t>\\acsfs\profiles$\LUCASBS\RENEG BV\Consolidado\lu431885dduyp.tmp\META-INF\</t>
  </si>
  <si>
    <t>\\acsfs\profiles$\LUCASBS\RENEG BV\Consolidado\lu431885dduyp.tmp\Thumbnails\</t>
  </si>
  <si>
    <t>12/31/2019 09:36:12</t>
  </si>
  <si>
    <t>12/31/2019 09:34:53</t>
  </si>
  <si>
    <t>12/31/2019 09:39:34</t>
  </si>
  <si>
    <t>12/31/2019 09:34:14</t>
  </si>
  <si>
    <t>12/31/2019 09:35:14</t>
  </si>
  <si>
    <t>12/31/2019 09:35:41</t>
  </si>
  <si>
    <t>12/31/2019 09:38:39</t>
  </si>
  <si>
    <t>10.200.32.22</t>
  </si>
  <si>
    <t>78-2B-CB-C1-07-68</t>
  </si>
  <si>
    <t>VOTORANT-CA071</t>
  </si>
  <si>
    <t>12/31/2019 09:39:28</t>
  </si>
  <si>
    <t>12/31/2019 09:40:34</t>
  </si>
  <si>
    <t>12/31/2019 09:37:16</t>
  </si>
  <si>
    <t>3c51e361-b71a-4677-a692-406c144afac1.tmp</t>
  </si>
  <si>
    <t>\\acsfs\profiles$\mariajra\Downloads\3c51e361-b71a-4677-a692-406c144afac1.tmp</t>
  </si>
  <si>
    <t>12/31/2019 09:41:34</t>
  </si>
  <si>
    <t>12/31/2019 09:36:42</t>
  </si>
  <si>
    <t>12/31/2019 09:37:12</t>
  </si>
  <si>
    <t>12/31/2019 09:38:12</t>
  </si>
  <si>
    <t>12/31/2019 09:38:42</t>
  </si>
  <si>
    <t>12/31/2019 09:37:17</t>
  </si>
  <si>
    <t>10.200.66.18</t>
  </si>
  <si>
    <t>74-86-7A-FB-1B-1E</t>
  </si>
  <si>
    <t>VOTORANT-OB003</t>
  </si>
  <si>
    <t>12/31/2019 09:41:54</t>
  </si>
  <si>
    <t>12/31/2019 09:43:33</t>
  </si>
  <si>
    <t>12/31/2019 09:38:53</t>
  </si>
  <si>
    <t>12/31/2019 09:44:34</t>
  </si>
  <si>
    <t>12/31/2019 09:40:56</t>
  </si>
  <si>
    <t>12/31/2019 09:40:14</t>
  </si>
  <si>
    <t>12/31/2019 09:41:14</t>
  </si>
  <si>
    <t>12/31/2019 09:40:57</t>
  </si>
  <si>
    <t>12/31/2019 09:40:23</t>
  </si>
  <si>
    <t>12/31/2019 09:45:35</t>
  </si>
  <si>
    <t>b6dc3b2f-86d1-4513-9b0f-461cebff945a.tmp</t>
  </si>
  <si>
    <t>\\acsfs\profiles$\LAISLG\Downloads\b6dc3b2f-86d1-4513-9b0f-461cebff945a.tmp</t>
  </si>
  <si>
    <t>12/31/2019 09:41:31</t>
  </si>
  <si>
    <t>\\acsfs\profiles$\LUCASNS\</t>
  </si>
  <si>
    <t>VENDAS.txt</t>
  </si>
  <si>
    <t>\\acsfs\profiles$\LUCASNS\VENDAS.txt</t>
  </si>
  <si>
    <t>12/31/2019 09:41:04</t>
  </si>
  <si>
    <t>10.200.67.14</t>
  </si>
  <si>
    <t>74-86-7A-FB-17-CC</t>
  </si>
  <si>
    <t>VOTORANT-FB016</t>
  </si>
  <si>
    <t>talitassc</t>
  </si>
  <si>
    <t>\\acsfs\profiles$\talitassc\Contacts\</t>
  </si>
  <si>
    <t>TALITA SANTOS SILVA CASTRO (5375).contact</t>
  </si>
  <si>
    <t>\\acsfs\profiles$\talitassc\Contacts\TALITA SANTOS SILVA CASTRO (5375).contact</t>
  </si>
  <si>
    <t>12/31/2019 09:41:15</t>
  </si>
  <si>
    <t>\\acsfs\profiles$\talitassc\My Documents\My Videos\</t>
  </si>
  <si>
    <t>\\acsfs\profiles$\talitassc\My Documents\My Videos\desktop.ini</t>
  </si>
  <si>
    <t>12/31/2019 09:41:16</t>
  </si>
  <si>
    <t>\\acsfs\profiles$\talitassc\My Documents\My Pictures\</t>
  </si>
  <si>
    <t>\\acsfs\profiles$\talitassc\My Documents\My Pictures\desktop.ini</t>
  </si>
  <si>
    <t>12/31/2019 09:41:17</t>
  </si>
  <si>
    <t>\\acsfs\profiles$\talitassc\Contacts\desktop.ini</t>
  </si>
  <si>
    <t>\\acsfs\profiles$\talitassc\Favorites\</t>
  </si>
  <si>
    <t>\\acsfs\profiles$\talitassc\Favorites\desktop.ini</t>
  </si>
  <si>
    <t>12/31/2019 09:41:18</t>
  </si>
  <si>
    <t>\\acsfs\profiles$\talitassc\My Documents\My Music\</t>
  </si>
  <si>
    <t>\\acsfs\profiles$\talitassc\My Documents\My Music\desktop.ini</t>
  </si>
  <si>
    <t>12/31/2019 09:41:19</t>
  </si>
  <si>
    <t>\\acsfs\profiles$\talitassc\Searches\</t>
  </si>
  <si>
    <t>\\acsfs\profiles$\talitassc\Searches\desktop.ini</t>
  </si>
  <si>
    <t>12/31/2019 09:41:20</t>
  </si>
  <si>
    <t>\\acsfs\profiles$\talitassc\Downloads\</t>
  </si>
  <si>
    <t>\\acsfs\profiles$\talitassc\Downloads\desktop.ini</t>
  </si>
  <si>
    <t>\\acsfs\profiles$\talitassc\My Documents\</t>
  </si>
  <si>
    <t>\\acsfs\profiles$\talitassc\My Documents\desktop.ini</t>
  </si>
  <si>
    <t>12/31/2019 09:41:21</t>
  </si>
  <si>
    <t>\\acsfs\profiles$\talitassc\Saved Games\</t>
  </si>
  <si>
    <t>\\acsfs\profiles$\talitassc\Saved Games\desktop.ini</t>
  </si>
  <si>
    <t>12/31/2019 09:41:33</t>
  </si>
  <si>
    <t>\\acsfs\profiles$\talitassc\Favorites\Links for Brasil\</t>
  </si>
  <si>
    <t>\\acsfs\profiles$\talitassc\Favorites\Links for Brasil\desktop.ini</t>
  </si>
  <si>
    <t>\\acsfs\profiles$\talitassc\Favorites\Links for Brasil\Microsoft Brasil.url</t>
  </si>
  <si>
    <t>\\acsfs\profiles$\talitassc\Favorites\Links for Brasil\Windows Brasil.url</t>
  </si>
  <si>
    <t>\\acsfs\profiles$\talitassc\Favorites\Links for Brasil\MSN Brasil.url</t>
  </si>
  <si>
    <t>12/31/2019 09:45:20</t>
  </si>
  <si>
    <t>12/31/2019 09:47:34</t>
  </si>
  <si>
    <t>fee88bbe-3684-4ff9-8470-1abaf3c3ed5d.tmp</t>
  </si>
  <si>
    <t>\\acsfs\profiles$\marcosvnds\Downloads\fee88bbe-3684-4ff9-8470-1abaf3c3ed5d.tmp</t>
  </si>
  <si>
    <t>12/31/2019 09:43:56</t>
  </si>
  <si>
    <t>CERRADO OPERACOES DE PESSOA FISICA (PF)</t>
  </si>
  <si>
    <t>10.200.60.90</t>
  </si>
  <si>
    <t>64-1C-67-A0-2A-D6</t>
  </si>
  <si>
    <t>NB-RODRIGOAP</t>
  </si>
  <si>
    <t>rodrigoap</t>
  </si>
  <si>
    <t>Rodrigo Amalfi Pereira</t>
  </si>
  <si>
    <t>anapscl@algartech.com;micheless@algartech.com.br;thaisaol@algartech.com.br;</t>
  </si>
  <si>
    <t>CURVA NORMAL - 30/12/2019</t>
  </si>
  <si>
    <t>Tempo Improdutivo.xlsm</t>
  </si>
  <si>
    <t>Exchange Client Mail</t>
  </si>
  <si>
    <t>anapscl@algartech.com,micheless@algartech.com.br,thaisaol@algartech.com.br</t>
  </si>
  <si>
    <t>Microsoft Exchange Online</t>
  </si>
  <si>
    <t>12/31/2019 09:43:57</t>
  </si>
  <si>
    <t>10.200.67.76</t>
  </si>
  <si>
    <t>78-2B-CB-C1-05-18</t>
  </si>
  <si>
    <t>VOTORANT-IB011</t>
  </si>
  <si>
    <t>anakcs</t>
  </si>
  <si>
    <t>\\acsfs\profiles$\anakcs\My Documents\xworkcenter\lex\</t>
  </si>
  <si>
    <t>\\acsfs\profiles$\anakcs\My Documents\xworkcenter\lex\temp.tlx</t>
  </si>
  <si>
    <t>12/31/2019 09:43:58</t>
  </si>
  <si>
    <t>12/31/2019 09:44:01</t>
  </si>
  <si>
    <t>12/31/2019 09:48:34</t>
  </si>
  <si>
    <t>12/31/2019 09:44:02</t>
  </si>
  <si>
    <t>12/31/2019 09:44:03</t>
  </si>
  <si>
    <t>12/31/2019 09:44:04</t>
  </si>
  <si>
    <t>12/31/2019 09:44:05</t>
  </si>
  <si>
    <t>12/31/2019 09:44:06</t>
  </si>
  <si>
    <t>12/31/2019 09:44:07</t>
  </si>
  <si>
    <t>12/31/2019 09:44:08</t>
  </si>
  <si>
    <t>12/31/2019 09:44:09</t>
  </si>
  <si>
    <t>12/31/2019 09:44:10</t>
  </si>
  <si>
    <t>12/31/2019 09:44:11</t>
  </si>
  <si>
    <t>12/31/2019 09:44:12</t>
  </si>
  <si>
    <t>12/31/2019 09:44:13</t>
  </si>
  <si>
    <t>12/31/2019 09:44:14</t>
  </si>
  <si>
    <t>12/31/2019 09:44:15</t>
  </si>
  <si>
    <t>12/31/2019 09:44:16</t>
  </si>
  <si>
    <t>12/31/2019 09:47:54</t>
  </si>
  <si>
    <t>12/31/2019 09:46:14</t>
  </si>
  <si>
    <t>12/31/2019 09:49:34</t>
  </si>
  <si>
    <t>12/31/2019 09:47:14</t>
  </si>
  <si>
    <t>12/31/2019 09:44:54</t>
  </si>
  <si>
    <t>12/31/2019 09:46:55</t>
  </si>
  <si>
    <t>12/31/2019 09:46:18</t>
  </si>
  <si>
    <t>12/31/2019 09:51:34</t>
  </si>
  <si>
    <t>af33d511-f73a-43e1-8371-ccc23fb09d15.tmp</t>
  </si>
  <si>
    <t>\\acsfs\profiles$\alinepp\Downloads\af33d511-f73a-43e1-8371-ccc23fb09d15.tmp</t>
  </si>
  <si>
    <t>12/31/2019 09:47:51</t>
  </si>
  <si>
    <t>10.200.67.176</t>
  </si>
  <si>
    <t>78-2B-CB-C1-05-43</t>
  </si>
  <si>
    <t>VOTORANT-RB010</t>
  </si>
  <si>
    <t>gabrielafs</t>
  </si>
  <si>
    <t>\\acsfs\profiles$\gabrielafs\Downloads\</t>
  </si>
  <si>
    <t>f0fa67d5-7d0b-4dad-bcc7-ff2f39045fc4.tmp</t>
  </si>
  <si>
    <t>\\acsfs\profiles$\gabrielafs\Downloads\f0fa67d5-7d0b-4dad-bcc7-ff2f39045fc4.tmp</t>
  </si>
  <si>
    <t>eb0b9a25-7d15-4870-8968-8f139a40767e.tmp</t>
  </si>
  <si>
    <t>\\acsfs\profiles$\gabrielafs\Downloads\eb0b9a25-7d15-4870-8968-8f139a40767e.tmp</t>
  </si>
  <si>
    <t>12/31/2019 09:47:55</t>
  </si>
  <si>
    <t>8ad7a619-a813-4094-baaa-483b2275ad8f.tmp</t>
  </si>
  <si>
    <t>\\acsfs\profiles$\gabrielafs\Downloads\8ad7a619-a813-4094-baaa-483b2275ad8f.tmp</t>
  </si>
  <si>
    <t>1b0799e7-f43d-441c-bfd6-0b138c2b4ddd.tmp</t>
  </si>
  <si>
    <t>\\acsfs\profiles$\gabrielafs\Downloads\1b0799e7-f43d-441c-bfd6-0b138c2b4ddd.tmp</t>
  </si>
  <si>
    <t>12/31/2019 09:51:29</t>
  </si>
  <si>
    <t>12/31/2019 09:52:34</t>
  </si>
  <si>
    <t>558c52f8-5218-4bf3-867c-11ec44a7638b.tmp</t>
  </si>
  <si>
    <t>\\acsfs\profiles$\marcosvnds\Downloads\558c52f8-5218-4bf3-867c-11ec44a7638b.tmp</t>
  </si>
  <si>
    <t>12/31/2019 09:49:37</t>
  </si>
  <si>
    <t>12/31/2019 09:53:34</t>
  </si>
  <si>
    <t>12/31/2019 09:52:10</t>
  </si>
  <si>
    <t>kellzylenneasr</t>
  </si>
  <si>
    <t>\\acsfs\profiles$\kellzylenneasr\Downloads\</t>
  </si>
  <si>
    <t>68333b71-b0f2-4ae1-9701-f3f07a476286.tmp</t>
  </si>
  <si>
    <t>\\acsfs\profiles$\kellzylenneasr\Downloads\68333b71-b0f2-4ae1-9701-f3f07a476286.tmp</t>
  </si>
  <si>
    <t>12/31/2019 09:52:38</t>
  </si>
  <si>
    <t>12/31/2019 09:52:56</t>
  </si>
  <si>
    <t>12/31/2019 09:52:15</t>
  </si>
  <si>
    <t>12/31/2019 09:54:34</t>
  </si>
  <si>
    <t>12/31/2019 09:53:14</t>
  </si>
  <si>
    <t>12/31/2019 09:50:53</t>
  </si>
  <si>
    <t>12/31/2019 09:52:53</t>
  </si>
  <si>
    <t>12/31/2019 09:50:15</t>
  </si>
  <si>
    <t>\\acsfs\DEPTOS\Operacao\PCP\5 - Comum\JUKA\Login Logout Financeira\</t>
  </si>
  <si>
    <t>\\acsfs\DEPTOS\Operacao\PCP\5 - Comum\JUKA\Login Logout Financeira\Pausas.xlsx</t>
  </si>
  <si>
    <t>12/31/2019 09:53:45</t>
  </si>
  <si>
    <t>12/31/2019 09:51:30</t>
  </si>
  <si>
    <t>12/31/2019 09:55:35</t>
  </si>
  <si>
    <t>12/31/2019 09:53:38</t>
  </si>
  <si>
    <t>12/31/2019 09:57:35</t>
  </si>
  <si>
    <t>10.200.66.177</t>
  </si>
  <si>
    <t>78-2B-CB-C1-06-EA</t>
  </si>
  <si>
    <t>VOTORANT-GB020</t>
  </si>
  <si>
    <t>matheushds</t>
  </si>
  <si>
    <t>\\acsfs\profiles$\matheushds\Downloads\</t>
  </si>
  <si>
    <t>ec21e57f-ff35-4eab-a05c-2f0c93eb397e.tmp</t>
  </si>
  <si>
    <t>\\acsfs\profiles$\matheushds\Downloads\ec21e57f-ff35-4eab-a05c-2f0c93eb397e.tmp</t>
  </si>
  <si>
    <t>12/31/2019 09:54:54</t>
  </si>
  <si>
    <t>143137bc-3429-423f-bbd9-fc3afa3fe4cf.tmp</t>
  </si>
  <si>
    <t>\\acsfs\profiles$\matheushds\Downloads\143137bc-3429-423f-bbd9-fc3afa3fe4cf.tmp</t>
  </si>
  <si>
    <t>12/31/2019 09:55:07</t>
  </si>
  <si>
    <t>30192920-55b4-4f3e-b0a1-9e80e14340d3.tmp</t>
  </si>
  <si>
    <t>\\acsfs\profiles$\matheushds\Downloads\30192920-55b4-4f3e-b0a1-9e80e14340d3.tmp</t>
  </si>
  <si>
    <t>12/31/2019 09:58:35</t>
  </si>
  <si>
    <t>1e9238aa-b717-4de6-8ee5-3af6c9a2bd17.tmp</t>
  </si>
  <si>
    <t>\\acsfs\profiles$\kellzylenneasr\Downloads\1e9238aa-b717-4de6-8ee5-3af6c9a2bd17.tmp</t>
  </si>
  <si>
    <t>12/31/2019 09:58:14</t>
  </si>
  <si>
    <t>12/31/2019 09:59:35</t>
  </si>
  <si>
    <t>12/31/2019 09:56:24</t>
  </si>
  <si>
    <t>12/31/2019 09:56:54</t>
  </si>
  <si>
    <t>12/31/2019 09:59:08</t>
  </si>
  <si>
    <t>regisedsj</t>
  </si>
  <si>
    <t>\\acsfs\profiles$\regisedsj\My Documents\My Pictures\</t>
  </si>
  <si>
    <t>\\acsfs\profiles$\regisedsj\My Documents\My Videos\desktop.ini</t>
  </si>
  <si>
    <t>12/31/2019 09:59:10</t>
  </si>
  <si>
    <t>\\acsfs\profiles$\regisedsj\My Documents\My Videos\</t>
  </si>
  <si>
    <t>12/31/2019 09:59:14</t>
  </si>
  <si>
    <t>12/31/2019 09:59:16</t>
  </si>
  <si>
    <t>12/31/2019 09:59:17</t>
  </si>
  <si>
    <t>12/31/2019 09:59:18</t>
  </si>
  <si>
    <t>\\acsfs\profiles$\regisedsj\My Documents\My Pictures\desktop.ini</t>
  </si>
  <si>
    <t>12/31/2019 09:59:19</t>
  </si>
  <si>
    <t>12/31/2019 09:59:20</t>
  </si>
  <si>
    <t>12/31/2019 09:59:21</t>
  </si>
  <si>
    <t>12/31/2019 09:58:10</t>
  </si>
  <si>
    <t>12/31/2019 10:00:36</t>
  </si>
  <si>
    <t>pamelamcmdsg</t>
  </si>
  <si>
    <t>\\acsfs\profiles$\pamelamcmdsg\My Documents\</t>
  </si>
  <si>
    <t>bloco.txt</t>
  </si>
  <si>
    <t>\\acsfs\profiles$\pamelamcmdsg\My Documents\bloco.txt</t>
  </si>
  <si>
    <t>12/31/2019 09:58:12</t>
  </si>
  <si>
    <t>12/31/2019 09:58:13</t>
  </si>
  <si>
    <t>12/31/2019 09:58:15</t>
  </si>
  <si>
    <t>12/31/2019 09:58:58</t>
  </si>
  <si>
    <t>12/31/2019 10:02:35</t>
  </si>
  <si>
    <t>c90fd534-04fc-4382-a98f-eecb75c2a364.tmp</t>
  </si>
  <si>
    <t>\\acsfs\profiles$\matheushds\Downloads\c90fd534-04fc-4382-a98f-eecb75c2a364.tmp</t>
  </si>
  <si>
    <t>12/31/2019 09:59:50</t>
  </si>
  <si>
    <t>10.200.67.19</t>
  </si>
  <si>
    <t>78-2B-CB-C1-06-9D</t>
  </si>
  <si>
    <t>VOTORANT-JB008</t>
  </si>
  <si>
    <t>maxmillianosv</t>
  </si>
  <si>
    <t>\\acsfs\profiles$\maxmillianosv\Favorites\NetScaler Gateway.url\</t>
  </si>
  <si>
    <t>\\acsfs\profiles$\maxmillianosv\Favorites\NetScaler Gateway.url\:favicon:$DATA</t>
  </si>
  <si>
    <t>\\acsfs\profiles$\maxmillianosv\Favorites\</t>
  </si>
  <si>
    <t>NetScaler Gateway.url</t>
  </si>
  <si>
    <t>\\acsfs\profiles$\maxmillianosv\Favorites\NetScaler Gateway.url</t>
  </si>
  <si>
    <t>12/31/2019 10:00:28</t>
  </si>
  <si>
    <t>bd1acfe1-6709-424c-a1e5-450e239e3bf8.tmp</t>
  </si>
  <si>
    <t>\\acsfs\profiles$\victorgl\Downloads\bd1acfe1-6709-424c-a1e5-450e239e3bf8.tmp</t>
  </si>
  <si>
    <t>12/31/2019 10:00:13</t>
  </si>
  <si>
    <t>12/31/2019 10:03:35</t>
  </si>
  <si>
    <t>\\acsfs\profiles$\BRUNAAR\Numero\</t>
  </si>
  <si>
    <t>.~lock.Transferencia.docx#</t>
  </si>
  <si>
    <t>\\acsfs\profiles$\BRUNAAR\Numero\.~lock.Transferencia.docx#</t>
  </si>
  <si>
    <t>12/31/2019 10:00:52</t>
  </si>
  <si>
    <t>12/31/2019 10:00:53</t>
  </si>
  <si>
    <t>lu585167by2jd.tmp</t>
  </si>
  <si>
    <t>\\acsfs\profiles$\BRUNAAR\Numero\lu585167by2jd.tmp</t>
  </si>
  <si>
    <t>12/31/2019 10:02:49</t>
  </si>
  <si>
    <t>12/31/2019 10:02:26</t>
  </si>
  <si>
    <t>12/31/2019 10:04:36</t>
  </si>
  <si>
    <t>12/31/2019 10:00:22</t>
  </si>
  <si>
    <t>mail.google.com/sync/u/0/i/s?hl=pt-BR&amp;c=421</t>
  </si>
  <si>
    <t>12/31/2019 10:00:30</t>
  </si>
  <si>
    <t>mail.google.com/sync/u/0/i/s?hl=pt-BR&amp;c=423</t>
  </si>
  <si>
    <t>12/31/2019 10:00:35</t>
  </si>
  <si>
    <t>mail.google.com/sync/u/0/i/s?hl=pt-BR&amp;c=425</t>
  </si>
  <si>
    <t>12/31/2019 09:58:54</t>
  </si>
  <si>
    <t>12/31/2019 10:02:53</t>
  </si>
  <si>
    <t>12/31/2019 09:59:23</t>
  </si>
  <si>
    <t>\\acsfs\profiles$\regisedsj\Contacts\</t>
  </si>
  <si>
    <t>\\acsfs\profiles$\regisedsj\Contacts\desktop.ini</t>
  </si>
  <si>
    <t>12/31/2019 09:59:24</t>
  </si>
  <si>
    <t>12/31/2019 09:59:25</t>
  </si>
  <si>
    <t>12/31/2019 09:59:26</t>
  </si>
  <si>
    <t>12/31/2019 09:59:28</t>
  </si>
  <si>
    <t>\\acsfs\profiles$\regisedsj\My Documents\My Music\</t>
  </si>
  <si>
    <t>12/31/2019 09:59:30</t>
  </si>
  <si>
    <t>\\acsfs\profiles$\regisedsj\My Documents\</t>
  </si>
  <si>
    <t>\\acsfs\profiles$\regisedsj\Favorites\desktop.ini</t>
  </si>
  <si>
    <t>12/31/2019 09:59:32</t>
  </si>
  <si>
    <t>12/31/2019 09:59:34</t>
  </si>
  <si>
    <t>12/31/2019 09:59:37</t>
  </si>
  <si>
    <t>12/31/2019 09:59:38</t>
  </si>
  <si>
    <t>12/31/2019 09:59:39</t>
  </si>
  <si>
    <t>12/31/2019 09:59:40</t>
  </si>
  <si>
    <t>\\acsfs\profiles$\regisedsj\My Documents\My Music\desktop.ini</t>
  </si>
  <si>
    <t>12/31/2019 09:59:41</t>
  </si>
  <si>
    <t>12/31/2019 09:59:42</t>
  </si>
  <si>
    <t>12/31/2019 09:59:43</t>
  </si>
  <si>
    <t>12/31/2019 09:59:44</t>
  </si>
  <si>
    <t>12/31/2019 09:59:46</t>
  </si>
  <si>
    <t>\\acsfs\profiles$\regisedsj\Searches\</t>
  </si>
  <si>
    <t>\\acsfs\profiles$\regisedsj\Searches\desktop.ini</t>
  </si>
  <si>
    <t>12/31/2019 09:59:47</t>
  </si>
  <si>
    <t>12/31/2019 09:59:49</t>
  </si>
  <si>
    <t>12/31/2019 09:59:51</t>
  </si>
  <si>
    <t>12/31/2019 09:59:52</t>
  </si>
  <si>
    <t>\\acsfs\profiles$\regisedsj\Downloads\</t>
  </si>
  <si>
    <t>\\acsfs\profiles$\regisedsj\Downloads\desktop.ini</t>
  </si>
  <si>
    <t>12/31/2019 09:59:53</t>
  </si>
  <si>
    <t>12/31/2019 09:59:54</t>
  </si>
  <si>
    <t>\\acsfs\profiles$\regisedsj\Favorites\</t>
  </si>
  <si>
    <t>\\acsfs\profiles$\regisedsj\My Documents\desktop.ini</t>
  </si>
  <si>
    <t>12/31/2019 09:59:56</t>
  </si>
  <si>
    <t>12/31/2019 09:59:57</t>
  </si>
  <si>
    <t>12/31/2019 09:59:59</t>
  </si>
  <si>
    <t>12/31/2019 10:00:00</t>
  </si>
  <si>
    <t>12/31/2019 10:00:01</t>
  </si>
  <si>
    <t>\\acsfs\profiles$\regisedsj\Saved Games\desktop.ini</t>
  </si>
  <si>
    <t>12/31/2019 10:00:02</t>
  </si>
  <si>
    <t>12/31/2019 10:00:19</t>
  </si>
  <si>
    <t>winrt--{S-1-5-21-602162358-764733703-839522115-358571}-.searchconnector-ms</t>
  </si>
  <si>
    <t>\\acsfs\profiles$\regisedsj\Searches\winrt--{S-1-5-21-602162358-764733703-839522115-358571}-.searchconnector-ms</t>
  </si>
  <si>
    <t>12/31/2019 10:01:53</t>
  </si>
  <si>
    <t>11a2c13b-3a9b-4277-9d2d-d325327be2a1.tmp</t>
  </si>
  <si>
    <t>\\acsfs\profiles$\regisedsj\Downloads\11a2c13b-3a9b-4277-9d2d-d325327be2a1.tmp</t>
  </si>
  <si>
    <t>69777bd0-fc49-4317-b05b-a0d1ca95b52f.tmp</t>
  </si>
  <si>
    <t>\\acsfs\profiles$\regisedsj\Downloads\69777bd0-fc49-4317-b05b-a0d1ca95b52f.tmp</t>
  </si>
  <si>
    <t>12/31/2019 10:03:18</t>
  </si>
  <si>
    <t>8d70052c-c0f8-442f-af73-42f81fc21db6.tmp</t>
  </si>
  <si>
    <t>\\acsfs\profiles$\regisedsj\Downloads\8d70052c-c0f8-442f-af73-42f81fc21db6.tmp</t>
  </si>
  <si>
    <t>12/31/2019 10:07:42</t>
  </si>
  <si>
    <t>12/31/2019 10:08:37</t>
  </si>
  <si>
    <t>1c96cc08-0d89-40ae-b0be-4f040ac4f488.tmp</t>
  </si>
  <si>
    <t>\\acsfs\profiles$\vivianealda\Downloads\1c96cc08-0d89-40ae-b0be-4f040ac4f488.tmp</t>
  </si>
  <si>
    <t>12/31/2019 10:04:14</t>
  </si>
  <si>
    <t>12/31/2019 10:09:36</t>
  </si>
  <si>
    <t>12/31/2019 10:05:14</t>
  </si>
  <si>
    <t>12/31/2019 10:07:19</t>
  </si>
  <si>
    <t>12/31/2019 10:07:26</t>
  </si>
  <si>
    <t>12/31/2019 10:07:31</t>
  </si>
  <si>
    <t>12/31/2019 10:07:34</t>
  </si>
  <si>
    <t>12/31/2019 10:04:53</t>
  </si>
  <si>
    <t>12/31/2019 10:08:56</t>
  </si>
  <si>
    <t>12/31/2019 10:09:38</t>
  </si>
  <si>
    <t>12/31/2019 10:10:36</t>
  </si>
  <si>
    <t>12/31/2019 10:10:09</t>
  </si>
  <si>
    <t>12/31/2019 10:12:36</t>
  </si>
  <si>
    <t>\\acsfs\profiles$\maxmillianosv\Downloads\</t>
  </si>
  <si>
    <t>552be74d-05ea-4c7f-80e6-0e441b3c1442.tmp</t>
  </si>
  <si>
    <t>\\acsfs\profiles$\maxmillianosv\Downloads\552be74d-05ea-4c7f-80e6-0e441b3c1442.tmp</t>
  </si>
  <si>
    <t>12/31/2019 10:11:21</t>
  </si>
  <si>
    <t>d37147ff-afab-4ac8-984d-24fd5a5ce381.tmp</t>
  </si>
  <si>
    <t>\\acsfs\profiles$\maxmillianosv\Downloads\d37147ff-afab-4ac8-984d-24fd5a5ce381.tmp</t>
  </si>
  <si>
    <t>12/31/2019 10:11:22</t>
  </si>
  <si>
    <t>4e2c7062-3a94-42d2-b5d5-3b90de60ba47.tmp</t>
  </si>
  <si>
    <t>\\acsfs\profiles$\maxmillianosv\Downloads\4e2c7062-3a94-42d2-b5d5-3b90de60ba47.tmp</t>
  </si>
  <si>
    <t>12/31/2019 10:11:45</t>
  </si>
  <si>
    <t>24aac937-1ff3-4f89-9951-0422c38aa7fa.tmp</t>
  </si>
  <si>
    <t>\\acsfs\profiles$\maxmillianosv\Downloads\24aac937-1ff3-4f89-9951-0422c38aa7fa.tmp</t>
  </si>
  <si>
    <t>12/31/2019 10:11:49</t>
  </si>
  <si>
    <t>d3eb8e23-fbbc-4268-aee4-8a8f4eff7020.tmp</t>
  </si>
  <si>
    <t>\\acsfs\profiles$\maxmillianosv\Downloads\d3eb8e23-fbbc-4268-aee4-8a8f4eff7020.tmp</t>
  </si>
  <si>
    <t>12/31/2019 10:11:55</t>
  </si>
  <si>
    <t>2bc2a9d2-1f07-4199-ad47-65a43af41b84.tmp</t>
  </si>
  <si>
    <t>\\acsfs\profiles$\maxmillianosv\Downloads\2bc2a9d2-1f07-4199-ad47-65a43af41b84.tmp</t>
  </si>
  <si>
    <t>12/31/2019 10:10:48</t>
  </si>
  <si>
    <t>10.200.66.121</t>
  </si>
  <si>
    <t>34-E6-D7-FC-B7-64</t>
  </si>
  <si>
    <t>VOTORANT-WB015</t>
  </si>
  <si>
    <t>mateusjm</t>
  </si>
  <si>
    <t>\\acsfs\profiles$\MATEUSJM\Downloads\</t>
  </si>
  <si>
    <t>63711a17-ea23-4aa3-bbb1-f1de91b48685.tmp</t>
  </si>
  <si>
    <t>\\acsfs\profiles$\MATEUSJM\Downloads\63711a17-ea23-4aa3-bbb1-f1de91b48685.tmp</t>
  </si>
  <si>
    <t>12/31/2019 10:10:55</t>
  </si>
  <si>
    <t>Q29udHJvbGxlci5QYXl3YXJlXzEtMg-- (2).ica</t>
  </si>
  <si>
    <t>\\acsfs\profiles$\MATEUSJM\Downloads\Q29udHJvbGxlci5QYXl3YXJlXzEtMg-- (2).ica</t>
  </si>
  <si>
    <t>12/31/2019 10:11:16</t>
  </si>
  <si>
    <t>12/31/2019 10:13:36</t>
  </si>
  <si>
    <t>e2560c31-2b79-475f-a74b-c460cfa7194d.tmp</t>
  </si>
  <si>
    <t>\\acsfs\profiles$\ingridsm\Downloads\e2560c31-2b79-475f-a74b-c460cfa7194d.tmp</t>
  </si>
  <si>
    <t>12/31/2019 10:10:22</t>
  </si>
  <si>
    <t>10.200.67.82</t>
  </si>
  <si>
    <t>74-86-7A-FC-D0-0E</t>
  </si>
  <si>
    <t>VOTORANT-JB011</t>
  </si>
  <si>
    <t>gabrielbmdl</t>
  </si>
  <si>
    <t>12/31/2019 10:12:04</t>
  </si>
  <si>
    <t>4247053e-d3be-4b6a-be40-7ef20c7b908d.tmp</t>
  </si>
  <si>
    <t>\\acsfs\profiles$\jonatanls\Downloads\4247053e-d3be-4b6a-be40-7ef20c7b908d.tmp</t>
  </si>
  <si>
    <t>12/31/2019 10:12:54</t>
  </si>
  <si>
    <t>\\acsfs\profiles$\jonatanls\Downloads\$RECYCLE.BIN\</t>
  </si>
  <si>
    <t>$IXKVVKN.pdf</t>
  </si>
  <si>
    <t>\\acsfs\profiles$\jonatanls\Downloads\$RECYCLE.BIN\$IXKVVKN.pdf</t>
  </si>
  <si>
    <t>12/31/2019 10:12:55</t>
  </si>
  <si>
    <t>$IGG8SQC.pdf</t>
  </si>
  <si>
    <t>\\acsfs\profiles$\jonatanls\Downloads\$RECYCLE.BIN\$IGG8SQC.pdf</t>
  </si>
  <si>
    <t>$IVLQJMS.pdf</t>
  </si>
  <si>
    <t>\\acsfs\profiles$\jonatanls\Downloads\$RECYCLE.BIN\$IVLQJMS.pdf</t>
  </si>
  <si>
    <t>12/31/2019 10:13:12</t>
  </si>
  <si>
    <t>86208901-9c76-4f30-b18f-99525acaf9f3.tmp</t>
  </si>
  <si>
    <t>\\acsfs\profiles$\jonatanls\Downloads\86208901-9c76-4f30-b18f-99525acaf9f3.tmp</t>
  </si>
  <si>
    <t>12/31/2019 10:09:48</t>
  </si>
  <si>
    <t>09e7e54e-7914-4315-a6af-fca9827ab2fa.tmp</t>
  </si>
  <si>
    <t>\\acsfs\profiles$\claudiajca\Downloads\09e7e54e-7914-4315-a6af-fca9827ab2fa.tmp</t>
  </si>
  <si>
    <t>12/31/2019 10:10:14</t>
  </si>
  <si>
    <t>12/31/2019 10:14:36</t>
  </si>
  <si>
    <t>12/31/2019 10:11:14</t>
  </si>
  <si>
    <t>12/31/2019 10:11:05</t>
  </si>
  <si>
    <t>12/31/2019 10:11:29</t>
  </si>
  <si>
    <t>12/31/2019 10:10:53</t>
  </si>
  <si>
    <t>12/31/2019 10:15:12</t>
  </si>
  <si>
    <t>12/31/2019 10:16:36</t>
  </si>
  <si>
    <t>12/31/2019 10:12:37</t>
  </si>
  <si>
    <t>12/31/2019 10:17:36</t>
  </si>
  <si>
    <t>\\acsfs\profiles$\maxmillianosv\My Documents\xworkcenter\lex\</t>
  </si>
  <si>
    <t>\\acsfs\profiles$\maxmillianosv\My Documents\xworkcenter\lex\temp.tlx</t>
  </si>
  <si>
    <t>12/31/2019 10:12:38</t>
  </si>
  <si>
    <t>12/31/2019 10:12:39</t>
  </si>
  <si>
    <t>12/31/2019 10:12:40</t>
  </si>
  <si>
    <t>12/31/2019 10:12:41</t>
  </si>
  <si>
    <t>12/31/2019 10:12:42</t>
  </si>
  <si>
    <t>12/31/2019 10:12:43</t>
  </si>
  <si>
    <t>12/31/2019 10:12:44</t>
  </si>
  <si>
    <t>12/31/2019 10:12:45</t>
  </si>
  <si>
    <t>12/31/2019 10:12:46</t>
  </si>
  <si>
    <t>12/31/2019 10:12:47</t>
  </si>
  <si>
    <t>12/31/2019 10:12:48</t>
  </si>
  <si>
    <t>12/31/2019 10:12:49</t>
  </si>
  <si>
    <t>12/31/2019 10:12:50</t>
  </si>
  <si>
    <t>12/31/2019 10:12:51</t>
  </si>
  <si>
    <t>3b8dd775-f279-468b-b989-f4d8e822274d.tmp</t>
  </si>
  <si>
    <t>\\acsfs\profiles$\maxmillianosv\Downloads\3b8dd775-f279-468b-b989-f4d8e822274d.tmp</t>
  </si>
  <si>
    <t>12/31/2019 10:13:28</t>
  </si>
  <si>
    <t>12/31/2019 10:13:06</t>
  </si>
  <si>
    <t>c8459c54-ac52-4ede-8fb6-481cf97067d3.tmp</t>
  </si>
  <si>
    <t>\\acsfs\profiles$\MATEUSJM\Downloads\c8459c54-ac52-4ede-8fb6-481cf97067d3.tmp</t>
  </si>
  <si>
    <t>12/31/2019 10:15:29</t>
  </si>
  <si>
    <t>f63ecc3b-80df-4830-89be-38e2587b514c.tmp</t>
  </si>
  <si>
    <t>\\acsfs\profiles$\MATEUSJM\Downloads\f63ecc3b-80df-4830-89be-38e2587b514c.tmp</t>
  </si>
  <si>
    <t>12/31/2019 10:14:24</t>
  </si>
  <si>
    <t>12/31/2019 10:18:36</t>
  </si>
  <si>
    <t>12/31/2019 10:13:30</t>
  </si>
  <si>
    <t>$INMKGGI.pdf</t>
  </si>
  <si>
    <t>\\acsfs\profiles$\jonatanls\Downloads\$RECYCLE.BIN\$INMKGGI.pdf</t>
  </si>
  <si>
    <t>$IFCVMUV.pdf</t>
  </si>
  <si>
    <t>\\acsfs\profiles$\jonatanls\Downloads\$RECYCLE.BIN\$IFCVMUV.pdf</t>
  </si>
  <si>
    <t>12/31/2019 10:13:31</t>
  </si>
  <si>
    <t>$IMB43KF.pdf</t>
  </si>
  <si>
    <t>\\acsfs\profiles$\jonatanls\Downloads\$RECYCLE.BIN\$IMB43KF.pdf</t>
  </si>
  <si>
    <t>$IB0YK5H.pdf</t>
  </si>
  <si>
    <t>\\acsfs\profiles$\jonatanls\Downloads\$RECYCLE.BIN\$IB0YK5H.pdf</t>
  </si>
  <si>
    <t>12/31/2019 10:15:25</t>
  </si>
  <si>
    <t>663ba433-cd61-4f62-9ddc-7135e77d3c00.tmp</t>
  </si>
  <si>
    <t>\\acsfs\profiles$\ANAPDSB\Downloads\663ba433-cd61-4f62-9ddc-7135e77d3c00.tmp</t>
  </si>
  <si>
    <t>12/31/2019 10:16:57</t>
  </si>
  <si>
    <t>12/31/2019 10:16:14</t>
  </si>
  <si>
    <t>12/31/2019 10:19:36</t>
  </si>
  <si>
    <t>12/31/2019 10:17:14</t>
  </si>
  <si>
    <t>12/31/2019 10:14:53</t>
  </si>
  <si>
    <t>12/31/2019 10:16:54</t>
  </si>
  <si>
    <t>12/31/2019 10:18:47</t>
  </si>
  <si>
    <t>12/31/2019 10:18:32</t>
  </si>
  <si>
    <t>12/31/2019 10:15:44</t>
  </si>
  <si>
    <t>12/31/2019 10:20:36</t>
  </si>
  <si>
    <t>366176d0-70b6-475a-9f82-128a749c0a91.tmp</t>
  </si>
  <si>
    <t>\\acsfs\profiles$\brendadsl\Downloads\366176d0-70b6-475a-9f82-128a749c0a91.tmp</t>
  </si>
  <si>
    <t>12/31/2019 10:16:17</t>
  </si>
  <si>
    <t>780e8199-1c3d-43e9-91db-635755acf338.tmp</t>
  </si>
  <si>
    <t>\\acsfs\profiles$\brendadsl\Downloads\780e8199-1c3d-43e9-91db-635755acf338.tmp</t>
  </si>
  <si>
    <t>12/31/2019 10:16:33</t>
  </si>
  <si>
    <t>2bb8d5a5-0812-4e75-a74f-f0cac107ad7c.tmp</t>
  </si>
  <si>
    <t>\\acsfs\profiles$\brendadsl\Downloads\2bb8d5a5-0812-4e75-a74f-f0cac107ad7c.tmp</t>
  </si>
  <si>
    <t>12/31/2019 10:17:52</t>
  </si>
  <si>
    <t>10.200.58.154</t>
  </si>
  <si>
    <t>74-E6-E2-CE-DE-88</t>
  </si>
  <si>
    <t>NB-LAURAVX</t>
  </si>
  <si>
    <t>lauravx</t>
  </si>
  <si>
    <t>lauravx@algartech.com</t>
  </si>
  <si>
    <t>\\acsfs\Engeset\FINANCEIRO_ULA\FATURAMENTO\08. Relatórios Faturamento\03. 2019\12.2019\</t>
  </si>
  <si>
    <t>RELATÓRIO FATURAMENTO 01.12.2019 A 31.12.2019.xlsx</t>
  </si>
  <si>
    <t>12/31/2019 10:20:12</t>
  </si>
  <si>
    <t>12/31/2019 10:21:36</t>
  </si>
  <si>
    <t>12/31/2019 10:20:42</t>
  </si>
  <si>
    <t>12/31/2019 10:18:00</t>
  </si>
  <si>
    <t>12/31/2019 10:19:02</t>
  </si>
  <si>
    <t>12/31/2019 10:22:14</t>
  </si>
  <si>
    <t>12/31/2019 10:24:36</t>
  </si>
  <si>
    <t>12/31/2019 10:23:14</t>
  </si>
  <si>
    <t>12/31/2019 10:20:53</t>
  </si>
  <si>
    <t>12/31/2019 10:22:54</t>
  </si>
  <si>
    <t>12/31/2019 10:20:22</t>
  </si>
  <si>
    <t>12/31/2019 10:25:36</t>
  </si>
  <si>
    <t>da453bbb-2044-4f2c-96b8-80565db4ad1f.tmp</t>
  </si>
  <si>
    <t>\\acsfs\profiles$\bernardopcm\Downloads\da453bbb-2044-4f2c-96b8-80565db4ad1f.tmp</t>
  </si>
  <si>
    <t>12/31/2019 10:21:12</t>
  </si>
  <si>
    <t>12/31/2019 10:26:36</t>
  </si>
  <si>
    <t>12/31/2019 10:21:42</t>
  </si>
  <si>
    <t>12/31/2019 10:24:11</t>
  </si>
  <si>
    <t>10.200.67.214</t>
  </si>
  <si>
    <t>D0-94-66-B5-5F-36</t>
  </si>
  <si>
    <t>VOTORANT-ABB016</t>
  </si>
  <si>
    <t>12/31/2019 10:23:56</t>
  </si>
  <si>
    <t>12/31/2019 10:27:36</t>
  </si>
  <si>
    <t>10.200.66.189</t>
  </si>
  <si>
    <t>D0-94-66-B5-4E-54</t>
  </si>
  <si>
    <t>VOTORANT-ZB017</t>
  </si>
  <si>
    <t>12/31/2019 10:26:21</t>
  </si>
  <si>
    <t>54233b7d-5efe-4a84-a276-0ecadce6cd62.tmp</t>
  </si>
  <si>
    <t>\\acsfs\profiles$\marcosvnds\Downloads\54233b7d-5efe-4a84-a276-0ecadce6cd62.tmp</t>
  </si>
  <si>
    <t>12/31/2019 10:22:29</t>
  </si>
  <si>
    <t>12/31/2019 10:28:14</t>
  </si>
  <si>
    <t>12/31/2019 10:29:36</t>
  </si>
  <si>
    <t>12/31/2019 10:26:54</t>
  </si>
  <si>
    <t>12/31/2019 10:28:45</t>
  </si>
  <si>
    <t>raicdf@algartech.com</t>
  </si>
  <si>
    <t>mail.google.com/sync/u/0/i/s?hl=pt-BR&amp;c=10</t>
  </si>
  <si>
    <t>23590;</t>
  </si>
  <si>
    <t>12/31/2019 10:28:54</t>
  </si>
  <si>
    <t>12/31/2019 10:28:57</t>
  </si>
  <si>
    <t>mail.google.com/sync/u/0/i/s?hl=pt-BR&amp;c=12</t>
  </si>
  <si>
    <t>andrelpsa@algartech.com;fabianacscg@algartech.com;mirianppb@algartech.com;qualidadealgarbv@algartech.com;supervisaobancovotorantim@algartech.com;talmaiardo@algartech.com;</t>
  </si>
  <si>
    <t>andrelpsa@algartech.com,fabianacscg@algartech.com,mirianppb@algartech.com,qualidadealgarbv@algartech.com,supervisaobancovotorantim@algartech.com,talmaiardo@algartech.com</t>
  </si>
  <si>
    <t>12/31/2019 10:29:01</t>
  </si>
  <si>
    <t>mail.google.com/sync/u/0/i/s?hl=pt-BR&amp;c=14</t>
  </si>
  <si>
    <t>12/31/2019 10:29:48</t>
  </si>
  <si>
    <t>12/31/2019 10:31:37</t>
  </si>
  <si>
    <t>kamillacr</t>
  </si>
  <si>
    <t>\\acsfs\profiles$\kamillacr\My Documents\My Pictures\</t>
  </si>
  <si>
    <t>\\acsfs\profiles$\kamillacr\My Documents\My Videos\desktop.ini</t>
  </si>
  <si>
    <t>12/31/2019 10:29:51</t>
  </si>
  <si>
    <t>\\acsfs\profiles$\kamillacr\My Documents\My Videos\</t>
  </si>
  <si>
    <t>12/31/2019 10:29:52</t>
  </si>
  <si>
    <t>12/31/2019 10:29:53</t>
  </si>
  <si>
    <t>12/31/2019 10:29:54</t>
  </si>
  <si>
    <t>12/31/2019 10:29:56</t>
  </si>
  <si>
    <t>\\acsfs\profiles$\kamillacr\My Documents\My Music\</t>
  </si>
  <si>
    <t>\\acsfs\profiles$\kamillacr\My Documents\My Pictures\desktop.ini</t>
  </si>
  <si>
    <t>12/31/2019 10:29:57</t>
  </si>
  <si>
    <t>12/31/2019 10:29:58</t>
  </si>
  <si>
    <t>12/31/2019 10:29:59</t>
  </si>
  <si>
    <t>12/31/2019 10:30:00</t>
  </si>
  <si>
    <t>\\acsfs\profiles$\kamillacr\Contacts\</t>
  </si>
  <si>
    <t>\\acsfs\profiles$\kamillacr\Contacts\desktop.ini</t>
  </si>
  <si>
    <t>12/31/2019 10:30:01</t>
  </si>
  <si>
    <t>12/31/2019 10:30:02</t>
  </si>
  <si>
    <t>12/31/2019 10:30:03</t>
  </si>
  <si>
    <t>12/31/2019 10:30:05</t>
  </si>
  <si>
    <t>12/31/2019 10:30:07</t>
  </si>
  <si>
    <t>\\acsfs\profiles$\kamillacr\My Documents\</t>
  </si>
  <si>
    <t>\\acsfs\profiles$\kamillacr\Favorites\desktop.ini</t>
  </si>
  <si>
    <t>12/31/2019 10:30:09</t>
  </si>
  <si>
    <t>12/31/2019 10:30:10</t>
  </si>
  <si>
    <t>12/31/2019 10:30:12</t>
  </si>
  <si>
    <t>12/31/2019 10:30:13</t>
  </si>
  <si>
    <t>12/31/2019 10:30:14</t>
  </si>
  <si>
    <t>12/31/2019 10:30:15</t>
  </si>
  <si>
    <t>\\acsfs\profiles$\kamillacr\My Documents\My Music\desktop.ini</t>
  </si>
  <si>
    <t>12/31/2019 10:30:17</t>
  </si>
  <si>
    <t>12/31/2019 10:30:18</t>
  </si>
  <si>
    <t>12/31/2019 10:30:19</t>
  </si>
  <si>
    <t>12/31/2019 10:30:20</t>
  </si>
  <si>
    <t>\\acsfs\profiles$\kamillacr\Searches\</t>
  </si>
  <si>
    <t>\\acsfs\profiles$\kamillacr\Searches\desktop.ini</t>
  </si>
  <si>
    <t>12/31/2019 10:30:21</t>
  </si>
  <si>
    <t>12/31/2019 10:30:22</t>
  </si>
  <si>
    <t>12/31/2019 10:30:23</t>
  </si>
  <si>
    <t>12/31/2019 10:30:24</t>
  </si>
  <si>
    <t>12/31/2019 10:30:25</t>
  </si>
  <si>
    <t>\\acsfs\profiles$\kamillacr\Downloads\</t>
  </si>
  <si>
    <t>\\acsfs\profiles$\kamillacr\Downloads\desktop.ini</t>
  </si>
  <si>
    <t>12/31/2019 10:30:26</t>
  </si>
  <si>
    <t>12/31/2019 10:30:27</t>
  </si>
  <si>
    <t>\\acsfs\profiles$\kamillacr\Favorites\</t>
  </si>
  <si>
    <t>\\acsfs\profiles$\kamillacr\My Documents\desktop.ini</t>
  </si>
  <si>
    <t>12/31/2019 10:30:29</t>
  </si>
  <si>
    <t>12/31/2019 10:30:30</t>
  </si>
  <si>
    <t>12/31/2019 10:30:31</t>
  </si>
  <si>
    <t>12/31/2019 10:30:33</t>
  </si>
  <si>
    <t>12/31/2019 10:30:35</t>
  </si>
  <si>
    <t>\\acsfs\profiles$\kamillacr\Saved Games\desktop.ini</t>
  </si>
  <si>
    <t>12/31/2019 10:30:36</t>
  </si>
  <si>
    <t>12/31/2019 10:30:59</t>
  </si>
  <si>
    <t>winrt--{S-1-5-21-602162358-764733703-839522115-352953}-.searchconnector-ms</t>
  </si>
  <si>
    <t>\\acsfs\profiles$\kamillacr\Searches\winrt--{S-1-5-21-602162358-764733703-839522115-352953}-.searchconnector-ms</t>
  </si>
  <si>
    <t>12/31/2019 10:31:49</t>
  </si>
  <si>
    <t>12/31/2019 10:32:36</t>
  </si>
  <si>
    <t>12/31/2019 10:32:10</t>
  </si>
  <si>
    <t>12/31/2019 10:29:14</t>
  </si>
  <si>
    <t>12/31/2019 10:34:36</t>
  </si>
  <si>
    <t>12/31/2019 10:29:18</t>
  </si>
  <si>
    <t>mail.google.com/sync/u/0/i/s?hl=pt-BR&amp;c=16</t>
  </si>
  <si>
    <t>pdf;</t>
  </si>
  <si>
    <t>pdf</t>
  </si>
  <si>
    <t>12/31/2019 10:31:03</t>
  </si>
  <si>
    <t>mail.google.com/sync/u/0/i/s?hl=pt-BR&amp;c=20</t>
  </si>
  <si>
    <t>12/31/2019 10:31:09</t>
  </si>
  <si>
    <t>mail.google.com/sync/u/0/i/s?hl=pt-BR&amp;c=22</t>
  </si>
  <si>
    <t>12/31/2019 10:31:19</t>
  </si>
  <si>
    <t>mail.google.com/sync/u/0/i/s?hl=pt-BR&amp;c=24</t>
  </si>
  <si>
    <t>12/31/2019 10:31:33</t>
  </si>
  <si>
    <t>mail.google.com/sync/u/0/i/s?hl=pt-BR&amp;c=26</t>
  </si>
  <si>
    <t>andrelpsa@algartech.com;eliane.martins@bv.com.br;flora.lira@bv.com.br;jose.gomes@bv.com.br;luciene.ssilva@bv.com.br;renata.farina@bv.com.br;supervisaobancovotorantim@algartech.com;</t>
  </si>
  <si>
    <t>andrelpsa@algartech.com,eliane.martins@bv.com.br,flora.lira@bv.com.br,jose.gomes@bv.com.br,luciene.ssilva@bv.com.br,renata.farina@bv.com.br,supervisaobancovotorantim@algartech.com</t>
  </si>
  <si>
    <t>12/31/2019 10:31:55</t>
  </si>
  <si>
    <t>mail.google.com/sync/u/0/i/s?hl=pt-BR&amp;c=30</t>
  </si>
  <si>
    <t>12/31/2019 10:31:59</t>
  </si>
  <si>
    <t>mail.google.com/sync/u/0/i/s?hl=pt-BR&amp;c=32</t>
  </si>
  <si>
    <t>12/31/2019 10:32:54</t>
  </si>
  <si>
    <t>12/31/2019 10:32:49</t>
  </si>
  <si>
    <t>12/31/2019 10:35:36</t>
  </si>
  <si>
    <t>12/31/2019 10:34:03</t>
  </si>
  <si>
    <t>10.200.66.80</t>
  </si>
  <si>
    <t>D0-94-66-B5-48-0A</t>
  </si>
  <si>
    <t>VOTORANT-ZB013</t>
  </si>
  <si>
    <t>12/31/2019 10:35:28</t>
  </si>
  <si>
    <t>12/31/2019 10:36:36</t>
  </si>
  <si>
    <t>1f7efcc3-5067-4e66-b977-104edf2cf5eb.tmp</t>
  </si>
  <si>
    <t>\\acsfs\profiles$\alinepp\Downloads\1f7efcc3-5067-4e66-b977-104edf2cf5eb.tmp</t>
  </si>
  <si>
    <t>12/31/2019 10:31:52</t>
  </si>
  <si>
    <t>12/31/2019 10:36:38</t>
  </si>
  <si>
    <t>12/31/2019 10:37:36</t>
  </si>
  <si>
    <t>12/31/2019 10:34:28</t>
  </si>
  <si>
    <t>12/31/2019 10:35:17</t>
  </si>
  <si>
    <t>12/31/2019 10:33:12</t>
  </si>
  <si>
    <t>12/31/2019 10:38:36</t>
  </si>
  <si>
    <t>12/31/2019 10:34:14</t>
  </si>
  <si>
    <t>12/31/2019 10:39:36</t>
  </si>
  <si>
    <t>12/31/2019 10:35:14</t>
  </si>
  <si>
    <t>12/31/2019 10:34:54</t>
  </si>
  <si>
    <t>12/31/2019 10:35:35</t>
  </si>
  <si>
    <t>mail.google.com/sync/u/0/i/s?hl=pt-BR&amp;c=36</t>
  </si>
  <si>
    <t>12/31/2019 10:35:46</t>
  </si>
  <si>
    <t>mail.google.com/sync/u/0/i/s?hl=pt-BR&amp;c=40</t>
  </si>
  <si>
    <t>12/31/2019 10:35:52</t>
  </si>
  <si>
    <t>mail.google.com/sync/u/0/i/s?hl=pt-BR&amp;c=42</t>
  </si>
  <si>
    <t>12/31/2019 10:35:53</t>
  </si>
  <si>
    <t>12/31/2019 10:35:56</t>
  </si>
  <si>
    <t>mail.google.com/sync/u/0/i/s?hl=pt-BR&amp;c=44</t>
  </si>
  <si>
    <t>12/31/2019 10:38:57</t>
  </si>
  <si>
    <t>12/31/2019 10:40:36</t>
  </si>
  <si>
    <t>12/31/2019 10:36:57</t>
  </si>
  <si>
    <t>nathaliarmr</t>
  </si>
  <si>
    <t>\\acsfs\profiles$\nathaliarmr\Downloads\</t>
  </si>
  <si>
    <t>5ecaef99-952f-404b-938b-66c24dc86713.tmp</t>
  </si>
  <si>
    <t>\\acsfs\profiles$\nathaliarmr\Downloads\5ecaef99-952f-404b-938b-66c24dc86713.tmp</t>
  </si>
  <si>
    <t>12/31/2019 10:38:35</t>
  </si>
  <si>
    <t>f59acde5-4724-4407-84c9-eaff580cb923.tmp</t>
  </si>
  <si>
    <t>\\acsfs\profiles$\nathaliarmr\Downloads\f59acde5-4724-4407-84c9-eaff580cb923.tmp</t>
  </si>
  <si>
    <t>12/31/2019 10:40:42</t>
  </si>
  <si>
    <t>12/31/2019 10:41:36</t>
  </si>
  <si>
    <t>12/31/2019 10:38:05</t>
  </si>
  <si>
    <t>12/31/2019 10:40:14</t>
  </si>
  <si>
    <t>12/31/2019 10:42:36</t>
  </si>
  <si>
    <t>10.200.67.27</t>
  </si>
  <si>
    <t>74-86-7A-FD-D8-68</t>
  </si>
  <si>
    <t>VOTORANT-WB016</t>
  </si>
  <si>
    <t>5c8dd64c-9b70-44cc-879c-5331a0eb2025.tmp</t>
  </si>
  <si>
    <t>\\acsfs\profiles$\regisedsj\Downloads\5c8dd64c-9b70-44cc-879c-5331a0eb2025.tmp</t>
  </si>
  <si>
    <t>12/31/2019 10:40:16</t>
  </si>
  <si>
    <t>4b4edc54-2fea-4fa6-8a12-771f809c4690.tmp</t>
  </si>
  <si>
    <t>\\acsfs\profiles$\regisedsj\Downloads\4b4edc54-2fea-4fa6-8a12-771f809c4690.tmp</t>
  </si>
  <si>
    <t>12/31/2019 10:40:43</t>
  </si>
  <si>
    <t>Q29udHJvbGxlci5QYXl3YXJlXzEtMg-- (25).ica</t>
  </si>
  <si>
    <t>\\acsfs\profiles$\regisedsj\Downloads\Q29udHJvbGxlci5QYXl3YXJlXzEtMg-- (25).ica</t>
  </si>
  <si>
    <t>12/31/2019 10:41:07</t>
  </si>
  <si>
    <t>\\acsfs\profiles$\regisedsj\Downloads\Q29udHJvbGxlci5DYWxjdWxhZG9yYURlVmVuY2lt (22).ica</t>
  </si>
  <si>
    <t>12/31/2019 10:40:41</t>
  </si>
  <si>
    <t>12/31/2019 10:43:36</t>
  </si>
  <si>
    <t>69e4b8a4-c115-44a0-b223-ac8cd5c1f7fc.tmp</t>
  </si>
  <si>
    <t>\\acsfs\profiles$\ingridsm\Downloads\69e4b8a4-c115-44a0-b223-ac8cd5c1f7fc.tmp</t>
  </si>
  <si>
    <t>12/31/2019 10:40:49</t>
  </si>
  <si>
    <t>b703ed89-d51d-49f5-a0e5-7e7dec016db5.tmp</t>
  </si>
  <si>
    <t>\\acsfs\profiles$\ingridsm\Downloads\b703ed89-d51d-49f5-a0e5-7e7dec016db5.tmp</t>
  </si>
  <si>
    <t>12/31/2019 10:44:36</t>
  </si>
  <si>
    <t>12/31/2019 10:41:14</t>
  </si>
  <si>
    <t>12/31/2019 10:43:14</t>
  </si>
  <si>
    <t>12/31/2019 10:45:36</t>
  </si>
  <si>
    <t>12/31/2019 10:42:13</t>
  </si>
  <si>
    <t>12/31/2019 10:42:18</t>
  </si>
  <si>
    <t>12/31/2019 10:41:12</t>
  </si>
  <si>
    <t>12/31/2019 10:46:36</t>
  </si>
  <si>
    <t>12/31/2019 10:41:42</t>
  </si>
  <si>
    <t>12/31/2019 10:42:12</t>
  </si>
  <si>
    <t>12/31/2019 10:42:42</t>
  </si>
  <si>
    <t>12/31/2019 10:43:12</t>
  </si>
  <si>
    <t>12/31/2019 10:44:42</t>
  </si>
  <si>
    <t>12/31/2019 10:44:29</t>
  </si>
  <si>
    <t>12/31/2019 10:45:49</t>
  </si>
  <si>
    <t>12/31/2019 10:43:38</t>
  </si>
  <si>
    <t>12/31/2019 10:47:36</t>
  </si>
  <si>
    <t>e5adf7b3-5665-4cb2-aeb2-9c046c73438d.tmp</t>
  </si>
  <si>
    <t>\\acsfs\profiles$\marcosvnds\Downloads\e5adf7b3-5665-4cb2-aeb2-9c046c73438d.tmp</t>
  </si>
  <si>
    <t>12/31/2019 10:43:02</t>
  </si>
  <si>
    <t>7e924350-8ec6-427a-8850-3f7785eb545b.tmp</t>
  </si>
  <si>
    <t>\\acsfs\profiles$\regisedsj\Downloads\7e924350-8ec6-427a-8850-3f7785eb545b.tmp</t>
  </si>
  <si>
    <t>12/31/2019 10:47:21</t>
  </si>
  <si>
    <t>12/31/2019 10:48:36</t>
  </si>
  <si>
    <t>12/31/2019 10:47:26</t>
  </si>
  <si>
    <t>72a20887-024b-4006-97f7-bd54e70f19a1.tmp</t>
  </si>
  <si>
    <t>\\acsfs\profiles$\georgendsq\Downloads\72a20887-024b-4006-97f7-bd54e70f19a1.tmp</t>
  </si>
  <si>
    <t>12/31/2019 10:46:14</t>
  </si>
  <si>
    <t>12/31/2019 10:49:36</t>
  </si>
  <si>
    <t>12/31/2019 10:47:14</t>
  </si>
  <si>
    <t>12/31/2019 10:46:57</t>
  </si>
  <si>
    <t>12/31/2019 10:50:37</t>
  </si>
  <si>
    <t>b6a1d2c6-748d-43e1-88cf-d2678179b53c.tmp</t>
  </si>
  <si>
    <t>\\acsfs\profiles$\bernardopcm\Downloads\b6a1d2c6-748d-43e1-88cf-d2678179b53c.tmp</t>
  </si>
  <si>
    <t>12/31/2019 10:49:22</t>
  </si>
  <si>
    <t>96a0d4c2-6960-42a0-ae34-c67535deddf1.tmp</t>
  </si>
  <si>
    <t>\\acsfs\profiles$\cintiadcf\Downloads\96a0d4c2-6960-42a0-ae34-c67535deddf1.tmp</t>
  </si>
  <si>
    <t>12/31/2019 10:46:56</t>
  </si>
  <si>
    <t>12/31/2019 10:52:36</t>
  </si>
  <si>
    <t>0d3b1bad-1d6c-4acf-9070-5fbdc001168f.tmp</t>
  </si>
  <si>
    <t>\\acsfs\profiles$\deboraaa\Downloads\0d3b1bad-1d6c-4acf-9070-5fbdc001168f.tmp</t>
  </si>
  <si>
    <t>12/31/2019 10:51:18</t>
  </si>
  <si>
    <t>12/31/2019 10:53:37</t>
  </si>
  <si>
    <t>12/31/2019 10:52:15</t>
  </si>
  <si>
    <t>12/31/2019 10:54:36</t>
  </si>
  <si>
    <t>12/31/2019 10:53:14</t>
  </si>
  <si>
    <t>12/31/2019 10:54:25</t>
  </si>
  <si>
    <t>12/31/2019 10:55:37</t>
  </si>
  <si>
    <t>4eb10484-129f-4727-8076-323bae181d5d.tmp</t>
  </si>
  <si>
    <t>\\acsfs\profiles$\cintiadcf\Downloads\4eb10484-129f-4727-8076-323bae181d5d.tmp</t>
  </si>
  <si>
    <t>12/31/2019 10:55:03</t>
  </si>
  <si>
    <t>12/31/2019 10:56:36</t>
  </si>
  <si>
    <t>12/31/2019 10:54:15</t>
  </si>
  <si>
    <t>12/31/2019 10:57:36</t>
  </si>
  <si>
    <t>ce1820c2-19b7-47ad-8cd4-794da0f008f5.tmp</t>
  </si>
  <si>
    <t>\\acsfs\profiles$\marcellewdl\Downloads\ce1820c2-19b7-47ad-8cd4-794da0f008f5.tmp</t>
  </si>
  <si>
    <t>12/31/2019 10:58:14</t>
  </si>
  <si>
    <t>12/31/2019 10:59:36</t>
  </si>
  <si>
    <t>12/31/2019 11:02:37</t>
  </si>
  <si>
    <t>12/31/2019 10:58:59</t>
  </si>
  <si>
    <t>12/31/2019 10:58:30</t>
  </si>
  <si>
    <t>12/31/2019 10:58:33</t>
  </si>
  <si>
    <t>12/31/2019 10:59:14</t>
  </si>
  <si>
    <t>12/31/2019 11:04:37</t>
  </si>
  <si>
    <t>12/31/2019 11:03:43</t>
  </si>
  <si>
    <t>12/31/2019 11:05:36</t>
  </si>
  <si>
    <t>524edb8f-3f79-4e88-ae3d-86581cf8dc9d.tmp</t>
  </si>
  <si>
    <t>\\acsfs\profiles$\andressagr\Downloads\524edb8f-3f79-4e88-ae3d-86581cf8dc9d.tmp</t>
  </si>
  <si>
    <t>12/31/2019 11:04:13</t>
  </si>
  <si>
    <t>12/31/2019 11:03:18</t>
  </si>
  <si>
    <t>12/31/2019 11:06:36</t>
  </si>
  <si>
    <t>12/31/2019 11:06:07</t>
  </si>
  <si>
    <t>12/31/2019 11:07:36</t>
  </si>
  <si>
    <t>12/31/2019 11:06:08</t>
  </si>
  <si>
    <t>12/31/2019 11:06:09</t>
  </si>
  <si>
    <t>12/31/2019 11:06:10</t>
  </si>
  <si>
    <t>12/31/2019 11:06:12</t>
  </si>
  <si>
    <t>12/31/2019 11:06:13</t>
  </si>
  <si>
    <t>12/31/2019 11:08:36</t>
  </si>
  <si>
    <t>12/31/2019 11:06:20</t>
  </si>
  <si>
    <t>12/31/2019 11:06:21</t>
  </si>
  <si>
    <t>12/31/2019 11:06:23</t>
  </si>
  <si>
    <t>12/31/2019 11:06:25</t>
  </si>
  <si>
    <t>12/31/2019 11:08:24</t>
  </si>
  <si>
    <t>12/31/2019 11:04:14</t>
  </si>
  <si>
    <t>12/31/2019 11:09:37</t>
  </si>
  <si>
    <t>12/31/2019 11:05:14</t>
  </si>
  <si>
    <t>12/31/2019 11:09:39</t>
  </si>
  <si>
    <t>12/31/2019 11:10:36</t>
  </si>
  <si>
    <t>\\acsfs\profiles$\stefaniasdf\Favorites\TTV.url\</t>
  </si>
  <si>
    <t>\\acsfs\profiles$\stefaniasdf\Favorites\TTV.url\:favicon:$DATA</t>
  </si>
  <si>
    <t>TTV.url</t>
  </si>
  <si>
    <t>\\acsfs\profiles$\stefaniasdf\Favorites\TTV.url</t>
  </si>
  <si>
    <t>12/31/2019 11:06:30</t>
  </si>
  <si>
    <t>12/31/2019 11:11:37</t>
  </si>
  <si>
    <t>12/31/2019 11:11:55</t>
  </si>
  <si>
    <t>12/31/2019 11:12:37</t>
  </si>
  <si>
    <t>12/31/2019 11:10:14</t>
  </si>
  <si>
    <t>12/31/2019 11:14:37</t>
  </si>
  <si>
    <t>12/31/2019 11:11:14</t>
  </si>
  <si>
    <t>12/31/2019 11:12:20</t>
  </si>
  <si>
    <t>12/31/2019 11:16:36</t>
  </si>
  <si>
    <t>12/31/2019 11:14:32</t>
  </si>
  <si>
    <t>12/31/2019 11:17:36</t>
  </si>
  <si>
    <t>98a4ab6f-6527-4566-972e-068ed0ae5654.tmp</t>
  </si>
  <si>
    <t>\\acsfs\profiles$\regisedsj\Downloads\98a4ab6f-6527-4566-972e-068ed0ae5654.tmp</t>
  </si>
  <si>
    <t>12/31/2019 11:15:45</t>
  </si>
  <si>
    <t>12/31/2019 11:19:36</t>
  </si>
  <si>
    <t>12/31/2019 11:16:15</t>
  </si>
  <si>
    <t>12/31/2019 11:17:15</t>
  </si>
  <si>
    <t>12/31/2019 11:19:58</t>
  </si>
  <si>
    <t>12/31/2019 11:20:37</t>
  </si>
  <si>
    <t>12/31/2019 11:18:59</t>
  </si>
  <si>
    <t>12/31/2019 11:22:37</t>
  </si>
  <si>
    <t>alessandraan@bv.algartech.com</t>
  </si>
  <si>
    <t>https://udpmailboxap01/h/search?si=0&amp;so=0&amp;sc=58166&amp;sfi=2&amp;st=message&amp;action=compose&amp;paction=view</t>
  </si>
  <si>
    <t>12/31/2019 11:19:29</t>
  </si>
  <si>
    <t>12/31/2019 11:21:59</t>
  </si>
  <si>
    <t>12/31/2019 11:17:29</t>
  </si>
  <si>
    <t>12/31/2019 11:17:55</t>
  </si>
  <si>
    <t>12/31/2019 11:23:36</t>
  </si>
  <si>
    <t>12/31/2019 11:19:43</t>
  </si>
  <si>
    <t>12/31/2019 11:22:15</t>
  </si>
  <si>
    <t>12/31/2019 11:24:36</t>
  </si>
  <si>
    <t>12/31/2019 11:23:15</t>
  </si>
  <si>
    <t>12/31/2019 11:20:51</t>
  </si>
  <si>
    <t>12/31/2019 11:25:37</t>
  </si>
  <si>
    <t>12/31/2019 11:22:29</t>
  </si>
  <si>
    <t>12/31/2019 11:27:36</t>
  </si>
  <si>
    <t>12/31/2019 11:22:47</t>
  </si>
  <si>
    <t>e0e8a8d1-748a-45c5-9c2a-1f6a0e6736df.tmp</t>
  </si>
  <si>
    <t>\\acsfs\profiles$\gabrielamdp\Downloads\e0e8a8d1-748a-45c5-9c2a-1f6a0e6736df.tmp</t>
  </si>
  <si>
    <t>12/31/2019 11:22:59</t>
  </si>
  <si>
    <t>gustavodsil@algartech.com;</t>
  </si>
  <si>
    <t>https://gustavodsil@algartech.com</t>
  </si>
  <si>
    <t>12/31/2019 11:24:59</t>
  </si>
  <si>
    <t>12/31/2019 11:25:07</t>
  </si>
  <si>
    <t>12/31/2019 11:23:55</t>
  </si>
  <si>
    <t>12/31/2019 11:28:36</t>
  </si>
  <si>
    <t>12/31/2019 11:23:51</t>
  </si>
  <si>
    <t>12/31/2019 11:24:40</t>
  </si>
  <si>
    <t>12/31/2019 11:28:15</t>
  </si>
  <si>
    <t>12/31/2019 11:29:36</t>
  </si>
  <si>
    <t>12/31/2019 11:27:55</t>
  </si>
  <si>
    <t>10.200.60.162</t>
  </si>
  <si>
    <t>54-BF-64-F5-7E-B6</t>
  </si>
  <si>
    <t>NB-RONANSDM</t>
  </si>
  <si>
    <t>ronansdm</t>
  </si>
  <si>
    <t>mail.google.com/_/upload?authuser=0&amp;dcp=asu-n&amp;upload_id=AEnB2Uob8YMg3KEs-cRCAgnr-C2aAcMuylMJsAUd1oCpPHdPrUdvCmcyS-jjX1dJpEe2Q20MIganTuhV2TXY2RqeWOwivBXnkg&amp;upload_protocol=resumable</t>
  </si>
  <si>
    <t>C:\Users\ronansdm\Desktop\</t>
  </si>
  <si>
    <t>Dek 9020 Bradesco.xlsx</t>
  </si>
  <si>
    <t>12/31/2019 11:28:35</t>
  </si>
  <si>
    <t>12/31/2019 11:31:36</t>
  </si>
  <si>
    <t>f00d91c1-eb29-4ee6-b9c1-d9fed50186ae.tmp</t>
  </si>
  <si>
    <t>\\acsfs\profiles$\larissaad\Downloads\f00d91c1-eb29-4ee6-b9c1-d9fed50186ae.tmp</t>
  </si>
  <si>
    <t>12/31/2019 11:30:05</t>
  </si>
  <si>
    <t>12/31/2019 11:32:37</t>
  </si>
  <si>
    <t>12/31/2019 11:30:46</t>
  </si>
  <si>
    <t>ebca7a8c-5ace-4833-8f96-ac57257ccaec.tmp</t>
  </si>
  <si>
    <t>\\acsfs\profiles$\dhiulliananads\Downloads\ebca7a8c-5ace-4833-8f96-ac57257ccaec.tmp</t>
  </si>
  <si>
    <t>12/31/2019 11:29:55</t>
  </si>
  <si>
    <t>12/31/2019 11:33:36</t>
  </si>
  <si>
    <t>12/31/2019 11:32:48</t>
  </si>
  <si>
    <t>12/31/2019 11:29:19</t>
  </si>
  <si>
    <t>50cc4793-258a-4f90-90ca-2e2085b4e8bb.tmp</t>
  </si>
  <si>
    <t>\\acsfs\profiles$\ingridsm\Downloads\50cc4793-258a-4f90-90ca-2e2085b4e8bb.tmp</t>
  </si>
  <si>
    <t>12/31/2019 11:31:27</t>
  </si>
  <si>
    <t>12/31/2019 11:31:32</t>
  </si>
  <si>
    <t>12/31/2019 11:29:15</t>
  </si>
  <si>
    <t>12/31/2019 11:34:36</t>
  </si>
  <si>
    <t>12/31/2019 11:32:30</t>
  </si>
  <si>
    <t>12/31/2019 11:35:37</t>
  </si>
  <si>
    <t>12/31/2019 11:34:05</t>
  </si>
  <si>
    <t>12/31/2019 11:32:43</t>
  </si>
  <si>
    <t>12/31/2019 11:36:36</t>
  </si>
  <si>
    <t>philipegsf</t>
  </si>
  <si>
    <t>\\acsfs\profiles$\philipegsf\Downloads\</t>
  </si>
  <si>
    <t>03dd5d0f-50b0-4ee7-9bd1-e82c77976fe8.tmp</t>
  </si>
  <si>
    <t>\\acsfs\profiles$\philipegsf\Downloads\03dd5d0f-50b0-4ee7-9bd1-e82c77976fe8.tmp</t>
  </si>
  <si>
    <t>12/31/2019 11:31:39</t>
  </si>
  <si>
    <t>12/31/2019 11:36:47</t>
  </si>
  <si>
    <t>12/31/2019 11:37:36</t>
  </si>
  <si>
    <t>98b2125f-f193-4cef-b1ea-693857281635;</t>
  </si>
  <si>
    <t>https://lurker.olx.com.br/track?defaultevent=true</t>
  </si>
  <si>
    <t>https://lurker.olx.com.br/track</t>
  </si>
  <si>
    <t>12/31/2019 11:37:02</t>
  </si>
  <si>
    <t>12/31/2019 11:37:03</t>
  </si>
  <si>
    <t>12/31/2019 11:37:06</t>
  </si>
  <si>
    <t>12/31/2019 11:37:07</t>
  </si>
  <si>
    <t>12/31/2019 11:35:55</t>
  </si>
  <si>
    <t>12/31/2019 11:38:36</t>
  </si>
  <si>
    <t>12/31/2019 11:34:15</t>
  </si>
  <si>
    <t>12/31/2019 11:39:36</t>
  </si>
  <si>
    <t>12/31/2019 11:35:15</t>
  </si>
  <si>
    <t>12/31/2019 11:34:50</t>
  </si>
  <si>
    <t>COORD DE SUPORTE BPO-ESPECIALISTAS</t>
  </si>
  <si>
    <t>10.200.39.116</t>
  </si>
  <si>
    <t>54-BF-64-F4-AD-AA</t>
  </si>
  <si>
    <t>NB-FABRICIOVS</t>
  </si>
  <si>
    <t>fabriciovs</t>
  </si>
  <si>
    <t>fabriciovs@algartech.com</t>
  </si>
  <si>
    <t>mail.google.com/_/upload?authuser=0&amp;dcp=asu-n&amp;upload_id=AEnB2Uq9Ej4qczjKDkDWLyGEMzedmJjAAdBr806dYdLZNsWUxEVuPtq-zukTY4DNbcbYCX_fwOUuNMgoNPgcUgDPzA-AYIigig&amp;upload_protocol=resumable</t>
  </si>
  <si>
    <t>cristiane.araujo@cscalgar.com.br;dannyella.rodrigues@cscalgar.com.br;</t>
  </si>
  <si>
    <t>D:\AlgarTech\Planejamento_Engenharia\BPO\Upgrade SSD - Maquinas\</t>
  </si>
  <si>
    <t>Dek 9020 Bradesco - 1100 Upgrade SSD.xlsx</t>
  </si>
  <si>
    <t>cristiane.araujo@cscalgar.com.br,dannyella.rodrigues@cscalgar.com.br</t>
  </si>
  <si>
    <t>12/31/2019 11:35:57</t>
  </si>
  <si>
    <t>12/31/2019 11:41:36</t>
  </si>
  <si>
    <t>ab0a2f64-ccb8-48e7-bfb1-97f661a355e1.tmp</t>
  </si>
  <si>
    <t>\\acsfs\profiles$\philipegsf\Downloads\ab0a2f64-ccb8-48e7-bfb1-97f661a355e1.tmp</t>
  </si>
  <si>
    <t>12/31/2019 11:40:03</t>
  </si>
  <si>
    <t>6ed7e5db-9f1b-4e66-8c0e-3ee982cfb59a.tmp</t>
  </si>
  <si>
    <t>\\acsfs\profiles$\philipegsf\Downloads\6ed7e5db-9f1b-4e66-8c0e-3ee982cfb59a.tmp</t>
  </si>
  <si>
    <t>12/31/2019 11:36:44</t>
  </si>
  <si>
    <t>12/31/2019 11:37:53</t>
  </si>
  <si>
    <t>12/31/2019 11:42:36</t>
  </si>
  <si>
    <t>12/31/2019 11:40:33</t>
  </si>
  <si>
    <t>dd1f09cd-b8ea-4ac1-8b63-f06fbf9c4d0e.tmp</t>
  </si>
  <si>
    <t>\\acsfs\profiles$\gabrielamdp\Downloads\dd1f09cd-b8ea-4ac1-8b63-f06fbf9c4d0e.tmp</t>
  </si>
  <si>
    <t>12/31/2019 11:37:10</t>
  </si>
  <si>
    <t>12/31/2019 11:37:15</t>
  </si>
  <si>
    <t>12/31/2019 11:37:17</t>
  </si>
  <si>
    <t>12/31/2019 11:37:18</t>
  </si>
  <si>
    <t>12/31/2019 11:37:21</t>
  </si>
  <si>
    <t>12/31/2019 11:37:22</t>
  </si>
  <si>
    <t>12/31/2019 11:37:25</t>
  </si>
  <si>
    <t>12/31/2019 11:43:37</t>
  </si>
  <si>
    <t>12/31/2019 11:37:26</t>
  </si>
  <si>
    <t>12/31/2019 11:37:27</t>
  </si>
  <si>
    <t>12/31/2019 11:37:28</t>
  </si>
  <si>
    <t>12/31/2019 11:41:55</t>
  </si>
  <si>
    <t>12/31/2019 11:37:33</t>
  </si>
  <si>
    <t>12/31/2019 11:37:47</t>
  </si>
  <si>
    <t>12/31/2019 11:37:55</t>
  </si>
  <si>
    <t>12/31/2019 11:40:09</t>
  </si>
  <si>
    <t>12/31/2019 11:41:48</t>
  </si>
  <si>
    <t>\\acsfs\DEPTOS\Operacao\Banco_Votorantim\Comum\00 - COMUM - BV CARTÕES\</t>
  </si>
  <si>
    <t>.~lock.BANCO DE DADOS - ATUALIZADO.xlsx#</t>
  </si>
  <si>
    <t>\\acsfs\DEPTOS\Operacao\Banco_Votorantim\Comum\00 - COMUM - BV CARTÕES\.~lock.BANCO DE DADOS - ATUALIZADO.xlsx#</t>
  </si>
  <si>
    <t>12/31/2019 11:38:00</t>
  </si>
  <si>
    <t>12/31/2019 11:38:01</t>
  </si>
  <si>
    <t>12/31/2019 11:38:02</t>
  </si>
  <si>
    <t>12/31/2019 11:38:03</t>
  </si>
  <si>
    <t>12/31/2019 11:38:04</t>
  </si>
  <si>
    <t>12/31/2019 11:42:47</t>
  </si>
  <si>
    <t>.~lock.Contato Reneg Vencimento 20-12.xls#</t>
  </si>
  <si>
    <t>\\acsfs\profiles$\CLAUDIAJCA\.~lock.Contato Reneg Vencimento 20-12.xls#</t>
  </si>
  <si>
    <t>12/31/2019 11:42:48</t>
  </si>
  <si>
    <t>lu2106017rhyo.tmp</t>
  </si>
  <si>
    <t>\\acsfs\profiles$\CLAUDIAJCA\lu2106017rhyo.tmp</t>
  </si>
  <si>
    <t>12/31/2019 11:43:29</t>
  </si>
  <si>
    <t>12/31/2019 11:40:15</t>
  </si>
  <si>
    <t>12/31/2019 11:44:37</t>
  </si>
  <si>
    <t>12/31/2019 11:41:15</t>
  </si>
  <si>
    <t>12/31/2019 11:42:42</t>
  </si>
  <si>
    <t>12/31/2019 11:45:36</t>
  </si>
  <si>
    <t>12/31/2019 11:43:14</t>
  </si>
  <si>
    <t>12/31/2019 11:46:37</t>
  </si>
  <si>
    <t>jalilebds</t>
  </si>
  <si>
    <t>\\acsfs\profiles$\jalilebds\My Documents\My Pictures\</t>
  </si>
  <si>
    <t>\\acsfs\profiles$\jalilebds\My Documents\My Videos\desktop.ini</t>
  </si>
  <si>
    <t>12/31/2019 11:43:18</t>
  </si>
  <si>
    <t>\\acsfs\profiles$\jalilebds\My Documents\My Videos\</t>
  </si>
  <si>
    <t>12/31/2019 11:43:19</t>
  </si>
  <si>
    <t>12/31/2019 11:43:20</t>
  </si>
  <si>
    <t>12/31/2019 11:43:21</t>
  </si>
  <si>
    <t>12/31/2019 11:43:22</t>
  </si>
  <si>
    <t>\\acsfs\profiles$\jalilebds\My Documents\My Music\</t>
  </si>
  <si>
    <t>\\acsfs\profiles$\jalilebds\My Documents\My Pictures\desktop.ini</t>
  </si>
  <si>
    <t>12/31/2019 11:43:25</t>
  </si>
  <si>
    <t>12/31/2019 11:43:26</t>
  </si>
  <si>
    <t>12/31/2019 11:43:27</t>
  </si>
  <si>
    <t>12/31/2019 11:43:28</t>
  </si>
  <si>
    <t>12/31/2019 11:43:30</t>
  </si>
  <si>
    <t>\\acsfs\profiles$\jalilebds\Contacts\</t>
  </si>
  <si>
    <t>\\acsfs\profiles$\jalilebds\Contacts\desktop.ini</t>
  </si>
  <si>
    <t>12/31/2019 11:43:31</t>
  </si>
  <si>
    <t>12/31/2019 11:43:33</t>
  </si>
  <si>
    <t>12/31/2019 11:43:34</t>
  </si>
  <si>
    <t>12/31/2019 11:43:35</t>
  </si>
  <si>
    <t>12/31/2019 11:43:36</t>
  </si>
  <si>
    <t>12/31/2019 11:43:39</t>
  </si>
  <si>
    <t>\\acsfs\profiles$\jalilebds\My Documents\</t>
  </si>
  <si>
    <t>\\acsfs\profiles$\jalilebds\Favorites\desktop.ini</t>
  </si>
  <si>
    <t>12/31/2019 11:43:40</t>
  </si>
  <si>
    <t>12/31/2019 11:43:41</t>
  </si>
  <si>
    <t>12/31/2019 11:43:42</t>
  </si>
  <si>
    <t>12/31/2019 11:43:44</t>
  </si>
  <si>
    <t>12/31/2019 11:43:46</t>
  </si>
  <si>
    <t>12/31/2019 11:43:48</t>
  </si>
  <si>
    <t>\\acsfs\profiles$\jalilebds\My Documents\My Music\desktop.ini</t>
  </si>
  <si>
    <t>12/31/2019 11:43:49</t>
  </si>
  <si>
    <t>12/31/2019 11:43:50</t>
  </si>
  <si>
    <t>12/31/2019 11:43:52</t>
  </si>
  <si>
    <t>\\acsfs\profiles$\jalilebds\Searches\</t>
  </si>
  <si>
    <t>\\acsfs\profiles$\jalilebds\Searches\desktop.ini</t>
  </si>
  <si>
    <t>12/31/2019 11:43:53</t>
  </si>
  <si>
    <t>12/31/2019 11:43:55</t>
  </si>
  <si>
    <t>12/31/2019 11:43:56</t>
  </si>
  <si>
    <t>12/31/2019 11:43:57</t>
  </si>
  <si>
    <t>\\acsfs\profiles$\jalilebds\Downloads\</t>
  </si>
  <si>
    <t>\\acsfs\profiles$\jalilebds\Downloads\desktop.ini</t>
  </si>
  <si>
    <t>12/31/2019 11:43:58</t>
  </si>
  <si>
    <t>12/31/2019 11:44:00</t>
  </si>
  <si>
    <t>\\acsfs\profiles$\jalilebds\Favorites\</t>
  </si>
  <si>
    <t>\\acsfs\profiles$\jalilebds\My Documents\desktop.ini</t>
  </si>
  <si>
    <t>12/31/2019 11:44:01</t>
  </si>
  <si>
    <t>12/31/2019 11:44:02</t>
  </si>
  <si>
    <t>12/31/2019 11:44:03</t>
  </si>
  <si>
    <t>12/31/2019 11:44:04</t>
  </si>
  <si>
    <t>12/31/2019 11:44:05</t>
  </si>
  <si>
    <t>12/31/2019 11:44:06</t>
  </si>
  <si>
    <t>\\acsfs\profiles$\jalilebds\Saved Games\desktop.ini</t>
  </si>
  <si>
    <t>12/31/2019 11:44:07</t>
  </si>
  <si>
    <t>12/31/2019 11:43:08</t>
  </si>
  <si>
    <t>12/31/2019 11:48:36</t>
  </si>
  <si>
    <t>12/31/2019 11:44:58</t>
  </si>
  <si>
    <t>12/31/2019 11:45:00</t>
  </si>
  <si>
    <t>12/31/2019 11:45:06</t>
  </si>
  <si>
    <t>12/31/2019 11:45:07</t>
  </si>
  <si>
    <t>12/31/2019 11:45:12</t>
  </si>
  <si>
    <t>12/31/2019 11:45:17</t>
  </si>
  <si>
    <t>12/31/2019 11:45:20</t>
  </si>
  <si>
    <t>12/31/2019 11:46:09</t>
  </si>
  <si>
    <t>12/31/2019 11:46:13</t>
  </si>
  <si>
    <t>12/31/2019 11:46:15</t>
  </si>
  <si>
    <t>12/31/2019 11:46:16</t>
  </si>
  <si>
    <t>12/31/2019 11:46:20</t>
  </si>
  <si>
    <t>12/31/2019 11:46:21</t>
  </si>
  <si>
    <t>12/31/2019 11:46:22</t>
  </si>
  <si>
    <t>12/31/2019 11:46:24</t>
  </si>
  <si>
    <t>12/31/2019 11:46:30</t>
  </si>
  <si>
    <t>12/31/2019 11:46:31</t>
  </si>
  <si>
    <t>12/31/2019 11:45:47</t>
  </si>
  <si>
    <t>.~lock.Cotatos Reneg.ods#</t>
  </si>
  <si>
    <t>\\acsfs\profiles$\CLAUDIAJCA\.~lock.Cotatos Reneg.ods#</t>
  </si>
  <si>
    <t>.~lock.Contato Reneg 24-12.ods#</t>
  </si>
  <si>
    <t>\\acsfs\profiles$\CLAUDIAJCA\.~lock.Contato Reneg 24-12.ods#</t>
  </si>
  <si>
    <t>12/31/2019 11:49:36</t>
  </si>
  <si>
    <t>12/31/2019 11:47:15</t>
  </si>
  <si>
    <t>12/31/2019 11:50:31</t>
  </si>
  <si>
    <t>12/31/2019 11:51:36</t>
  </si>
  <si>
    <t>10.200.67.12</t>
  </si>
  <si>
    <t>D4-AE-52-FC-97-9E</t>
  </si>
  <si>
    <t>VOTORANT-ACB006</t>
  </si>
  <si>
    <t>gabriellalpr</t>
  </si>
  <si>
    <t>\\acsfs\profiles$\gabriellalpr\Downloads\</t>
  </si>
  <si>
    <t>2b0da16c-7c80-4ba2-a1d3-fa2d05263a24.tmp</t>
  </si>
  <si>
    <t>\\acsfs\profiles$\gabriellalpr\Downloads\2b0da16c-7c80-4ba2-a1d3-fa2d05263a24.tmp</t>
  </si>
  <si>
    <t>12/31/2019 11:51:17</t>
  </si>
  <si>
    <t>12/31/2019 11:49:08</t>
  </si>
  <si>
    <t>93905dd8-3b14-4fc1-ace4-c79ed3cab86e.tmp</t>
  </si>
  <si>
    <t>\\acsfs\profiles$\jalilebds\Downloads\93905dd8-3b14-4fc1-ace4-c79ed3cab86e.tmp</t>
  </si>
  <si>
    <t>12/31/2019 11:49:18</t>
  </si>
  <si>
    <t>Unconfirmed 594114.crdownload</t>
  </si>
  <si>
    <t>\\acsfs\profiles$\jalilebds\Downloads\Unconfirmed 594114.crdownload</t>
  </si>
  <si>
    <t>12/31/2019 11:50:15</t>
  </si>
  <si>
    <t>12/31/2019 11:52:37</t>
  </si>
  <si>
    <t>e2aeb349-73fb-43d3-a231-318b61dc95c8.tmp</t>
  </si>
  <si>
    <t>\\acsfs\profiles$\gabrielarb\Downloads\e2aeb349-73fb-43d3-a231-318b61dc95c8.tmp</t>
  </si>
  <si>
    <t>12/31/2019 11:51:16</t>
  </si>
  <si>
    <t>5aa78c2d-cd5f-4e1b-84e4-e9fa2935ba66.tmp</t>
  </si>
  <si>
    <t>\\acsfs\profiles$\vivianalds\Downloads\5aa78c2d-cd5f-4e1b-84e4-e9fa2935ba66.tmp</t>
  </si>
  <si>
    <t>12/31/2019 11:48:51</t>
  </si>
  <si>
    <t>bfaa7bf1-2c51-48d7-8de1-2bf9ea6b622f.tmp</t>
  </si>
  <si>
    <t>\\acsfs\profiles$\gabrielamdp\Downloads\bfaa7bf1-2c51-48d7-8de1-2bf9ea6b622f.tmp</t>
  </si>
  <si>
    <t>12/31/2019 11:49:40</t>
  </si>
  <si>
    <t>12/31/2019 11:47:55</t>
  </si>
  <si>
    <t>12/31/2019 11:53:36</t>
  </si>
  <si>
    <t>12/31/2019 11:47:54</t>
  </si>
  <si>
    <t>12/31/2019 11:47:56</t>
  </si>
  <si>
    <t>12/31/2019 11:47:57</t>
  </si>
  <si>
    <t>12/31/2019 11:47:58</t>
  </si>
  <si>
    <t>12/31/2019 11:47:59</t>
  </si>
  <si>
    <t>12/31/2019 11:48:01</t>
  </si>
  <si>
    <t>12/31/2019 11:48:06</t>
  </si>
  <si>
    <t>12/31/2019 11:48:12</t>
  </si>
  <si>
    <t>12/31/2019 11:49:09</t>
  </si>
  <si>
    <t>12/31/2019 11:49:10</t>
  </si>
  <si>
    <t>12/31/2019 11:49:12</t>
  </si>
  <si>
    <t>12/31/2019 11:49:13</t>
  </si>
  <si>
    <t>12/31/2019 11:49:14</t>
  </si>
  <si>
    <t>12/31/2019 11:49:15</t>
  </si>
  <si>
    <t>12/31/2019 11:49:20</t>
  </si>
  <si>
    <t>12/31/2019 11:49:23</t>
  </si>
  <si>
    <t>12/31/2019 11:49:37</t>
  </si>
  <si>
    <t>12/31/2019 11:49:38</t>
  </si>
  <si>
    <t>12/31/2019 11:49:53</t>
  </si>
  <si>
    <t>12/31/2019 11:50:04</t>
  </si>
  <si>
    <t>12/31/2019 11:50:12</t>
  </si>
  <si>
    <t>12/31/2019 11:50:20</t>
  </si>
  <si>
    <t>12/31/2019 11:50:21</t>
  </si>
  <si>
    <t>12/31/2019 11:50:22</t>
  </si>
  <si>
    <t>12/31/2019 11:50:23</t>
  </si>
  <si>
    <t>12/31/2019 11:50:28</t>
  </si>
  <si>
    <t>12/31/2019 11:50:33</t>
  </si>
  <si>
    <t>12/31/2019 11:50:55</t>
  </si>
  <si>
    <t>12/31/2019 11:50:57</t>
  </si>
  <si>
    <t>12/31/2019 11:50:58</t>
  </si>
  <si>
    <t>12/31/2019 11:51:00</t>
  </si>
  <si>
    <t>12/31/2019 11:51:01</t>
  </si>
  <si>
    <t>12/31/2019 11:51:02</t>
  </si>
  <si>
    <t>12/31/2019 11:51:05</t>
  </si>
  <si>
    <t>12/31/2019 11:51:06</t>
  </si>
  <si>
    <t>12/31/2019 11:51:07</t>
  </si>
  <si>
    <t>12/31/2019 11:51:08</t>
  </si>
  <si>
    <t>12/31/2019 11:51:09</t>
  </si>
  <si>
    <t>12/31/2019 11:51:11</t>
  </si>
  <si>
    <t>12/31/2019 11:53:08</t>
  </si>
  <si>
    <t>12/31/2019 11:52:26</t>
  </si>
  <si>
    <t>12/31/2019 11:52:28</t>
  </si>
  <si>
    <t>lu18681cw8u3.tmp</t>
  </si>
  <si>
    <t>\\acsfs\profiles$\CLAUDIAJCA\lu18681cw8u3.tmp</t>
  </si>
  <si>
    <t>\\acsfs\profiles$\CLAUDIAJCA\lu18681cw8u3.tmp\</t>
  </si>
  <si>
    <t>\\acsfs\profiles$\CLAUDIAJCA\lu18681cw8u3.tmp\META-INF\</t>
  </si>
  <si>
    <t>\\acsfs\profiles$\CLAUDIAJCA\lu18681cw8u3.tmp\Thumbnails\</t>
  </si>
  <si>
    <t>12/31/2019 11:52:16</t>
  </si>
  <si>
    <t>12/31/2019 11:54:36</t>
  </si>
  <si>
    <t>12/31/2019 11:53:15</t>
  </si>
  <si>
    <t>12/31/2019 11:50:27</t>
  </si>
  <si>
    <t>12/31/2019 11:51:38</t>
  </si>
  <si>
    <t>12/31/2019 11:56:36</t>
  </si>
  <si>
    <t>890dbf63-5642-461b-bb3b-45d13ac9b86e.tmp</t>
  </si>
  <si>
    <t>\\acsfs\profiles$\gabriellalpr\Downloads\890dbf63-5642-461b-bb3b-45d13ac9b86e.tmp</t>
  </si>
  <si>
    <t>12/31/2019 11:51:59</t>
  </si>
  <si>
    <t>60e2fb96-af6d-41fc-ac31-886e53f45c30.tmp</t>
  </si>
  <si>
    <t>\\acsfs\profiles$\gabriellalpr\Downloads\60e2fb96-af6d-41fc-ac31-886e53f45c30.tmp</t>
  </si>
  <si>
    <t>12/31/2019 11:53:32</t>
  </si>
  <si>
    <t>EVOLUCAO DE PORTIFOLIO</t>
  </si>
  <si>
    <t>02-50-41-00-00-01</t>
  </si>
  <si>
    <t>NB-LUCIANAPDRE</t>
  </si>
  <si>
    <t>lucianapdre</t>
  </si>
  <si>
    <t>\\acsfs\DEPTOS\Governança da Estratégia\Gestão de Riscos\2019\LGPD\</t>
  </si>
  <si>
    <t>Relação de Clientes Estratégicos - com consultores.xlsx</t>
  </si>
  <si>
    <t>12/31/2019 11:56:21</t>
  </si>
  <si>
    <t>.~lock.filas 1721 1725 e 1724 a tratar.xlsx#</t>
  </si>
  <si>
    <t>\\acsfs\profiles$\jalilebds\Downloads\.~lock.filas 1721 1725 e 1724 a tratar.xlsx#</t>
  </si>
  <si>
    <t>12/31/2019 11:56:22</t>
  </si>
  <si>
    <t>lu77602jihb.tmp</t>
  </si>
  <si>
    <t>\\acsfs\profiles$\jalilebds\Downloads\lu77602jihb.tmp</t>
  </si>
  <si>
    <t>12/31/2019 11:53:55</t>
  </si>
  <si>
    <t>12/31/2019 11:58:36</t>
  </si>
  <si>
    <t>12/31/2019 11:57:23</t>
  </si>
  <si>
    <t>12/31/2019 11:57:39</t>
  </si>
  <si>
    <t>12/31/2019 11:54:01</t>
  </si>
  <si>
    <t>.~lock.Contato Reneg 27-12.1.ods#</t>
  </si>
  <si>
    <t>\\acsfs\profiles$\CLAUDIAJCA\.~lock.Contato Reneg 27-12.1.ods#</t>
  </si>
  <si>
    <t>12/31/2019 11:58:19</t>
  </si>
  <si>
    <t>lu227081d63s0.tmp</t>
  </si>
  <si>
    <t>\\acsfs\profiles$\CLAUDIAJCA\lu227081d63s0.tmp</t>
  </si>
  <si>
    <t>\\acsfs\profiles$\CLAUDIAJCA\lu227081d63s0.tmp\</t>
  </si>
  <si>
    <t>\\acsfs\profiles$\CLAUDIAJCA\lu227081d63s0.tmp\META-INF\</t>
  </si>
  <si>
    <t>\\acsfs\profiles$\CLAUDIAJCA\lu227081d63s0.tmp\Thumbnails\</t>
  </si>
  <si>
    <t>12/31/2019 11:58:15</t>
  </si>
  <si>
    <t>12/31/2019 11:59:37</t>
  </si>
  <si>
    <t>12/31/2019 11:58:24</t>
  </si>
  <si>
    <t>12/31/2019 12:00:36</t>
  </si>
  <si>
    <t>12/31/2019 11:57:27</t>
  </si>
  <si>
    <t>\\acsfs\profiles$\nathaliarmr\Desktop\</t>
  </si>
  <si>
    <t>atualizado.txt</t>
  </si>
  <si>
    <t>\\acsfs\profiles$\nathaliarmr\Desktop\atualizado.txt</t>
  </si>
  <si>
    <t>12/31/2019 11:58:34</t>
  </si>
  <si>
    <t>12/31/2019 12:01:37</t>
  </si>
  <si>
    <t>12/31/2019 11:57:51</t>
  </si>
  <si>
    <t>12/31/2019 12:02:36</t>
  </si>
  <si>
    <t>12/31/2019 12:00:17</t>
  </si>
  <si>
    <t>10.200.67.34</t>
  </si>
  <si>
    <t>78-2B-CB-C1-07-55</t>
  </si>
  <si>
    <t>VOTORANT-JB010</t>
  </si>
  <si>
    <t>fcc6059a-91dc-4f02-be86-f8c78417e638.tmp</t>
  </si>
  <si>
    <t>\\acsfs\profiles$\gabrielamdp\Downloads\fcc6059a-91dc-4f02-be86-f8c78417e638.tmp</t>
  </si>
  <si>
    <t>12/31/2019 11:59:55</t>
  </si>
  <si>
    <t>12/31/2019 12:03:36</t>
  </si>
  <si>
    <t>12/31/2019 11:57:45</t>
  </si>
  <si>
    <t>12/31/2019 11:57:46</t>
  </si>
  <si>
    <t>12/31/2019 11:57:48</t>
  </si>
  <si>
    <t>12/31/2019 11:57:49</t>
  </si>
  <si>
    <t>12/31/2019 11:57:50</t>
  </si>
  <si>
    <t>12/31/2019 11:57:53</t>
  </si>
  <si>
    <t>12/31/2019 11:57:58</t>
  </si>
  <si>
    <t>12/31/2019 11:57:59</t>
  </si>
  <si>
    <t>12/31/2019 11:58:07</t>
  </si>
  <si>
    <t>12/31/2019 11:58:10</t>
  </si>
  <si>
    <t>12/31/2019 11:58:11</t>
  </si>
  <si>
    <t>12/31/2019 11:58:12</t>
  </si>
  <si>
    <t>12/31/2019 11:58:13</t>
  </si>
  <si>
    <t>12/31/2019 11:58:14</t>
  </si>
  <si>
    <t>12/31/2019 11:58:20</t>
  </si>
  <si>
    <t>12/31/2019 11:58:21</t>
  </si>
  <si>
    <t>12/31/2019 11:58:40</t>
  </si>
  <si>
    <t>12/31/2019 11:58:51</t>
  </si>
  <si>
    <t>12/31/2019 11:58:54</t>
  </si>
  <si>
    <t>12/31/2019 11:58:57</t>
  </si>
  <si>
    <t>12/31/2019 11:58:58</t>
  </si>
  <si>
    <t>12/31/2019 11:59:04</t>
  </si>
  <si>
    <t>12/31/2019 11:59:05</t>
  </si>
  <si>
    <t>12/31/2019 11:59:15</t>
  </si>
  <si>
    <t>12/31/2019 11:59:27</t>
  </si>
  <si>
    <t>12/31/2019 11:59:31</t>
  </si>
  <si>
    <t>12/31/2019 11:59:32</t>
  </si>
  <si>
    <t>12/31/2019 11:59:33</t>
  </si>
  <si>
    <t>12/31/2019 11:59:38</t>
  </si>
  <si>
    <t>12/31/2019 11:59:43</t>
  </si>
  <si>
    <t>12/31/2019 11:59:48</t>
  </si>
  <si>
    <t>12/31/2019 11:59:51</t>
  </si>
  <si>
    <t>12/31/2019 11:59:52</t>
  </si>
  <si>
    <t>12/31/2019 11:59:53</t>
  </si>
  <si>
    <t>12/31/2019 11:59:57</t>
  </si>
  <si>
    <t>12/31/2019 12:00:32</t>
  </si>
  <si>
    <t>12/31/2019 12:00:35</t>
  </si>
  <si>
    <t>12/31/2019 12:00:37</t>
  </si>
  <si>
    <t>12/31/2019 12:00:38</t>
  </si>
  <si>
    <t>12/31/2019 12:00:39</t>
  </si>
  <si>
    <t>12/31/2019 12:00:44</t>
  </si>
  <si>
    <t>12/31/2019 12:00:45</t>
  </si>
  <si>
    <t>12/31/2019 12:01:09</t>
  </si>
  <si>
    <t>12/31/2019 12:01:13</t>
  </si>
  <si>
    <t>12/31/2019 12:01:15</t>
  </si>
  <si>
    <t>12/31/2019 12:01:16</t>
  </si>
  <si>
    <t>12/31/2019 12:01:19</t>
  </si>
  <si>
    <t>12/31/2019 12:01:20</t>
  </si>
  <si>
    <t>12/31/2019 12:01:40</t>
  </si>
  <si>
    <t>12/31/2019 12:01:44</t>
  </si>
  <si>
    <t>12/31/2019 12:01:45</t>
  </si>
  <si>
    <t>12/31/2019 12:01:46</t>
  </si>
  <si>
    <t>12/31/2019 12:01:50</t>
  </si>
  <si>
    <t>12/31/2019 12:01:52</t>
  </si>
  <si>
    <t>12/31/2019 12:02:13</t>
  </si>
  <si>
    <t>12/31/2019 12:00:30</t>
  </si>
  <si>
    <t>12/31/2019 11:59:11</t>
  </si>
  <si>
    <t>.~lock.Contato Reneg 27-12.2.ods#</t>
  </si>
  <si>
    <t>\\acsfs\profiles$\CLAUDIAJCA\.~lock.Contato Reneg 27-12.2.ods#</t>
  </si>
  <si>
    <t>12/31/2019 12:01:23</t>
  </si>
  <si>
    <t>12/31/2019 12:01:24</t>
  </si>
  <si>
    <t>lu135481dcrpz.tmp</t>
  </si>
  <si>
    <t>\\acsfs\profiles$\CLAUDIAJCA\lu135481dcrpz.tmp</t>
  </si>
  <si>
    <t>\\acsfs\profiles$\CLAUDIAJCA\lu135481dcrpz.tmp\</t>
  </si>
  <si>
    <t>\\acsfs\profiles$\CLAUDIAJCA\lu135481dcrpz.tmp\META-INF\</t>
  </si>
  <si>
    <t>\\acsfs\profiles$\CLAUDIAJCA\lu135481dcrpz.tmp\Thumbnails\</t>
  </si>
  <si>
    <t>12/31/2019 12:02:52</t>
  </si>
  <si>
    <t>.~lock.Contato Reneg Vencimento 01-01.1.ods#</t>
  </si>
  <si>
    <t>\\acsfs\profiles$\CLAUDIAJCA\.~lock.Contato Reneg Vencimento 01-01.1.ods#</t>
  </si>
  <si>
    <t>12/31/2019 12:03:05</t>
  </si>
  <si>
    <t>12/31/2019 12:03:06</t>
  </si>
  <si>
    <t>lu203321dhjcu.tmp</t>
  </si>
  <si>
    <t>\\acsfs\profiles$\CLAUDIAJCA\lu203321dhjcu.tmp</t>
  </si>
  <si>
    <t>\\acsfs\profiles$\CLAUDIAJCA\lu203321dhjcu.tmp\</t>
  </si>
  <si>
    <t>\\acsfs\profiles$\CLAUDIAJCA\lu203321dhjcu.tmp\META-INF\</t>
  </si>
  <si>
    <t>\\acsfs\profiles$\CLAUDIAJCA\lu203321dhjcu.tmp\Thumbnails\</t>
  </si>
  <si>
    <t>12/31/2019 12:03:22</t>
  </si>
  <si>
    <t>12/31/2019 12:04:37</t>
  </si>
  <si>
    <t>12/31/2019 12:04:19</t>
  </si>
  <si>
    <t>12/31/2019 12:05:36</t>
  </si>
  <si>
    <t>.~lock.Cielo Promo.docx#</t>
  </si>
  <si>
    <t>\\acsfs\profiles$\cintiadcf\Downloads\.~lock.Cielo Promo.docx#</t>
  </si>
  <si>
    <t>12/31/2019 12:06:09</t>
  </si>
  <si>
    <t>12/31/2019 12:07:36</t>
  </si>
  <si>
    <t>\\acsfs\profiles$\VIVIANALDS\My Documents\</t>
  </si>
  <si>
    <t>\\acsfs\profiles$\VIVIANALDS\My Documents\.~lock.Vendas.ods#</t>
  </si>
  <si>
    <t>12/31/2019 12:06:11</t>
  </si>
  <si>
    <t>lu202721a2ri3.tmp</t>
  </si>
  <si>
    <t>\\acsfs\profiles$\VIVIANALDS\My Documents\lu202721a2ri3.tmp</t>
  </si>
  <si>
    <t>\\acsfs\profiles$\VIVIANALDS\My Documents\lu202721a2ri3.tmp\</t>
  </si>
  <si>
    <t>\\acsfs\profiles$\VIVIANALDS\My Documents\lu202721a2ri3.tmp\META-INF\</t>
  </si>
  <si>
    <t>\\acsfs\profiles$\VIVIANALDS\My Documents\lu202721a2ri3.tmp\Thumbnails\</t>
  </si>
  <si>
    <t>12/31/2019 12:05:55</t>
  </si>
  <si>
    <t>12/31/2019 12:08:37</t>
  </si>
  <si>
    <t>12/31/2019 12:03:20</t>
  </si>
  <si>
    <t>12/31/2019 12:03:24</t>
  </si>
  <si>
    <t>12/31/2019 12:03:25</t>
  </si>
  <si>
    <t>12/31/2019 12:03:26</t>
  </si>
  <si>
    <t>12/31/2019 12:03:28</t>
  </si>
  <si>
    <t>12/31/2019 12:03:34</t>
  </si>
  <si>
    <t>12/31/2019 12:03:37</t>
  </si>
  <si>
    <t>12/31/2019 12:03:42</t>
  </si>
  <si>
    <t>12/31/2019 12:03:43</t>
  </si>
  <si>
    <t>12/31/2019 12:03:47</t>
  </si>
  <si>
    <t>12/31/2019 12:03:48</t>
  </si>
  <si>
    <t>12/31/2019 12:03:50</t>
  </si>
  <si>
    <t>12/31/2019 12:04:08</t>
  </si>
  <si>
    <t>12/31/2019 12:04:10</t>
  </si>
  <si>
    <t>12/31/2019 12:04:12</t>
  </si>
  <si>
    <t>12/31/2019 12:04:13</t>
  </si>
  <si>
    <t>12/31/2019 12:04:14</t>
  </si>
  <si>
    <t>12/31/2019 12:04:17</t>
  </si>
  <si>
    <t>12/31/2019 12:04:18</t>
  </si>
  <si>
    <t>12/31/2019 12:04:20</t>
  </si>
  <si>
    <t>12/31/2019 12:04:25</t>
  </si>
  <si>
    <t>12/31/2019 12:04:27</t>
  </si>
  <si>
    <t>12/31/2019 12:04:29</t>
  </si>
  <si>
    <t>12/31/2019 12:04:30</t>
  </si>
  <si>
    <t>12/31/2019 12:04:32</t>
  </si>
  <si>
    <t>12/31/2019 12:04:35</t>
  </si>
  <si>
    <t>12/31/2019 12:04:40</t>
  </si>
  <si>
    <t>12/31/2019 12:04:46</t>
  </si>
  <si>
    <t>12/31/2019 12:04:48</t>
  </si>
  <si>
    <t>12/31/2019 12:04:49</t>
  </si>
  <si>
    <t>12/31/2019 12:04:50</t>
  </si>
  <si>
    <t>12/31/2019 12:04:51</t>
  </si>
  <si>
    <t>12/31/2019 12:04:52</t>
  </si>
  <si>
    <t>12/31/2019 12:04:54</t>
  </si>
  <si>
    <t>12/31/2019 12:04:55</t>
  </si>
  <si>
    <t>12/31/2019 12:04:57</t>
  </si>
  <si>
    <t>12/31/2019 12:04:58</t>
  </si>
  <si>
    <t>12/31/2019 12:04:59</t>
  </si>
  <si>
    <t>12/31/2019 12:05:01</t>
  </si>
  <si>
    <t>12/31/2019 12:05:02</t>
  </si>
  <si>
    <t>12/31/2019 12:05:03</t>
  </si>
  <si>
    <t>12/31/2019 12:05:04</t>
  </si>
  <si>
    <t>12/31/2019 12:05:06</t>
  </si>
  <si>
    <t>12/31/2019 12:05:14</t>
  </si>
  <si>
    <t>12/31/2019 12:05:21</t>
  </si>
  <si>
    <t>12/31/2019 12:05:23</t>
  </si>
  <si>
    <t>12/31/2019 12:05:25</t>
  </si>
  <si>
    <t>12/31/2019 12:05:26</t>
  </si>
  <si>
    <t>12/31/2019 12:05:27</t>
  </si>
  <si>
    <t>12/31/2019 12:05:29</t>
  </si>
  <si>
    <t>12/31/2019 12:05:33</t>
  </si>
  <si>
    <t>12/31/2019 12:05:40</t>
  </si>
  <si>
    <t>12/31/2019 12:05:44</t>
  </si>
  <si>
    <t>12/31/2019 12:05:46</t>
  </si>
  <si>
    <t>12/31/2019 12:05:47</t>
  </si>
  <si>
    <t>12/31/2019 12:05:50</t>
  </si>
  <si>
    <t>12/31/2019 12:05:52</t>
  </si>
  <si>
    <t>12/31/2019 12:06:01</t>
  </si>
  <si>
    <t>12/31/2019 12:06:05</t>
  </si>
  <si>
    <t>12/31/2019 12:06:06</t>
  </si>
  <si>
    <t>12/31/2019 12:06:07</t>
  </si>
  <si>
    <t>12/31/2019 12:06:12</t>
  </si>
  <si>
    <t>12/31/2019 12:06:30</t>
  </si>
  <si>
    <t>12/31/2019 12:06:33</t>
  </si>
  <si>
    <t>12/31/2019 12:06:34</t>
  </si>
  <si>
    <t>12/31/2019 12:06:35</t>
  </si>
  <si>
    <t>12/31/2019 12:06:36</t>
  </si>
  <si>
    <t>12/31/2019 12:06:37</t>
  </si>
  <si>
    <t>12/31/2019 12:06:39</t>
  </si>
  <si>
    <t>12/31/2019 12:06:45</t>
  </si>
  <si>
    <t>12/31/2019 12:04:41</t>
  </si>
  <si>
    <t>lu188361di69a.tmp</t>
  </si>
  <si>
    <t>\\acsfs\profiles$\CLAUDIAJCA\lu188361di69a.tmp</t>
  </si>
  <si>
    <t>\\acsfs\profiles$\CLAUDIAJCA\lu188361di69a.tmp\</t>
  </si>
  <si>
    <t>\\acsfs\profiles$\CLAUDIAJCA\lu188361di69a.tmp\META-INF\</t>
  </si>
  <si>
    <t>12/31/2019 12:09:36</t>
  </si>
  <si>
    <t>\\acsfs\profiles$\CLAUDIAJCA\lu188361di69a.tmp\Thumbnails\</t>
  </si>
  <si>
    <t>12/31/2019 12:05:42</t>
  </si>
  <si>
    <t>12/31/2019 12:05:10</t>
  </si>
  <si>
    <t>10.200.66.186</t>
  </si>
  <si>
    <t>74-86-7A-FB-17-C5</t>
  </si>
  <si>
    <t>VOTORANT-VB005</t>
  </si>
  <si>
    <t>anafaes</t>
  </si>
  <si>
    <t>\\acsfs\profiles$\anafaes\Downloads\</t>
  </si>
  <si>
    <t>103e789a-bd0b-4cbc-bd15-4796dcad6d8a.tmp</t>
  </si>
  <si>
    <t>\\acsfs\profiles$\anafaes\Downloads\103e789a-bd0b-4cbc-bd15-4796dcad6d8a.tmp</t>
  </si>
  <si>
    <t>12/31/2019 12:05:16</t>
  </si>
  <si>
    <t>e4fcc174-6155-4a10-a16c-491499437fdc.tmp</t>
  </si>
  <si>
    <t>\\acsfs\profiles$\anafaes\Downloads\e4fcc174-6155-4a10-a16c-491499437fdc.tmp</t>
  </si>
  <si>
    <t>12/31/2019 12:04:15</t>
  </si>
  <si>
    <t>12/31/2019 12:05:15</t>
  </si>
  <si>
    <t>10.200.67.144</t>
  </si>
  <si>
    <t>74-86-7A-FB-19-41</t>
  </si>
  <si>
    <t>VOTORANT-JB003</t>
  </si>
  <si>
    <t>12/31/2019 12:06:40</t>
  </si>
  <si>
    <t>uninstall.zip\</t>
  </si>
  <si>
    <t>\\acsfs\profiles$\brendavdoa\My Documents\</t>
  </si>
  <si>
    <t>boleto.txt</t>
  </si>
  <si>
    <t>\\acsfs\profiles$\brendavdoa\My Documents\boleto.txt</t>
  </si>
  <si>
    <t>12/31/2019 12:10:36</t>
  </si>
  <si>
    <t>bf1975fb-c432-4b31-a989-719e18823a6e.tmp</t>
  </si>
  <si>
    <t>\\acsfs\profiles$\cintiadcf\Downloads\bf1975fb-c432-4b31-a989-719e18823a6e.tmp</t>
  </si>
  <si>
    <t>44ed0a76-1fcb-42bd-8a77-9d065cb78f9f.tmp</t>
  </si>
  <si>
    <t>\\acsfs\profiles$\cintiadcf\Downloads\44ed0a76-1fcb-42bd-8a77-9d065cb78f9f.tmp</t>
  </si>
  <si>
    <t>12/31/2019 12:07:02</t>
  </si>
  <si>
    <t>7113dce2-0453-4e0d-99b2-3ea6f42439ca.tmp</t>
  </si>
  <si>
    <t>\\acsfs\profiles$\cintiadcf\Downloads\7113dce2-0453-4e0d-99b2-3ea6f42439ca.tmp</t>
  </si>
  <si>
    <t>12/31/2019 12:12:36</t>
  </si>
  <si>
    <t>12/31/2019 12:11:55</t>
  </si>
  <si>
    <t>12/31/2019 12:13:37</t>
  </si>
  <si>
    <t>12/31/2019 12:12:41</t>
  </si>
  <si>
    <t>12/31/2019 12:12:42</t>
  </si>
  <si>
    <t>lu585167by2jg.tmp</t>
  </si>
  <si>
    <t>\\acsfs\profiles$\BRUNAAR\Numero\lu585167by2jg.tmp</t>
  </si>
  <si>
    <t>12/31/2019 12:10:15</t>
  </si>
  <si>
    <t>12/31/2019 12:14:36</t>
  </si>
  <si>
    <t>12/31/2019 12:11:15</t>
  </si>
  <si>
    <t>mail.google.com/sync/u/0/i/s?hl=pt-BR&amp;c=596</t>
  </si>
  <si>
    <t>12/31/2019 12:13:41</t>
  </si>
  <si>
    <t>mail.google.com/sync/u/0/i/s?hl=pt-BR&amp;c=598</t>
  </si>
  <si>
    <t>12/31/2019 12:13:48</t>
  </si>
  <si>
    <t>mail.google.com/sync/u/0/i/s?hl=pt-BR&amp;c=600</t>
  </si>
  <si>
    <t>12/31/2019 12:13:56</t>
  </si>
  <si>
    <t>mail.google.com/sync/u/0/i/s?hl=pt-BR&amp;c=602</t>
  </si>
  <si>
    <t>12/31/2019 12:12:12</t>
  </si>
  <si>
    <t>12/31/2019 12:15:37</t>
  </si>
  <si>
    <t>12/31/2019 12:11:29</t>
  </si>
  <si>
    <t>\\acsfs\DEPTOS\Operacao\PCP\5 - Comum\JEAN FARINHA\</t>
  </si>
  <si>
    <t>\\acsfs\DEPTOS\Operacao\PCP\5 - Comum\JHAIME FRANCIELLI\Thumbs.db</t>
  </si>
  <si>
    <t>12/31/2019 12:13:06</t>
  </si>
  <si>
    <t>12/31/2019 12:18:37</t>
  </si>
  <si>
    <t>12/31/2019 12:13:07</t>
  </si>
  <si>
    <t>lu585167by2jj.tmp</t>
  </si>
  <si>
    <t>\\acsfs\profiles$\BRUNAAR\Numero\lu585167by2jj.tmp</t>
  </si>
  <si>
    <t>12/31/2019 12:17:13</t>
  </si>
  <si>
    <t>12/31/2019 12:15:08</t>
  </si>
  <si>
    <t>12/31/2019 12:14:02</t>
  </si>
  <si>
    <t>12/31/2019 12:19:36</t>
  </si>
  <si>
    <t>12/31/2019 12:16:15</t>
  </si>
  <si>
    <t>12/31/2019 12:17:15</t>
  </si>
  <si>
    <t>mail.google.com/sync/u/0/i/s?hl=pt-BR&amp;c=604</t>
  </si>
  <si>
    <t>joaogvc@algartech.com;leonardoao@algartech.com;marianadjc@algartech.com;paulacn@algartech.com;planejamentodeoperacoesetrafego@bv.com.br;rafaelggs@algartech.com;taysdss@algartech.com;viniciussg@algartech.com;</t>
  </si>
  <si>
    <t>joaogvc@algartech.com,leonardoao@algartech.com,marianadjc@algartech.com,paulacn@algartech.com,planejamentodeoperacoesetrafego@bv.com.br,rafaelggs@algartech.com,taysdss@algartech.com,viniciussg@algartech.com</t>
  </si>
  <si>
    <t>12/31/2019 12:14:06</t>
  </si>
  <si>
    <t>mail.google.com/sync/u/0/i/s?hl=pt-BR&amp;c=607</t>
  </si>
  <si>
    <t>12/31/2019 12:15:28</t>
  </si>
  <si>
    <t>mail.google.com/sync/u/0/i/s?hl=pt-BR&amp;c=611</t>
  </si>
  <si>
    <t>12/31/2019 12:15:32</t>
  </si>
  <si>
    <t>mail.google.com/sync/u/0/i/s?hl=pt-BR&amp;c=613</t>
  </si>
  <si>
    <t>12/31/2019 12:15:33</t>
  </si>
  <si>
    <t>mail.google.com/sync/u/0/i/s?hl=pt-BR&amp;c=616</t>
  </si>
  <si>
    <t>12/31/2019 12:15:38</t>
  </si>
  <si>
    <t>12/31/2019 12:18:53</t>
  </si>
  <si>
    <t>12/31/2019 12:20:37</t>
  </si>
  <si>
    <t>10.200.32.194</t>
  </si>
  <si>
    <t>D4-AE-52-FC-96-E4</t>
  </si>
  <si>
    <t>VOTORANT-CA069</t>
  </si>
  <si>
    <t>12/31/2019 12:20:01</t>
  </si>
  <si>
    <t>12/31/2019 12:17:35</t>
  </si>
  <si>
    <t>12/31/2019 12:21:00</t>
  </si>
  <si>
    <t>12/31/2019 12:21:36</t>
  </si>
  <si>
    <t>luispls</t>
  </si>
  <si>
    <t>\\acsfs\profiles$\LUISPLS\Downloads\</t>
  </si>
  <si>
    <t>dbcf8c33-e0c5-44e9-ba85-4ada6425ce9d.tmp</t>
  </si>
  <si>
    <t>\\acsfs\profiles$\LUISPLS\Downloads\dbcf8c33-e0c5-44e9-ba85-4ada6425ce9d.tmp</t>
  </si>
  <si>
    <t>12/31/2019 12:17:55</t>
  </si>
  <si>
    <t>12/31/2019 12:23:37</t>
  </si>
  <si>
    <t>12/31/2019 12:22:15</t>
  </si>
  <si>
    <t>12/31/2019 12:24:36</t>
  </si>
  <si>
    <t>12/31/2019 12:23:15</t>
  </si>
  <si>
    <t>12/31/2019 12:20:54</t>
  </si>
  <si>
    <t>\\acsfs\DEPTOS\Operacao\PCP\5 - Comum\PLANEJAMENTO BV\14 - ACOMPANHAMENTO\1 - REPORT ACOMPANHAMENTO\2019\12 - Dezembro\CARTÕES\Login Logout Cartões\</t>
  </si>
  <si>
    <t>RELATORIO DE LOGIN - BV CARTÕES 29-12 - Cópia.xlsm</t>
  </si>
  <si>
    <t>\\acsfs\DEPTOS\Operacao\PCP\5 - Comum\PLANEJAMENTO BV\14 - ACOMPANHAMENTO\1 - REPORT ACOMPANHAMENTO\2019\12 - Dezembro\CARTÕES\Login Logout Cartões\RELATORIO DE LOGIN - BV CARTÕES 29-12 - Cópia.xlsm</t>
  </si>
  <si>
    <t>12/31/2019 12:20:19</t>
  </si>
  <si>
    <t>12/31/2019 12:24:26</t>
  </si>
  <si>
    <t>12/31/2019 12:26:36</t>
  </si>
  <si>
    <t>12/31/2019 12:24:27</t>
  </si>
  <si>
    <t>lu77602jihe.tmp</t>
  </si>
  <si>
    <t>\\acsfs\profiles$\jalilebds\Downloads\lu77602jihe.tmp</t>
  </si>
  <si>
    <t>12/31/2019 12:24:35</t>
  </si>
  <si>
    <t>12/31/2019 12:27:37</t>
  </si>
  <si>
    <t>10.200.66.132</t>
  </si>
  <si>
    <t>78-2B-CB-C1-07-10</t>
  </si>
  <si>
    <t>VOTORANT-FB041</t>
  </si>
  <si>
    <t>12/31/2019 12:23:02</t>
  </si>
  <si>
    <t>a7a1332e-0b03-4f62-8120-8af3c71185b8.tmp</t>
  </si>
  <si>
    <t>\\acsfs\profiles$\MATEUSJM\Downloads\a7a1332e-0b03-4f62-8120-8af3c71185b8.tmp</t>
  </si>
  <si>
    <t>12/31/2019 12:23:55</t>
  </si>
  <si>
    <t>12/31/2019 12:28:36</t>
  </si>
  <si>
    <t>12/31/2019 12:24:10</t>
  </si>
  <si>
    <t>\\acsfs\profiles$\FLAVIOJMM\My Documents\</t>
  </si>
  <si>
    <t>.~lock.Reneg Vcto 01.ods#</t>
  </si>
  <si>
    <t>\\acsfs\profiles$\FLAVIOJMM\My Documents\.~lock.Reneg Vcto 01.ods#</t>
  </si>
  <si>
    <t>12/31/2019 12:28:15</t>
  </si>
  <si>
    <t>12/31/2019 12:29:36</t>
  </si>
  <si>
    <t>12/31/2019 12:25:09</t>
  </si>
  <si>
    <t>12/31/2019 12:28:04</t>
  </si>
  <si>
    <t>mail.google.com/sync/u/0/i/s?hl=pt-BR&amp;c=637</t>
  </si>
  <si>
    <t>12/31/2019 12:28:07</t>
  </si>
  <si>
    <t>mail.google.com/sync/u/0/i/s?hl=pt-BR&amp;c=639</t>
  </si>
  <si>
    <t>mail.google.com/sync/u/0/i/s?hl=pt-BR&amp;c=641</t>
  </si>
  <si>
    <t>12/31/2019 12:28:24</t>
  </si>
  <si>
    <t>mail.google.com/sync/u/0/i/s?hl=pt-BR&amp;c=643</t>
  </si>
  <si>
    <t>12/31/2019 12:28:46</t>
  </si>
  <si>
    <t>12/31/2019 12:30:36</t>
  </si>
  <si>
    <t>12/31/2019 12:28:42</t>
  </si>
  <si>
    <t>12/31/2019 12:27:13</t>
  </si>
  <si>
    <t>12/31/2019 12:26:20</t>
  </si>
  <si>
    <t>12/31/2019 12:31:36</t>
  </si>
  <si>
    <t>\\acsfs\profiles$\LUISPLS\My Documents\Nova pasta\</t>
  </si>
  <si>
    <t>.~lock.Casos de reclamação.ods#</t>
  </si>
  <si>
    <t>\\acsfs\profiles$\LUISPLS\My Documents\Nova pasta\.~lock.Casos de reclamação.ods#</t>
  </si>
  <si>
    <t>12/31/2019 12:27:21</t>
  </si>
  <si>
    <t>12/31/2019 12:27:22</t>
  </si>
  <si>
    <t>lu40900589s8u.tmp</t>
  </si>
  <si>
    <t>\\acsfs\profiles$\LUISPLS\My Documents\Nova pasta\lu40900589s8u.tmp</t>
  </si>
  <si>
    <t>\\acsfs\profiles$\LUISPLS\My Documents\Nova pasta\lu40900589s8u.tmp\</t>
  </si>
  <si>
    <t>\\acsfs\profiles$\LUISPLS\My Documents\Nova pasta\lu40900589s8u.tmp\META-INF\</t>
  </si>
  <si>
    <t>\\acsfs\profiles$\LUISPLS\My Documents\Nova pasta\lu40900589s8u.tmp\Thumbnails\</t>
  </si>
  <si>
    <t>12/31/2019 12:27:31</t>
  </si>
  <si>
    <t>.~lock.reorientação.ods#</t>
  </si>
  <si>
    <t>\\acsfs\profiles$\LUISPLS\My Documents\Nova pasta\.~lock.reorientação.ods#</t>
  </si>
  <si>
    <t>12/31/2019 12:30:03</t>
  </si>
  <si>
    <t>12/31/2019 12:30:04</t>
  </si>
  <si>
    <t>lu4064458bbvw.tmp</t>
  </si>
  <si>
    <t>\\acsfs\profiles$\LUISPLS\My Documents\Nova pasta\lu4064458bbvw.tmp</t>
  </si>
  <si>
    <t>\\acsfs\profiles$\LUISPLS\My Documents\Nova pasta\lu4064458bbvw.tmp\</t>
  </si>
  <si>
    <t>\\acsfs\profiles$\LUISPLS\My Documents\Nova pasta\lu4064458bbvw.tmp\META-INF\</t>
  </si>
  <si>
    <t>\\acsfs\profiles$\LUISPLS\My Documents\Nova pasta\lu4064458bbvw.tmp\Thumbnails\</t>
  </si>
  <si>
    <t>12/31/2019 12:30:10</t>
  </si>
  <si>
    <t>lu4064458bbw1.tmp</t>
  </si>
  <si>
    <t>\\acsfs\profiles$\LUISPLS\My Documents\Nova pasta\lu4064458bbw1.tmp</t>
  </si>
  <si>
    <t>\\acsfs\profiles$\LUISPLS\My Documents\Nova pasta\lu4064458bbw1.tmp\</t>
  </si>
  <si>
    <t>\\acsfs\profiles$\LUISPLS\My Documents\Nova pasta\lu4064458bbw1.tmp\META-INF\</t>
  </si>
  <si>
    <t>\\acsfs\profiles$\LUISPLS\My Documents\Nova pasta\lu4064458bbw1.tmp\Thumbnails\</t>
  </si>
  <si>
    <t>12/31/2019 12:29:55</t>
  </si>
  <si>
    <t>12/31/2019 12:33:37</t>
  </si>
  <si>
    <t>12/31/2019 12:30:16</t>
  </si>
  <si>
    <t>\\acsfs\profiles$\jonatanls\My Documents\</t>
  </si>
  <si>
    <t>.~lock.Filas-ALGAR - JONATAN.xlsx#</t>
  </si>
  <si>
    <t>\\acsfs\profiles$\jonatanls\My Documents\.~lock.Filas-ALGAR - JONATAN.xlsx#</t>
  </si>
  <si>
    <t>12/31/2019 12:34:36</t>
  </si>
  <si>
    <t>12/31/2019 12:29:15</t>
  </si>
  <si>
    <t>12/31/2019 12:29:22</t>
  </si>
  <si>
    <t>mail.google.com/sync/u/0/i/s?hl=pt-BR&amp;c=646</t>
  </si>
  <si>
    <t>12/31/2019 12:29:26</t>
  </si>
  <si>
    <t>mail.google.com/sync/u/0/i/s?hl=pt-BR&amp;c=648</t>
  </si>
  <si>
    <t>12/31/2019 12:29:53</t>
  </si>
  <si>
    <t>mail.google.com/sync/u/0/i/s?hl=pt-BR&amp;c=652</t>
  </si>
  <si>
    <t>mail.google.com/sync/u/0/i/s?hl=pt-BR&amp;c=654</t>
  </si>
  <si>
    <t>12/31/2019 12:30:38</t>
  </si>
  <si>
    <t>mail.google.com/sync/u/0/i/s?hl=pt-BR&amp;c=657</t>
  </si>
  <si>
    <t>12/31/2019 12:31:14</t>
  </si>
  <si>
    <t>mail.google.com/sync/u/0/i/s?hl=pt-BR&amp;c=659</t>
  </si>
  <si>
    <t>12/31/2019 12:31:45</t>
  </si>
  <si>
    <t>mail.google.com/sync/u/0/i/s?hl=pt-BR&amp;c=662</t>
  </si>
  <si>
    <t>12/31/2019 12:32:16</t>
  </si>
  <si>
    <t>mail.google.com/sync/u/0/i/s?hl=pt-BR&amp;c=666</t>
  </si>
  <si>
    <t>12/31/2019 12:32:32</t>
  </si>
  <si>
    <t>RELATORIO DE LOGIN - BV CARTÕES 30-12.xlsm</t>
  </si>
  <si>
    <t>\\acsfs\DEPTOS\Operacao\PCP\5 - Comum\PLANEJAMENTO BV\14 - ACOMPANHAMENTO\1 - REPORT ACOMPANHAMENTO\2019\12 - Dezembro\CARTÕES\Login Logout Cartões\RELATORIO DE LOGIN - BV CARTÕES 30-12.xlsm</t>
  </si>
  <si>
    <t>12/31/2019 12:32:38</t>
  </si>
  <si>
    <t>12/31/2019 12:33:51</t>
  </si>
  <si>
    <t>mail.google.com/sync/u/0/i/s?hl=pt-BR&amp;c=674</t>
  </si>
  <si>
    <t>12/31/2019 12:34:01</t>
  </si>
  <si>
    <t>12/31/2019 12:34:08</t>
  </si>
  <si>
    <t>12/31/2019 12:33:01</t>
  </si>
  <si>
    <t>12/31/2019 12:35:37</t>
  </si>
  <si>
    <t>3096a5a9-2d6f-43f6-a076-8387ed0b528a.tmp</t>
  </si>
  <si>
    <t>\\acsfs\profiles$\nathaliarmr\Downloads\3096a5a9-2d6f-43f6-a076-8387ed0b528a.tmp</t>
  </si>
  <si>
    <t>12/31/2019 12:34:10</t>
  </si>
  <si>
    <t>12/31/2019 12:32:18</t>
  </si>
  <si>
    <t>12/31/2019 12:36:36</t>
  </si>
  <si>
    <t>.~lock.1725- Analizar.ods#</t>
  </si>
  <si>
    <t>\\acsfs\profiles$\LUISPLS\My Documents\Nova pasta\.~lock.1725- Analizar.ods#</t>
  </si>
  <si>
    <t>12/31/2019 12:32:52</t>
  </si>
  <si>
    <t>12/31/2019 12:37:36</t>
  </si>
  <si>
    <t>12/31/2019 12:35:55</t>
  </si>
  <si>
    <t>12/31/2019 12:38:36</t>
  </si>
  <si>
    <t>12/31/2019 12:33:43</t>
  </si>
  <si>
    <t>\\acsfs\profiles$\geovannasm\My Documents\</t>
  </si>
  <si>
    <t>831e1540-cb4c-4ee0-94b2-360a5afab640.pdf</t>
  </si>
  <si>
    <t>\\acsfs\profiles$\geovannasm\My Documents\831e1540-cb4c-4ee0-94b2-360a5afab640.pdf</t>
  </si>
  <si>
    <t>12/31/2019 12:34:28</t>
  </si>
  <si>
    <t>12/31/2019 12:34:29</t>
  </si>
  <si>
    <t>lu59249qwzf.tmp</t>
  </si>
  <si>
    <t>\\acsfs\profiles$\jonatanls\My Documents\lu59249qwzf.tmp</t>
  </si>
  <si>
    <t>12/31/2019 12:34:16</t>
  </si>
  <si>
    <t>12/31/2019 12:39:36</t>
  </si>
  <si>
    <t>12/31/2019 12:34:17</t>
  </si>
  <si>
    <t>lu188041eg9ux.tmp</t>
  </si>
  <si>
    <t>\\acsfs\profiles$\CLAUDIAJCA\lu188041eg9ux.tmp</t>
  </si>
  <si>
    <t>\\acsfs\profiles$\CLAUDIAJCA\lu188041eg9ux.tmp\</t>
  </si>
  <si>
    <t>\\acsfs\profiles$\CLAUDIAJCA\lu188041eg9ux.tmp\META-INF\</t>
  </si>
  <si>
    <t>\\acsfs\profiles$\CLAUDIAJCA\lu188041eg9ux.tmp\Thumbnails\</t>
  </si>
  <si>
    <t>12/31/2019 12:34:15</t>
  </si>
  <si>
    <t>12/31/2019 12:35:15</t>
  </si>
  <si>
    <t>12/31/2019 12:38:52</t>
  </si>
  <si>
    <t>12/31/2019 12:40:36</t>
  </si>
  <si>
    <t>laylaams</t>
  </si>
  <si>
    <t>\\acsfs\profiles$\laylaams\Downloads\</t>
  </si>
  <si>
    <t>be4b91e9-5673-4e20-ab30-c08a3129bf07.tmp</t>
  </si>
  <si>
    <t>\\acsfs\profiles$\laylaams\Downloads\be4b91e9-5673-4e20-ab30-c08a3129bf07.tmp</t>
  </si>
  <si>
    <t>12/31/2019 12:38:54</t>
  </si>
  <si>
    <t>8ff8098d-72f2-4472-a785-c06e0d52faca.tmp</t>
  </si>
  <si>
    <t>\\acsfs\profiles$\laylaams\Downloads\8ff8098d-72f2-4472-a785-c06e0d52faca.tmp</t>
  </si>
  <si>
    <t>12/31/2019 12:38:43</t>
  </si>
  <si>
    <t>12/31/2019 12:40:06</t>
  </si>
  <si>
    <t>12/31/2019 12:36:15</t>
  </si>
  <si>
    <t>12/31/2019 12:41:36</t>
  </si>
  <si>
    <t>12/31/2019 12:36:16</t>
  </si>
  <si>
    <t>lu3812458hhpp.tmp</t>
  </si>
  <si>
    <t>\\acsfs\profiles$\LUISPLS\My Documents\Nova pasta\lu3812458hhpp.tmp</t>
  </si>
  <si>
    <t>\\acsfs\profiles$\LUISPLS\My Documents\Nova pasta\lu3812458hhpp.tmp\</t>
  </si>
  <si>
    <t>\\acsfs\profiles$\LUISPLS\My Documents\Nova pasta\lu3812458hhpp.tmp\META-INF\</t>
  </si>
  <si>
    <t>\\acsfs\profiles$\LUISPLS\My Documents\Nova pasta\lu3812458hhpp.tmp\Thumbnails\</t>
  </si>
  <si>
    <t>12/31/2019 12:37:11</t>
  </si>
  <si>
    <t>.~lock.Retratações BV cartões Vendas dezembro (6).xlsx#</t>
  </si>
  <si>
    <t>\\acsfs\profiles$\LUISPLS\My Documents\Nova pasta\.~lock.Retratações BV cartões Vendas dezembro (6).xlsx#</t>
  </si>
  <si>
    <t>12/31/2019 12:36:43</t>
  </si>
  <si>
    <t>12/31/2019 12:42:37</t>
  </si>
  <si>
    <t>lu77602jihh.tmp</t>
  </si>
  <si>
    <t>\\acsfs\profiles$\jalilebds\Downloads\lu77602jihh.tmp</t>
  </si>
  <si>
    <t>12/31/2019 12:41:08</t>
  </si>
  <si>
    <t>12/31/2019 12:40:57</t>
  </si>
  <si>
    <t>00bc36af-fe0e-4320-afea-6c29495a4597.tmp</t>
  </si>
  <si>
    <t>\\acsfs\profiles$\vivianalds\Downloads\00bc36af-fe0e-4320-afea-6c29495a4597.tmp</t>
  </si>
  <si>
    <t>12/31/2019 12:38:39</t>
  </si>
  <si>
    <t>12/31/2019 12:43:36</t>
  </si>
  <si>
    <t>12/31/2019 12:41:55</t>
  </si>
  <si>
    <t>12/31/2019 12:43:43</t>
  </si>
  <si>
    <t>12/31/2019 12:44:36</t>
  </si>
  <si>
    <t>12/31/2019 12:40:15</t>
  </si>
  <si>
    <t>12/31/2019 12:41:15</t>
  </si>
  <si>
    <t>12/31/2019 12:40:41</t>
  </si>
  <si>
    <t>10.200.66.169</t>
  </si>
  <si>
    <t>74-86-7A-FD-D3-44</t>
  </si>
  <si>
    <t>VOTORANT-WB017</t>
  </si>
  <si>
    <t>mariagsg</t>
  </si>
  <si>
    <t>\\acsfs\profiles$\mariagsg\Downloads\</t>
  </si>
  <si>
    <t>832e9dad-28d0-4eb1-a27d-de5d89fd9e30.tmp</t>
  </si>
  <si>
    <t>\\acsfs\profiles$\mariagsg\Downloads\832e9dad-28d0-4eb1-a27d-de5d89fd9e30.tmp</t>
  </si>
  <si>
    <t>a3d82320-75d4-4af5-93c9-ffad634ca609.tmp</t>
  </si>
  <si>
    <t>\\acsfs\profiles$\mariagsg\Downloads\a3d82320-75d4-4af5-93c9-ffad634ca609.tmp</t>
  </si>
  <si>
    <t>12/31/2019 12:40:43</t>
  </si>
  <si>
    <t>Q29udHJvbGxlci5QYXl3YXJlXzEtMg-- (6).ica</t>
  </si>
  <si>
    <t>\\acsfs\profiles$\mariagsg\Downloads\Q29udHJvbGxlci5QYXl3YXJlXzEtMg-- (6).ica</t>
  </si>
  <si>
    <t>12/31/2019 12:41:11</t>
  </si>
  <si>
    <t>Q29udHJvbGxlci5DYWxjdWxhZG9yYURlVmVuY2lt (5).ica</t>
  </si>
  <si>
    <t>\\acsfs\profiles$\mariagsg\Downloads\Q29udHJvbGxlci5DYWxjdWxhZG9yYURlVmVuY2lt (5).ica</t>
  </si>
  <si>
    <t>12/31/2019 12:41:35</t>
  </si>
  <si>
    <t>733a9f09-907b-4718-878e-62482868c5ca.tmp</t>
  </si>
  <si>
    <t>\\acsfs\profiles$\mariagsg\Downloads\733a9f09-907b-4718-878e-62482868c5ca.tmp</t>
  </si>
  <si>
    <t>12/31/2019 12:44:06</t>
  </si>
  <si>
    <t>12/31/2019 12:47:36</t>
  </si>
  <si>
    <t>12/31/2019 12:43:48</t>
  </si>
  <si>
    <t>12/31/2019 12:48:36</t>
  </si>
  <si>
    <t>b01a73ce-14b2-4c17-a46c-c0170a1ef17d.tmp</t>
  </si>
  <si>
    <t>\\acsfs\profiles$\Flaviojmm\Downloads\b01a73ce-14b2-4c17-a46c-c0170a1ef17d.tmp</t>
  </si>
  <si>
    <t>12/31/2019 12:46:15</t>
  </si>
  <si>
    <t>12/31/2019 12:49:36</t>
  </si>
  <si>
    <t>12/31/2019 12:47:15</t>
  </si>
  <si>
    <t>12/31/2019 12:46:10</t>
  </si>
  <si>
    <t>welidicdj</t>
  </si>
  <si>
    <t>\\acsfs\profiles$\welidicdj\Downloads\</t>
  </si>
  <si>
    <t>3698b10e-6488-4d5d-977f-355f30caadbf.tmp</t>
  </si>
  <si>
    <t>\\acsfs\profiles$\welidicdj\Downloads\3698b10e-6488-4d5d-977f-355f30caadbf.tmp</t>
  </si>
  <si>
    <t>12/31/2019 12:46:13</t>
  </si>
  <si>
    <t>Q29udHJvbGxlci5QYXl3YXJl (16).ica</t>
  </si>
  <si>
    <t>\\acsfs\profiles$\welidicdj\Downloads\Q29udHJvbGxlci5QYXl3YXJl (16).ica</t>
  </si>
  <si>
    <t>12/31/2019 12:46:40</t>
  </si>
  <si>
    <t>12/31/2019 12:47:48</t>
  </si>
  <si>
    <t>e4d55b6b-3c9e-4d99-a5eb-159f1ec5f00a.tmp</t>
  </si>
  <si>
    <t>\\acsfs\profiles$\welidicdj\Downloads\e4d55b6b-3c9e-4d99-a5eb-159f1ec5f00a.tmp</t>
  </si>
  <si>
    <t>12/31/2019 12:47:02</t>
  </si>
  <si>
    <t>12/31/2019 12:50:36</t>
  </si>
  <si>
    <t>12/31/2019 12:47:37</t>
  </si>
  <si>
    <t>12/31/2019 12:51:36</t>
  </si>
  <si>
    <t>f0541df8-298b-43c2-95b8-7d5ad6c0430e.tmp</t>
  </si>
  <si>
    <t>\\acsfs\profiles$\philipegsf\Downloads\f0541df8-298b-43c2-95b8-7d5ad6c0430e.tmp</t>
  </si>
  <si>
    <t>12/31/2019 12:49:26</t>
  </si>
  <si>
    <t>12/31/2019 12:52:36</t>
  </si>
  <si>
    <t>12/31/2019 12:47:56</t>
  </si>
  <si>
    <t>12/31/2019 12:53:35</t>
  </si>
  <si>
    <t>12/31/2019 12:50:34</t>
  </si>
  <si>
    <t>12/31/2019 12:48:47</t>
  </si>
  <si>
    <t>12/31/2019 12:52:16</t>
  </si>
  <si>
    <t>12/31/2019 12:54:36</t>
  </si>
  <si>
    <t>12/31/2019 12:53:15</t>
  </si>
  <si>
    <t>12/31/2019 12:55:03</t>
  </si>
  <si>
    <t>12/31/2019 12:57:36</t>
  </si>
  <si>
    <t>12/31/2019 12:53:55</t>
  </si>
  <si>
    <t>12/31/2019 12:58:36</t>
  </si>
  <si>
    <t>12/31/2019 12:54:50</t>
  </si>
  <si>
    <t>b97c554f-c821-4926-86f2-6a26d74b8ac6.tmp</t>
  </si>
  <si>
    <t>\\acsfs\profiles$\rafaelamsv\Downloads\b97c554f-c821-4926-86f2-6a26d74b8ac6.tmp</t>
  </si>
  <si>
    <t>12/31/2019 12:58:15</t>
  </si>
  <si>
    <t>12/31/2019 12:59:36</t>
  </si>
  <si>
    <t>12/31/2019 12:58:22</t>
  </si>
  <si>
    <t>12/31/2019 13:01:36</t>
  </si>
  <si>
    <t>12/31/2019 12:58:23</t>
  </si>
  <si>
    <t>lu18508zy227.tmp</t>
  </si>
  <si>
    <t>\\acsfs\profiles$\geovanaasa\My Documents\lu18508zy227.tmp</t>
  </si>
  <si>
    <t>\\acsfs\profiles$\geovanaasa\My Documents\lu18508zy227.tmp\</t>
  </si>
  <si>
    <t>\\acsfs\profiles$\geovanaasa\My Documents\lu18508zy227.tmp\META-INF\</t>
  </si>
  <si>
    <t>\\acsfs\profiles$\geovanaasa\My Documents\lu18508zy227.tmp\Thumbnails\</t>
  </si>
  <si>
    <t>12/31/2019 12:58:27</t>
  </si>
  <si>
    <t>.~lock.geovana 3.ods#</t>
  </si>
  <si>
    <t>\\acsfs\profiles$\geovanaasa\My Documents\.~lock.geovana 3.ods#</t>
  </si>
  <si>
    <t>12/31/2019 12:59:54</t>
  </si>
  <si>
    <t>12/31/2019 12:59:55</t>
  </si>
  <si>
    <t>lu18508zy22f.tmp</t>
  </si>
  <si>
    <t>\\acsfs\profiles$\geovanaasa\My Documents\lu18508zy22f.tmp</t>
  </si>
  <si>
    <t>\\acsfs\profiles$\geovanaasa\My Documents\lu18508zy22f.tmp\</t>
  </si>
  <si>
    <t>\\acsfs\profiles$\geovanaasa\My Documents\lu18508zy22f.tmp\META-INF\</t>
  </si>
  <si>
    <t>\\acsfs\profiles$\geovanaasa\My Documents\lu18508zy22f.tmp\Thumbnails\</t>
  </si>
  <si>
    <t>12/31/2019 13:00:01</t>
  </si>
  <si>
    <t>.~lock.geovana 2.ods#</t>
  </si>
  <si>
    <t>\\acsfs\profiles$\geovanaasa\My Documents\.~lock.geovana 2.ods#</t>
  </si>
  <si>
    <t>12/31/2019 13:01:31</t>
  </si>
  <si>
    <t>12/31/2019 13:02:35</t>
  </si>
  <si>
    <t>24839e06-a44b-480f-b674-55be3940dfed.tmp</t>
  </si>
  <si>
    <t>\\acsfs\profiles$\quindaizaagds\Downloads\24839e06-a44b-480f-b674-55be3940dfed.tmp</t>
  </si>
  <si>
    <t>12/31/2019 12:59:56</t>
  </si>
  <si>
    <t>12/31/2019 13:03:36</t>
  </si>
  <si>
    <t>12/31/2019 12:59:47</t>
  </si>
  <si>
    <t>12/31/2019 12:59:32</t>
  </si>
  <si>
    <t>2fc1a1e8-3987-4003-b6f5-eeaf5455ccc2.tmp</t>
  </si>
  <si>
    <t>\\acsfs\profiles$\geovannasm\Downloads\2fc1a1e8-3987-4003-b6f5-eeaf5455ccc2.tmp</t>
  </si>
  <si>
    <t>12/31/2019 12:59:40</t>
  </si>
  <si>
    <t>12/31/2019 12:59:41</t>
  </si>
  <si>
    <t>lu59249qwzu.tmp</t>
  </si>
  <si>
    <t>\\acsfs\profiles$\jonatanls\My Documents\lu59249qwzu.tmp</t>
  </si>
  <si>
    <t>12/31/2019 13:00:18</t>
  </si>
  <si>
    <t>12/31/2019 13:00:19</t>
  </si>
  <si>
    <t>lu59249qx00.tmp</t>
  </si>
  <si>
    <t>\\acsfs\profiles$\jonatanls\My Documents\lu59249qx00.tmp</t>
  </si>
  <si>
    <t>12/31/2019 13:01:00</t>
  </si>
  <si>
    <t>aa3ed0f8-2947-4a1f-a0ad-b71a40ccdb40.tmp</t>
  </si>
  <si>
    <t>\\acsfs\profiles$\jonatanls\Downloads\aa3ed0f8-2947-4a1f-a0ad-b71a40ccdb40.tmp</t>
  </si>
  <si>
    <t>12/31/2019 13:01:38</t>
  </si>
  <si>
    <t>lu1876019g2vs.tmp</t>
  </si>
  <si>
    <t>\\acsfs\profiles$\FLAVIOJMM\My Documents\lu1876019g2vs.tmp</t>
  </si>
  <si>
    <t>\\acsfs\profiles$\FLAVIOJMM\My Documents\lu1876019g2vs.tmp\</t>
  </si>
  <si>
    <t>\\acsfs\profiles$\FLAVIOJMM\My Documents\lu1876019g2vs.tmp\META-INF\</t>
  </si>
  <si>
    <t>\\acsfs\profiles$\FLAVIOJMM\My Documents\lu1876019g2vs.tmp\Thumbnails\</t>
  </si>
  <si>
    <t>12/31/2019 13:03:09</t>
  </si>
  <si>
    <t>12/31/2019 13:02:13</t>
  </si>
  <si>
    <t>12/31/2019 13:00:53</t>
  </si>
  <si>
    <t>12/31/2019 13:04:36</t>
  </si>
  <si>
    <t>fd17475d-7657-481d-b631-0d0df47281b9.tmp</t>
  </si>
  <si>
    <t>\\acsfs\profiles$\anafaes\Downloads\fd17475d-7657-481d-b631-0d0df47281b9.tmp</t>
  </si>
  <si>
    <t>12/31/2019 13:01:13</t>
  </si>
  <si>
    <t>e608ead0-c8d1-4db2-bc85-4cb52d1a60f5.tmp</t>
  </si>
  <si>
    <t>\\acsfs\profiles$\anafaes\Downloads\e608ead0-c8d1-4db2-bc85-4cb52d1a60f5.tmp</t>
  </si>
  <si>
    <t>12/31/2019 12:59:15</t>
  </si>
  <si>
    <t>12/31/2019 13:02:09</t>
  </si>
  <si>
    <t>1b5bede4-edb7-4865-9f18-4afa705de826.tmp</t>
  </si>
  <si>
    <t>\\acsfs\profiles$\isabellegtds\Downloads\1b5bede4-edb7-4865-9f18-4afa705de826.tmp</t>
  </si>
  <si>
    <t>12/31/2019 13:05:06</t>
  </si>
  <si>
    <t>12/31/2019 13:07:36</t>
  </si>
  <si>
    <t>lu77602jihk.tmp</t>
  </si>
  <si>
    <t>\\acsfs\profiles$\jalilebds\Downloads\lu77602jihk.tmp</t>
  </si>
  <si>
    <t>20258016-ab62-40de-b437-1c2ffa72b775.tmp</t>
  </si>
  <si>
    <t>\\acsfs\profiles$\quindaizaagds\Downloads\20258016-ab62-40de-b437-1c2ffa72b775.tmp</t>
  </si>
  <si>
    <t>12/31/2019 13:02:45</t>
  </si>
  <si>
    <t>50e95846-fe1a-425e-9f62-de4c9d972fea.tmp</t>
  </si>
  <si>
    <t>\\acsfs\profiles$\quindaizaagds\Downloads\50e95846-fe1a-425e-9f62-de4c9d972fea.tmp</t>
  </si>
  <si>
    <t>12/31/2019 13:05:56</t>
  </si>
  <si>
    <t>12/31/2019 13:08:36</t>
  </si>
  <si>
    <t>12/31/2019 13:06:09</t>
  </si>
  <si>
    <t>12/31/2019 13:06:08</t>
  </si>
  <si>
    <t>09aebef7-070a-46af-9a5c-10f06083e7e4.tmp</t>
  </si>
  <si>
    <t>\\acsfs\profiles$\rafaelamsv\Downloads\09aebef7-070a-46af-9a5c-10f06083e7e4.tmp</t>
  </si>
  <si>
    <t>12/31/2019 13:08:30</t>
  </si>
  <si>
    <t>12/31/2019 13:09:36</t>
  </si>
  <si>
    <t>7847b000-eed8-4862-9aec-ffdabd0568ed.tmp</t>
  </si>
  <si>
    <t>\\acsfs\profiles$\anafaes\Downloads\7847b000-eed8-4862-9aec-ffdabd0568ed.tmp</t>
  </si>
  <si>
    <t>12/31/2019 13:04:15</t>
  </si>
  <si>
    <t>12/31/2019 13:05:15</t>
  </si>
  <si>
    <t>12/31/2019 13:09:41</t>
  </si>
  <si>
    <t>12/31/2019 13:10:36</t>
  </si>
  <si>
    <t>12/31/2019 13:05:45</t>
  </si>
  <si>
    <t>12/31/2019 13:08:56</t>
  </si>
  <si>
    <t>12/31/2019 13:11:36</t>
  </si>
  <si>
    <t>47a74be8-ea9d-4cda-a16a-c881d100c758.tmp</t>
  </si>
  <si>
    <t>\\acsfs\profiles$\gabriellalpr\Downloads\47a74be8-ea9d-4cda-a16a-c881d100c758.tmp</t>
  </si>
  <si>
    <t>12/31/2019 13:06:57</t>
  </si>
  <si>
    <t>.~lock.geovana.ods#</t>
  </si>
  <si>
    <t>\\acsfs\profiles$\geovanaasa\My Documents\.~lock.geovana.ods#</t>
  </si>
  <si>
    <t>12/31/2019 13:10:19</t>
  </si>
  <si>
    <t>cf7746a3-bf4e-4a59-a2d8-c8c8b3e85878.tmp</t>
  </si>
  <si>
    <t>\\acsfs\profiles$\geovanaasa\Downloads\cf7746a3-bf4e-4a59-a2d8-c8c8b3e85878.tmp</t>
  </si>
  <si>
    <t>12/31/2019 13:10:03</t>
  </si>
  <si>
    <t>12/31/2019 13:12:36</t>
  </si>
  <si>
    <t>12/31/2019 13:10:04</t>
  </si>
  <si>
    <t>lu77602jihn.tmp</t>
  </si>
  <si>
    <t>\\acsfs\profiles$\jalilebds\Downloads\lu77602jihn.tmp</t>
  </si>
  <si>
    <t>12/31/2019 13:07:53</t>
  </si>
  <si>
    <t>12/31/2019 13:09:35</t>
  </si>
  <si>
    <t>12/31/2019 13:13:36</t>
  </si>
  <si>
    <t>12/31/2019 13:09:56</t>
  </si>
  <si>
    <t>mail.google.com/sync/u/0/i/s?hl=pt-BR&amp;c=48</t>
  </si>
  <si>
    <t>12/31/2019 13:09:57</t>
  </si>
  <si>
    <t>12/31/2019 13:10:11</t>
  </si>
  <si>
    <t>mail.google.com/sync/u/0/i/s?hl=pt-BR&amp;c=53</t>
  </si>
  <si>
    <t>12/31/2019 13:10:26</t>
  </si>
  <si>
    <t>mail.google.com/sync/u/0/i/s?hl=pt-BR&amp;c=58</t>
  </si>
  <si>
    <t>12/31/2019 13:10:32</t>
  </si>
  <si>
    <t>mail.google.com/sync/u/0/i/s?hl=pt-BR&amp;c=63</t>
  </si>
  <si>
    <t>12/31/2019 13:10:39</t>
  </si>
  <si>
    <t>mail.google.com/sync/u/0/i/s?hl=pt-BR&amp;c=69</t>
  </si>
  <si>
    <t>12/31/2019 13:11:08</t>
  </si>
  <si>
    <t>12/31/2019 13:11:17</t>
  </si>
  <si>
    <t>mail.google.com/sync/u/0/i/s?hl=pt-BR&amp;c=79</t>
  </si>
  <si>
    <t>12/31/2019 13:11:44</t>
  </si>
  <si>
    <t>12/31/2019 13:11:56</t>
  </si>
  <si>
    <t>12/31/2019 13:12:07</t>
  </si>
  <si>
    <t>12/31/2019 13:12:16</t>
  </si>
  <si>
    <t>12/31/2019 13:12:26</t>
  </si>
  <si>
    <t>mail.google.com/sync/u/0/i/s?hl=pt-BR&amp;c=100</t>
  </si>
  <si>
    <t>12/31/2019 13:12:28</t>
  </si>
  <si>
    <t>mail.google.com/sync/u/0/i/s?hl=pt-BR&amp;c=105</t>
  </si>
  <si>
    <t>12/31/2019 13:12:32</t>
  </si>
  <si>
    <t>12/31/2019 13:12:35</t>
  </si>
  <si>
    <t>mail.google.com/sync/u/0/i/s?hl=pt-BR&amp;c=115</t>
  </si>
  <si>
    <t>12/31/2019 13:12:41</t>
  </si>
  <si>
    <t>12/31/2019 13:12:59</t>
  </si>
  <si>
    <t>12/31/2019 13:10:27</t>
  </si>
  <si>
    <t>12/31/2019 13:10:15</t>
  </si>
  <si>
    <t>12/31/2019 13:14:36</t>
  </si>
  <si>
    <t>12/31/2019 13:11:15</t>
  </si>
  <si>
    <t>12/31/2019 13:12:34</t>
  </si>
  <si>
    <t>12/31/2019 13:15:36</t>
  </si>
  <si>
    <t>lu12940lsead.tmp</t>
  </si>
  <si>
    <t>\\acsfs\profiles$\dhiulliananads\My Documents\lu12940lsead.tmp</t>
  </si>
  <si>
    <t>\\acsfs\profiles$\dhiulliananads\My Documents\lu12940lsead.tmp\</t>
  </si>
  <si>
    <t>\\acsfs\profiles$\dhiulliananads\My Documents\lu12940lsead.tmp\META-INF\</t>
  </si>
  <si>
    <t>\\acsfs\profiles$\dhiulliananads\My Documents\lu12940lsead.tmp\Thumbnails\</t>
  </si>
  <si>
    <t>lu12940lseak.tmp</t>
  </si>
  <si>
    <t>\\acsfs\profiles$\dhiulliananads\My Documents\lu12940lseak.tmp</t>
  </si>
  <si>
    <t>12/31/2019 13:13:00</t>
  </si>
  <si>
    <t>\\acsfs\profiles$\dhiulliananads\My Documents\lu12940lseak.tmp\</t>
  </si>
  <si>
    <t>\\acsfs\profiles$\dhiulliananads\My Documents\lu12940lseak.tmp\META-INF\</t>
  </si>
  <si>
    <t>\\acsfs\profiles$\dhiulliananads\My Documents\lu12940lseak.tmp\Thumbnails\</t>
  </si>
  <si>
    <t>12/31/2019 13:16:36</t>
  </si>
  <si>
    <t>12/31/2019 13:12:29</t>
  </si>
  <si>
    <t>lu18508zy22p.tmp</t>
  </si>
  <si>
    <t>\\acsfs\profiles$\geovanaasa\My Documents\lu18508zy22p.tmp</t>
  </si>
  <si>
    <t>\\acsfs\profiles$\geovanaasa\My Documents\lu18508zy22p.tmp\</t>
  </si>
  <si>
    <t>\\acsfs\profiles$\geovanaasa\My Documents\lu18508zy22p.tmp\META-INF\</t>
  </si>
  <si>
    <t>\\acsfs\profiles$\geovanaasa\My Documents\lu18508zy22p.tmp\Thumbnails\</t>
  </si>
  <si>
    <t>12/31/2019 13:16:14</t>
  </si>
  <si>
    <t>12/31/2019 13:18:35</t>
  </si>
  <si>
    <t>12/31/2019 13:16:15</t>
  </si>
  <si>
    <t>lu400165kr02g.tmp</t>
  </si>
  <si>
    <t>\\acsfs\profiles$\LUCASBS\RENEG BV\Consolidado\lu400165kr02g.tmp</t>
  </si>
  <si>
    <t>\\acsfs\profiles$\LUCASBS\RENEG BV\Consolidado\lu400165kr02g.tmp\</t>
  </si>
  <si>
    <t>\\acsfs\profiles$\LUCASBS\RENEG BV\Consolidado\lu400165kr02g.tmp\META-INF\</t>
  </si>
  <si>
    <t>\\acsfs\profiles$\LUCASBS\RENEG BV\Consolidado\lu400165kr02g.tmp\Thumbnails\</t>
  </si>
  <si>
    <t>12/31/2019 13:16:33</t>
  </si>
  <si>
    <t>mail.google.com/sync/u/0/i/s?hl=pt-BR&amp;c=127</t>
  </si>
  <si>
    <t>12/31/2019 13:16:37</t>
  </si>
  <si>
    <t>12/31/2019 13:17:10</t>
  </si>
  <si>
    <t>mail.google.com/sync/u/0/i/s?hl=pt-BR&amp;c=138</t>
  </si>
  <si>
    <t>12/31/2019 13:17:34</t>
  </si>
  <si>
    <t>mail.google.com/sync/u/0/i/s?hl=pt-BR&amp;c=143</t>
  </si>
  <si>
    <t>12/31/2019 13:17:47</t>
  </si>
  <si>
    <t>mail.google.com/sync/u/0/i/s?hl=pt-BR&amp;c=149</t>
  </si>
  <si>
    <t>12/31/2019 13:17:53</t>
  </si>
  <si>
    <t>mail.google.com/sync/u/0/i/s?hl=pt-BR&amp;c=154</t>
  </si>
  <si>
    <t>12/31/2019 13:17:56</t>
  </si>
  <si>
    <t>12/31/2019 13:19:36</t>
  </si>
  <si>
    <t>12/31/2019 13:17:15</t>
  </si>
  <si>
    <t>12/31/2019 13:18:57</t>
  </si>
  <si>
    <t>12/31/2019 13:15:33</t>
  </si>
  <si>
    <t>12/31/2019 13:20:37</t>
  </si>
  <si>
    <t>12/31/2019 13:16:18</t>
  </si>
  <si>
    <t>12/31/2019 13:19:24</t>
  </si>
  <si>
    <t>12/31/2019 13:21:36</t>
  </si>
  <si>
    <t>https://udpmailboxap01.acs.com.br:8443/h/search?si=0&amp;so=0&amp;sc=58227&amp;sfi=6&amp;st=conversation&amp;action=compose</t>
  </si>
  <si>
    <t>6;</t>
  </si>
  <si>
    <t>https://6</t>
  </si>
  <si>
    <t>12/31/2019 13:16:50</t>
  </si>
  <si>
    <t>12/31/2019 13:16:51</t>
  </si>
  <si>
    <t>lu18508zy22u.tmp</t>
  </si>
  <si>
    <t>\\acsfs\profiles$\geovanaasa\My Documents\lu18508zy22u.tmp</t>
  </si>
  <si>
    <t>\\acsfs\profiles$\geovanaasa\My Documents\lu18508zy22u.tmp\</t>
  </si>
  <si>
    <t>\\acsfs\profiles$\geovanaasa\My Documents\lu18508zy22u.tmp\META-INF\</t>
  </si>
  <si>
    <t>\\acsfs\profiles$\geovanaasa\My Documents\lu18508zy22u.tmp\Thumbnails\</t>
  </si>
  <si>
    <t>12/31/2019 13:22:36</t>
  </si>
  <si>
    <t>12/31/2019 13:20:38</t>
  </si>
  <si>
    <t>lu202721a2ri7.tmp</t>
  </si>
  <si>
    <t>\\acsfs\profiles$\VIVIANALDS\My Documents\lu202721a2ri7.tmp</t>
  </si>
  <si>
    <t>\\acsfs\profiles$\VIVIANALDS\My Documents\lu202721a2ri7.tmp\</t>
  </si>
  <si>
    <t>\\acsfs\profiles$\VIVIANALDS\My Documents\lu202721a2ri7.tmp\META-INF\</t>
  </si>
  <si>
    <t>\\acsfs\profiles$\VIVIANALDS\My Documents\lu202721a2ri7.tmp\Thumbnails\</t>
  </si>
  <si>
    <t>12/31/2019 13:20:40</t>
  </si>
  <si>
    <t>12/31/2019 13:20:41</t>
  </si>
  <si>
    <t>lu202721a2rib.tmp</t>
  </si>
  <si>
    <t>\\acsfs\profiles$\VIVIANALDS\My Documents\lu202721a2rib.tmp</t>
  </si>
  <si>
    <t>\\acsfs\profiles$\VIVIANALDS\My Documents\lu202721a2rib.tmp\</t>
  </si>
  <si>
    <t>\\acsfs\profiles$\VIVIANALDS\My Documents\lu202721a2rib.tmp\META-INF\</t>
  </si>
  <si>
    <t>\\acsfs\profiles$\VIVIANALDS\My Documents\lu202721a2rib.tmp\Thumbnails\</t>
  </si>
  <si>
    <t>12/31/2019 13:19:28</t>
  </si>
  <si>
    <t>12/31/2019 13:23:35</t>
  </si>
  <si>
    <t>12/31/2019 13:19:38</t>
  </si>
  <si>
    <t>mail.google.com/sync/u/0/i/s?hl=pt-BR&amp;c=166</t>
  </si>
  <si>
    <t>12/31/2019 13:19:43</t>
  </si>
  <si>
    <t>mail.google.com/sync/u/0/i/s?hl=pt-BR&amp;c=171</t>
  </si>
  <si>
    <t>12/31/2019 13:20:02</t>
  </si>
  <si>
    <t>mail.google.com/sync/u/0/i/s?hl=pt-BR&amp;c=176</t>
  </si>
  <si>
    <t>12/31/2019 13:20:25</t>
  </si>
  <si>
    <t>mail.google.com/sync/u/0/i/s?hl=pt-BR&amp;c=181</t>
  </si>
  <si>
    <t>12/31/2019 13:20:32</t>
  </si>
  <si>
    <t>mail.google.com/sync/u/0/i/s?hl=pt-BR&amp;c=186</t>
  </si>
  <si>
    <t>12/31/2019 13:20:50</t>
  </si>
  <si>
    <t>mail.google.com/sync/u/0/i/s?hl=pt-BR&amp;c=192</t>
  </si>
  <si>
    <t>12/31/2019 13:21:01</t>
  </si>
  <si>
    <t>mail.google.com/sync/u/0/i/s?hl=pt-BR&amp;c=197</t>
  </si>
  <si>
    <t>12/31/2019 13:21:13</t>
  </si>
  <si>
    <t>mail.google.com/sync/u/0/i/s?hl=pt-BR&amp;c=202</t>
  </si>
  <si>
    <t>12/31/2019 13:21:58</t>
  </si>
  <si>
    <t>12/31/2019 13:22:15</t>
  </si>
  <si>
    <t>12/31/2019 13:22:25</t>
  </si>
  <si>
    <t>mail.google.com/sync/u/0/i/s?hl=pt-BR&amp;c=218</t>
  </si>
  <si>
    <t>12/31/2019 13:22:31</t>
  </si>
  <si>
    <t>mail.google.com/sync/u/0/i/s?hl=pt-BR&amp;c=223</t>
  </si>
  <si>
    <t>12/31/2019 13:22:38</t>
  </si>
  <si>
    <t>mail.google.com/sync/u/0/i/s?hl=pt-BR&amp;c=229</t>
  </si>
  <si>
    <t>12/31/2019 13:22:43</t>
  </si>
  <si>
    <t>mail.google.com/sync/u/0/i/s?hl=pt-BR&amp;c=234</t>
  </si>
  <si>
    <t>12/31/2019 13:22:45</t>
  </si>
  <si>
    <t>mail.google.com/sync/u/0/i/s?hl=pt-BR&amp;c=239</t>
  </si>
  <si>
    <t>12/31/2019 13:22:48</t>
  </si>
  <si>
    <t>12/31/2019 13:22:54</t>
  </si>
  <si>
    <t>12/31/2019 13:22:58</t>
  </si>
  <si>
    <t>12/31/2019 13:20:49</t>
  </si>
  <si>
    <t>8ca67c3e-31d7-41f7-9b82-97052763ed26.tmp</t>
  </si>
  <si>
    <t>\\acsfs\profiles$\kellzylenneasr\Downloads\8ca67c3e-31d7-41f7-9b82-97052763ed26.tmp</t>
  </si>
  <si>
    <t>12/31/2019 13:21:10</t>
  </si>
  <si>
    <t>12/31/2019 13:21:11</t>
  </si>
  <si>
    <t>lu1406010xs10.tmp</t>
  </si>
  <si>
    <t>\\acsfs\profiles$\jonathanwap\lu1406010xs10.tmp</t>
  </si>
  <si>
    <t>\\acsfs\profiles$\jonathanwap\lu1406010xs10.tmp\</t>
  </si>
  <si>
    <t>\\acsfs\profiles$\jonathanwap\lu1406010xs10.tmp\META-INF\</t>
  </si>
  <si>
    <t>\\acsfs\profiles$\jonathanwap\lu1406010xs10.tmp\Thumbnails\</t>
  </si>
  <si>
    <t>12/31/2019 13:24:36</t>
  </si>
  <si>
    <t>12/31/2019 13:23:15</t>
  </si>
  <si>
    <t>12/31/2019 13:23:10</t>
  </si>
  <si>
    <t>12/31/2019 13:26:36</t>
  </si>
  <si>
    <t>10.200.66.51</t>
  </si>
  <si>
    <t>74-86-7A-FB-17-64</t>
  </si>
  <si>
    <t>VOTORANT-YB010</t>
  </si>
  <si>
    <t>layonmof</t>
  </si>
  <si>
    <t>\\acsfs\profiles$\layonmof\Contacts\</t>
  </si>
  <si>
    <t>LAYON MARCIO OLIVEIRA FARIA (23838).contact</t>
  </si>
  <si>
    <t>\\acsfs\profiles$\layonmof\Contacts\LAYON MARCIO OLIVEIRA FARIA (23838).contact</t>
  </si>
  <si>
    <t>12/31/2019 13:23:22</t>
  </si>
  <si>
    <t>\\acsfs\profiles$\layonmof\My Documents\My Videos\</t>
  </si>
  <si>
    <t>\\acsfs\profiles$\layonmof\My Documents\My Videos\desktop.ini</t>
  </si>
  <si>
    <t>12/31/2019 13:23:23</t>
  </si>
  <si>
    <t>\\acsfs\profiles$\layonmof\My Documents\My Pictures\</t>
  </si>
  <si>
    <t>\\acsfs\profiles$\layonmof\My Documents\My Pictures\desktop.ini</t>
  </si>
  <si>
    <t>12/31/2019 13:23:24</t>
  </si>
  <si>
    <t>\\acsfs\profiles$\layonmof\Contacts\desktop.ini</t>
  </si>
  <si>
    <t>\\acsfs\profiles$\layonmof\Favorites\</t>
  </si>
  <si>
    <t>\\acsfs\profiles$\layonmof\Favorites\desktop.ini</t>
  </si>
  <si>
    <t>12/31/2019 13:23:25</t>
  </si>
  <si>
    <t>\\acsfs\profiles$\layonmof\My Documents\My Music\</t>
  </si>
  <si>
    <t>\\acsfs\profiles$\layonmof\My Documents\My Music\desktop.ini</t>
  </si>
  <si>
    <t>12/31/2019 13:23:26</t>
  </si>
  <si>
    <t>\\acsfs\profiles$\layonmof\Searches\</t>
  </si>
  <si>
    <t>\\acsfs\profiles$\layonmof\Searches\desktop.ini</t>
  </si>
  <si>
    <t>\\acsfs\profiles$\layonmof\Downloads\</t>
  </si>
  <si>
    <t>\\acsfs\profiles$\layonmof\Downloads\desktop.ini</t>
  </si>
  <si>
    <t>12/31/2019 13:23:27</t>
  </si>
  <si>
    <t>\\acsfs\profiles$\layonmof\My Documents\</t>
  </si>
  <si>
    <t>\\acsfs\profiles$\layonmof\My Documents\desktop.ini</t>
  </si>
  <si>
    <t>12/31/2019 13:20:54</t>
  </si>
  <si>
    <t>12/31/2019 13:23:28</t>
  </si>
  <si>
    <t>\\acsfs\profiles$\layonmof\Saved Games\</t>
  </si>
  <si>
    <t>\\acsfs\profiles$\layonmof\Saved Games\desktop.ini</t>
  </si>
  <si>
    <t>12/31/2019 13:21:24</t>
  </si>
  <si>
    <t>12/31/2019 13:21:54</t>
  </si>
  <si>
    <t>12/31/2019 13:22:24</t>
  </si>
  <si>
    <t>12/31/2019 13:23:44</t>
  </si>
  <si>
    <t>\\acsfs\profiles$\layonmof\Favorites\Links for Brasil\</t>
  </si>
  <si>
    <t>\\acsfs\profiles$\layonmof\Favorites\Links for Brasil\desktop.ini</t>
  </si>
  <si>
    <t>\\acsfs\profiles$\layonmof\Favorites\Links for Brasil\Microsoft Brasil.url</t>
  </si>
  <si>
    <t>12/31/2019 13:23:46</t>
  </si>
  <si>
    <t>\\acsfs\profiles$\layonmof\Favorites\Links for Brasil\Windows Brasil.url</t>
  </si>
  <si>
    <t>12/31/2019 13:23:47</t>
  </si>
  <si>
    <t>\\acsfs\profiles$\layonmof\Favorites\Links for Brasil\MSN Brasil.url</t>
  </si>
  <si>
    <t>12/31/2019 13:25:34</t>
  </si>
  <si>
    <t>c1150966-f8e8-46ad-93d7-534f118704ef.tmp</t>
  </si>
  <si>
    <t>\\acsfs\profiles$\layonmof\Downloads\c1150966-f8e8-46ad-93d7-534f118704ef.tmp</t>
  </si>
  <si>
    <t>12/31/2019 13:24:22</t>
  </si>
  <si>
    <t>12/31/2019 13:24:23</t>
  </si>
  <si>
    <t>lu18508zy22z.tmp</t>
  </si>
  <si>
    <t>\\acsfs\profiles$\geovanaasa\My Documents\lu18508zy22z.tmp</t>
  </si>
  <si>
    <t>\\acsfs\profiles$\geovanaasa\My Documents\lu18508zy22z.tmp\</t>
  </si>
  <si>
    <t>\\acsfs\profiles$\geovanaasa\My Documents\lu18508zy22z.tmp\META-INF\</t>
  </si>
  <si>
    <t>\\acsfs\profiles$\geovanaasa\My Documents\lu18508zy22z.tmp\Thumbnails\</t>
  </si>
  <si>
    <t>12/31/2019 13:24:47</t>
  </si>
  <si>
    <t>12/31/2019 13:24:49</t>
  </si>
  <si>
    <t>lu3790058nseq.tmp</t>
  </si>
  <si>
    <t>\\acsfs\profiles$\LUISPLS\My Documents\Nova pasta\lu3790058nseq.tmp</t>
  </si>
  <si>
    <t>12/31/2019 13:21:53</t>
  </si>
  <si>
    <t>62ce8c36-329f-4424-aab8-3f12e297574c.tmp</t>
  </si>
  <si>
    <t>\\acsfs\profiles$\alinepp\Downloads\62ce8c36-329f-4424-aab8-3f12e297574c.tmp</t>
  </si>
  <si>
    <t>12/31/2019 13:24:06</t>
  </si>
  <si>
    <t>12/31/2019 13:27:36</t>
  </si>
  <si>
    <t>12/31/2019 13:23:08</t>
  </si>
  <si>
    <t>12/31/2019 13:28:36</t>
  </si>
  <si>
    <t>12/31/2019 13:23:14</t>
  </si>
  <si>
    <t>mail.google.com/sync/u/0/i/s?hl=pt-BR&amp;c=264</t>
  </si>
  <si>
    <t>12/31/2019 13:23:34</t>
  </si>
  <si>
    <t>mail.google.com/sync/u/0/i/s?hl=pt-BR&amp;c=269</t>
  </si>
  <si>
    <t>12/31/2019 13:23:56</t>
  </si>
  <si>
    <t>12/31/2019 13:23:58</t>
  </si>
  <si>
    <t>mail.google.com/sync/u/0/i/s?hl=pt-BR&amp;c=275</t>
  </si>
  <si>
    <t>12/31/2019 13:24:04</t>
  </si>
  <si>
    <t>mail.google.com/sync/u/0/i/s?hl=pt-BR&amp;c=280</t>
  </si>
  <si>
    <t>12/31/2019 13:24:09</t>
  </si>
  <si>
    <t>mail.google.com/sync/u/0/i/s?hl=pt-BR&amp;c=285</t>
  </si>
  <si>
    <t>mail.google.com/sync/u/0/i/s?hl=pt-BR&amp;c=291</t>
  </si>
  <si>
    <t>12/31/2019 13:25:21</t>
  </si>
  <si>
    <t>mail.google.com/sync/u/0/i/s?hl=pt-BR&amp;c=297</t>
  </si>
  <si>
    <t>12/31/2019 13:25:22</t>
  </si>
  <si>
    <t>12/31/2019 13:26:02</t>
  </si>
  <si>
    <t>mail.google.com/sync/u/0/i/s?hl=pt-BR&amp;c=303</t>
  </si>
  <si>
    <t>12/31/2019 13:26:06</t>
  </si>
  <si>
    <t>mail.google.com/sync/u/0/i/s?hl=pt-BR&amp;c=308</t>
  </si>
  <si>
    <t>12/31/2019 13:26:34</t>
  </si>
  <si>
    <t>mail.google.com/sync/u/0/i/s?hl=pt-BR&amp;c=313</t>
  </si>
  <si>
    <t>12/31/2019 13:26:43</t>
  </si>
  <si>
    <t>mail.google.com/sync/u/0/i/s?hl=pt-BR&amp;c=319</t>
  </si>
  <si>
    <t>12/31/2019 13:27:03</t>
  </si>
  <si>
    <t>mail.google.com/sync/u/0/i/s?hl=pt-BR&amp;c=324</t>
  </si>
  <si>
    <t>12/31/2019 13:27:16</t>
  </si>
  <si>
    <t>12/31/2019 13:24:51</t>
  </si>
  <si>
    <t>lu1876019g2w8.tmp</t>
  </si>
  <si>
    <t>\\acsfs\profiles$\FLAVIOJMM\My Documents\lu1876019g2w8.tmp</t>
  </si>
  <si>
    <t>\\acsfs\profiles$\FLAVIOJMM\My Documents\lu1876019g2w8.tmp\</t>
  </si>
  <si>
    <t>\\acsfs\profiles$\FLAVIOJMM\My Documents\lu1876019g2w8.tmp\META-INF\</t>
  </si>
  <si>
    <t>\\acsfs\profiles$\FLAVIOJMM\My Documents\lu1876019g2w8.tmp\Thumbnails\</t>
  </si>
  <si>
    <t>12/31/2019 13:28:15</t>
  </si>
  <si>
    <t>12/31/2019 13:29:36</t>
  </si>
  <si>
    <t>12/31/2019 13:27:31</t>
  </si>
  <si>
    <t>ronansdm@algartech.com</t>
  </si>
  <si>
    <t>mail.google.com/_/upload?authuser=0&amp;dcp=asu-n&amp;upload_id=AEnB2UqDsk06bpboUO6wUVJxD--ZLWv8qilJ4ga0l1PS0Rso8b2OP-lnjvPu41oQeXCBTsD2Fa9Unr4kIS9nJh8CPYJWN9s850b1UCzOwOwFJm1y8RBSchI&amp;upload_protocol=resumable</t>
  </si>
  <si>
    <t>celmars@algartech.com;cristianecsa@algartech.com;danielhf@algartech.com;diegorg@algartech.com;ericacdosc@algartech.com;</t>
  </si>
  <si>
    <t>\\acsfs\engeset\ASA_ULA\NUCLEO_ATIVOS\PROJETOS\2018\INVENTARIO CAMPINAS\</t>
  </si>
  <si>
    <t>Relatório Inventário FA Corp Consolidado_atualizado_Nov19.xlsb</t>
  </si>
  <si>
    <t>celmars@algartech.com,cristianecsa@algartech.com,danielhf@algartech.com,diegorg@algartech.com,ericacdosc@algartech.com</t>
  </si>
  <si>
    <t>12/31/2019 13:28:58</t>
  </si>
  <si>
    <t>mail.google.com/_/upload?authuser=0&amp;dcp=asu-n&amp;upload_id=AEnB2UqXJGMdYF0uc76-c7z6TqebXLiAzKSG_yZm0nxW0Iw4U7W_tgwhM_xVA84vrTo4m2wHQuStiiliBUfCpp3tXJvkNzrZaD-MyQoAQpjTcmP7U0n8Gvs&amp;upload_protocol=resumable</t>
  </si>
  <si>
    <t>Informações_banco_190830.xlsx</t>
  </si>
  <si>
    <t>12/31/2019 13:27:33</t>
  </si>
  <si>
    <t>karinarm</t>
  </si>
  <si>
    <t>\\acsfs\profiles$\karinarm\Downloads\</t>
  </si>
  <si>
    <t>03844160-6a23-423d-8176-c0feecbf246d.tmp</t>
  </si>
  <si>
    <t>\\acsfs\profiles$\karinarm\Downloads\03844160-6a23-423d-8176-c0feecbf246d.tmp</t>
  </si>
  <si>
    <t>12/31/2019 13:25:53</t>
  </si>
  <si>
    <t>12/31/2019 13:31:36</t>
  </si>
  <si>
    <t>Não confirmado 21157.crdownload</t>
  </si>
  <si>
    <t>\\acsfs\profiles$\layonmof\Downloads\Não confirmado 21157.crdownload</t>
  </si>
  <si>
    <t>d5794ad3-9c89-41e2-a90e-fd959aafc128.tmp</t>
  </si>
  <si>
    <t>\\acsfs\profiles$\layonmof\Downloads\d5794ad3-9c89-41e2-a90e-fd959aafc128.tmp</t>
  </si>
  <si>
    <t>12/31/2019 13:26:08</t>
  </si>
  <si>
    <t>1bf86ab5-38a8-494f-89fe-efc64342027b.tmp</t>
  </si>
  <si>
    <t>\\acsfs\profiles$\layonmof\Downloads\1bf86ab5-38a8-494f-89fe-efc64342027b.tmp</t>
  </si>
  <si>
    <t>12/31/2019 13:26:22</t>
  </si>
  <si>
    <t>3d8dff76-54bf-4b90-8c6a-f91f0c718b5a.tmp</t>
  </si>
  <si>
    <t>\\acsfs\profiles$\layonmof\Downloads\3d8dff76-54bf-4b90-8c6a-f91f0c718b5a.tmp</t>
  </si>
  <si>
    <t>12/31/2019 13:27:40</t>
  </si>
  <si>
    <t>e0677559-fd9a-4883-8069-9fb9285ea0e4.tmp</t>
  </si>
  <si>
    <t>\\acsfs\profiles$\layonmof\Downloads\e0677559-fd9a-4883-8069-9fb9285ea0e4.tmp</t>
  </si>
  <si>
    <t>12/31/2019 13:27:09</t>
  </si>
  <si>
    <t>12/31/2019 13:31:01</t>
  </si>
  <si>
    <t>12/31/2019 13:28:54</t>
  </si>
  <si>
    <t>12/31/2019 13:32:36</t>
  </si>
  <si>
    <t>12/31/2019 13:31:11</t>
  </si>
  <si>
    <t>12/31/2019 13:33:35</t>
  </si>
  <si>
    <t>12/31/2019 13:29:56</t>
  </si>
  <si>
    <t>12/31/2019 13:29:49</t>
  </si>
  <si>
    <t>12/31/2019 13:29:15</t>
  </si>
  <si>
    <t>12/31/2019 13:34:36</t>
  </si>
  <si>
    <t>.~lock.isabelle 4.ods#</t>
  </si>
  <si>
    <t>\\acsfs\profiles$\ISABELLEGTDS\Nova pasta\.~lock.isabelle 4.ods#</t>
  </si>
  <si>
    <t>12/31/2019 13:33:36</t>
  </si>
  <si>
    <t>lu1780vk3zp.tmp</t>
  </si>
  <si>
    <t>\\acsfs\profiles$\ISABELLEGTDS\Nova pasta\lu1780vk3zp.tmp</t>
  </si>
  <si>
    <t>\\acsfs\profiles$\ISABELLEGTDS\Nova pasta\lu1780vk3zp.tmp\</t>
  </si>
  <si>
    <t>\\acsfs\profiles$\ISABELLEGTDS\Nova pasta\lu1780vk3zp.tmp\META-INF\</t>
  </si>
  <si>
    <t>\\acsfs\profiles$\ISABELLEGTDS\Nova pasta\lu1780vk3zp.tmp\Thumbnails\</t>
  </si>
  <si>
    <t>12/31/2019 13:35:12</t>
  </si>
  <si>
    <t>12/31/2019 13:36:36</t>
  </si>
  <si>
    <t>12/31/2019 13:35:13</t>
  </si>
  <si>
    <t>lu18508zy239.tmp</t>
  </si>
  <si>
    <t>\\acsfs\profiles$\geovanaasa\My Documents\lu18508zy239.tmp</t>
  </si>
  <si>
    <t>\\acsfs\profiles$\geovanaasa\My Documents\lu18508zy239.tmp\</t>
  </si>
  <si>
    <t>\\acsfs\profiles$\geovanaasa\My Documents\lu18508zy239.tmp\META-INF\</t>
  </si>
  <si>
    <t>\\acsfs\profiles$\geovanaasa\My Documents\lu18508zy239.tmp\Thumbnails\</t>
  </si>
  <si>
    <t>12/31/2019 13:34:00</t>
  </si>
  <si>
    <t>e9b03a05-e89b-41b1-adfa-550c1dd302fb.tmp</t>
  </si>
  <si>
    <t>\\acsfs\profiles$\alinepp\Downloads\e9b03a05-e89b-41b1-adfa-550c1dd302fb.tmp</t>
  </si>
  <si>
    <t>12/31/2019 13:35:01</t>
  </si>
  <si>
    <t>12/31/2019 13:37:36</t>
  </si>
  <si>
    <t>12/31/2019 13:35:56</t>
  </si>
  <si>
    <t>12/31/2019 13:38:36</t>
  </si>
  <si>
    <t>12/31/2019 13:34:22</t>
  </si>
  <si>
    <t>12/31/2019 13:34:15</t>
  </si>
  <si>
    <t>12/31/2019 13:39:36</t>
  </si>
  <si>
    <t>12/31/2019 13:35:15</t>
  </si>
  <si>
    <t>12/31/2019 13:38:55</t>
  </si>
  <si>
    <t>12/31/2019 13:40:36</t>
  </si>
  <si>
    <t>c9b5c941-e45a-44af-8fb5-34c886a7aecc.tmp</t>
  </si>
  <si>
    <t>\\acsfs\profiles$\laylaams\Downloads\c9b5c941-e45a-44af-8fb5-34c886a7aecc.tmp</t>
  </si>
  <si>
    <t>12/31/2019 13:38:23</t>
  </si>
  <si>
    <t>12/31/2019 13:41:36</t>
  </si>
  <si>
    <t>f82be65f-452c-4cb3-91a5-108fa588aba0.tmp</t>
  </si>
  <si>
    <t>\\acsfs\profiles$\alinepp\Downloads\f82be65f-452c-4cb3-91a5-108fa588aba0.tmp</t>
  </si>
  <si>
    <t>12/31/2019 13:39:38</t>
  </si>
  <si>
    <t>9598ccdf-0f29-4486-a132-b28ff86c31d8.tmp</t>
  </si>
  <si>
    <t>\\acsfs\profiles$\alinepp\Downloads\9598ccdf-0f29-4486-a132-b28ff86c31d8.tmp</t>
  </si>
  <si>
    <t>12/31/2019 13:41:56</t>
  </si>
  <si>
    <t>12/31/2019 13:43:36</t>
  </si>
  <si>
    <t>12/31/2019 13:39:28</t>
  </si>
  <si>
    <t>12/31/2019 13:41:15</t>
  </si>
  <si>
    <t>9940664d-61cf-4d9c-95d3-6e8779227d08.tmp</t>
  </si>
  <si>
    <t>\\acsfs\profiles$\jonatanls\Downloads\9940664d-61cf-4d9c-95d3-6e8779227d08.tmp</t>
  </si>
  <si>
    <t>12/31/2019 13:42:03</t>
  </si>
  <si>
    <t>ace71d8d-f66a-413e-8af0-f316f323853b.tmp</t>
  </si>
  <si>
    <t>\\acsfs\profiles$\jonatanls\Downloads\ace71d8d-f66a-413e-8af0-f316f323853b.tmp</t>
  </si>
  <si>
    <t>12/31/2019 13:42:25</t>
  </si>
  <si>
    <t>Chave (2).bj53lis.partial</t>
  </si>
  <si>
    <t>\\acsfs\profiles$\danielta\Downloads\Chave (2).bj53lis.partial</t>
  </si>
  <si>
    <t>12/31/2019 13:40:15</t>
  </si>
  <si>
    <t>12/31/2019 13:44:36</t>
  </si>
  <si>
    <t>12/31/2019 13:42:13</t>
  </si>
  <si>
    <t>12/31/2019 13:42:14</t>
  </si>
  <si>
    <t>lu1780vk3zu.tmp</t>
  </si>
  <si>
    <t>\\acsfs\profiles$\ISABELLEGTDS\Nova pasta\lu1780vk3zu.tmp</t>
  </si>
  <si>
    <t>\\acsfs\profiles$\ISABELLEGTDS\Nova pasta\lu1780vk3zu.tmp\</t>
  </si>
  <si>
    <t>\\acsfs\profiles$\ISABELLEGTDS\Nova pasta\lu1780vk3zu.tmp\META-INF\</t>
  </si>
  <si>
    <t>\\acsfs\profiles$\ISABELLEGTDS\Nova pasta\lu1780vk3zu.tmp\Thumbnails\</t>
  </si>
  <si>
    <t>12/31/2019 13:42:21</t>
  </si>
  <si>
    <t>lu1780vk3zz.tmp</t>
  </si>
  <si>
    <t>\\acsfs\profiles$\ISABELLEGTDS\Nova pasta\lu1780vk3zz.tmp</t>
  </si>
  <si>
    <t>\\acsfs\profiles$\ISABELLEGTDS\Nova pasta\lu1780vk3zz.tmp\</t>
  </si>
  <si>
    <t>\\acsfs\profiles$\ISABELLEGTDS\Nova pasta\lu1780vk3zz.tmp\META-INF\</t>
  </si>
  <si>
    <t>\\acsfs\profiles$\ISABELLEGTDS\Nova pasta\lu1780vk3zz.tmp\Thumbnails\</t>
  </si>
  <si>
    <t>12/31/2019 13:42:53</t>
  </si>
  <si>
    <t>.~lock.isabelle 23.12.ods#</t>
  </si>
  <si>
    <t>\\acsfs\profiles$\ISABELLEGTDS\Nova pasta\.~lock.isabelle 23.12.ods#</t>
  </si>
  <si>
    <t>12/31/2019 13:43:39</t>
  </si>
  <si>
    <t>12/31/2019 13:43:42</t>
  </si>
  <si>
    <t>12/31/2019 13:45:36</t>
  </si>
  <si>
    <t>3ac3c4c7-e41a-4c10-8007-dfc525f5373e.tmp</t>
  </si>
  <si>
    <t>\\acsfs\profiles$\nathaliarmr\Downloads\3ac3c4c7-e41a-4c10-8007-dfc525f5373e.tmp</t>
  </si>
  <si>
    <t>12/31/2019 13:43:37</t>
  </si>
  <si>
    <t>12/31/2019 13:46:36</t>
  </si>
  <si>
    <t>12/31/2019 13:43:38</t>
  </si>
  <si>
    <t>lu18508zy23e.tmp</t>
  </si>
  <si>
    <t>\\acsfs\profiles$\geovanaasa\My Documents\lu18508zy23e.tmp</t>
  </si>
  <si>
    <t>\\acsfs\profiles$\geovanaasa\My Documents\lu18508zy23e.tmp\</t>
  </si>
  <si>
    <t>\\acsfs\profiles$\geovanaasa\My Documents\lu18508zy23e.tmp\META-INF\</t>
  </si>
  <si>
    <t>\\acsfs\profiles$\geovanaasa\My Documents\lu18508zy23e.tmp\Thumbnails\</t>
  </si>
  <si>
    <t>12/31/2019 13:43:59</t>
  </si>
  <si>
    <t>12/31/2019 13:45:43</t>
  </si>
  <si>
    <t>.~lock.Sem título 1.ods#</t>
  </si>
  <si>
    <t>\\acsfs\profiles$\geovanaasa\My Documents\.~lock.Sem título 1.ods#</t>
  </si>
  <si>
    <t>12/31/2019 13:46:03</t>
  </si>
  <si>
    <t>12/31/2019 13:45:41</t>
  </si>
  <si>
    <t>12/31/2019 13:47:36</t>
  </si>
  <si>
    <t>d17ceb75-9924-448c-9649-8508decc8ddb.tmp</t>
  </si>
  <si>
    <t>\\acsfs\profiles$\gabrielafs\Downloads\d17ceb75-9924-448c-9649-8508decc8ddb.tmp</t>
  </si>
  <si>
    <t>12/31/2019 13:46:27</t>
  </si>
  <si>
    <t>864f44aa-c015-46cb-ab72-12b1b8386373.tmp</t>
  </si>
  <si>
    <t>\\acsfs\profiles$\marcosvnds\Downloads\864f44aa-c015-46cb-ab72-12b1b8386373.tmp</t>
  </si>
  <si>
    <t>12/31/2019 13:47:56</t>
  </si>
  <si>
    <t>12/31/2019 13:48:36</t>
  </si>
  <si>
    <t>12/31/2019 13:47:29</t>
  </si>
  <si>
    <t>12/31/2019 13:49:36</t>
  </si>
  <si>
    <t>12/31/2019 13:47:30</t>
  </si>
  <si>
    <t>lu188041eg9vu.tmp</t>
  </si>
  <si>
    <t>\\acsfs\profiles$\CLAUDIAJCA\lu188041eg9vu.tmp</t>
  </si>
  <si>
    <t>\\acsfs\profiles$\CLAUDIAJCA\lu188041eg9vu.tmp\</t>
  </si>
  <si>
    <t>\\acsfs\profiles$\CLAUDIAJCA\lu188041eg9vu.tmp\META-INF\</t>
  </si>
  <si>
    <t>\\acsfs\profiles$\CLAUDIAJCA\lu188041eg9vu.tmp\Thumbnails\</t>
  </si>
  <si>
    <t>12/31/2019 13:48:24</t>
  </si>
  <si>
    <t>12/31/2019 13:48:25</t>
  </si>
  <si>
    <t>lu188041eg9vz.tmp</t>
  </si>
  <si>
    <t>\\acsfs\profiles$\CLAUDIAJCA\lu188041eg9vz.tmp</t>
  </si>
  <si>
    <t>\\acsfs\profiles$\CLAUDIAJCA\lu188041eg9vz.tmp\</t>
  </si>
  <si>
    <t>\\acsfs\profiles$\CLAUDIAJCA\lu188041eg9vz.tmp\META-INF\</t>
  </si>
  <si>
    <t>\\acsfs\profiles$\CLAUDIAJCA\lu188041eg9vz.tmp\Thumbnails\</t>
  </si>
  <si>
    <t>12/31/2019 13:46:15</t>
  </si>
  <si>
    <t>12/31/2019 13:47:15</t>
  </si>
  <si>
    <t>12/31/2019 13:47:41</t>
  </si>
  <si>
    <t>69aceda4-23da-40d4-820b-fc64c4b57af1.tmp</t>
  </si>
  <si>
    <t>\\acsfs\profiles$\adelvinsonle\Downloads\69aceda4-23da-40d4-820b-fc64c4b57af1.tmp</t>
  </si>
  <si>
    <t>12/31/2019 13:45:23</t>
  </si>
  <si>
    <t>12/31/2019 13:50:36</t>
  </si>
  <si>
    <t>12/31/2019 13:48:41</t>
  </si>
  <si>
    <t>12/31/2019 13:51:36</t>
  </si>
  <si>
    <t>1cb81a44-f53e-4c58-928d-295e21ad3103.tmp</t>
  </si>
  <si>
    <t>\\acsfs\profiles$\geovanaasa\Downloads\1cb81a44-f53e-4c58-928d-295e21ad3103.tmp</t>
  </si>
  <si>
    <t>12/31/2019 13:49:12</t>
  </si>
  <si>
    <t>12/31/2019 13:50:53</t>
  </si>
  <si>
    <t>12/31/2019 13:49:15</t>
  </si>
  <si>
    <t>12/31/2019 13:52:36</t>
  </si>
  <si>
    <t>17f028bc-bb72-42fd-b2d9-33206d1c0a3f.tmp</t>
  </si>
  <si>
    <t>\\acsfs\profiles$\deboraaa\Downloads\17f028bc-bb72-42fd-b2d9-33206d1c0a3f.tmp</t>
  </si>
  <si>
    <t>12/31/2019 13:47:13</t>
  </si>
  <si>
    <t>12/31/2019 13:52:02</t>
  </si>
  <si>
    <t>12/31/2019 13:53:36</t>
  </si>
  <si>
    <t>10.200.66.3</t>
  </si>
  <si>
    <t>74-86-7A-FB-1B-4A</t>
  </si>
  <si>
    <t>VOTORANT-SB009</t>
  </si>
  <si>
    <t>74f7f21b-8e6f-47ba-8aeb-b08c9b78300e.tmp</t>
  </si>
  <si>
    <t>\\acsfs\profiles$\anafaes\Downloads\74f7f21b-8e6f-47ba-8aeb-b08c9b78300e.tmp</t>
  </si>
  <si>
    <t>12/31/2019 13:51:38</t>
  </si>
  <si>
    <t>\\acsfs\profiles$\anafsb\My Documents\xworkcenter\logs\</t>
  </si>
  <si>
    <t>XLOG_anafsb_31122019_135133.log</t>
  </si>
  <si>
    <t>\\acsfs\profiles$\anafsb\My Documents\xworkcenter\logs\XLOG_anafsb_31122019_135133.log</t>
  </si>
  <si>
    <t>12/31/2019 13:52:58</t>
  </si>
  <si>
    <t>df0c6238-a079-4f95-9925-b90014ce977c.tmp</t>
  </si>
  <si>
    <t>\\acsfs\profiles$\vivianealda\Downloads\df0c6238-a079-4f95-9925-b90014ce977c.tmp</t>
  </si>
  <si>
    <t>12/31/2019 13:49:02</t>
  </si>
  <si>
    <t>12/31/2019 13:54:36</t>
  </si>
  <si>
    <t>12/31/2019 13:49:31</t>
  </si>
  <si>
    <t>12/31/2019 13:49:32</t>
  </si>
  <si>
    <t>lu200681ha10y.tmp</t>
  </si>
  <si>
    <t>\\acsfs\profiles$\CLAUDIAJCA\lu200681ha10y.tmp</t>
  </si>
  <si>
    <t>12/31/2019 13:49:47</t>
  </si>
  <si>
    <t>.~lock.Contato Reneg Vencimento 28-12.ods#</t>
  </si>
  <si>
    <t>\\acsfs\profiles$\CLAUDIAJCA\.~lock.Contato Reneg Vencimento 28-12.ods#</t>
  </si>
  <si>
    <t>12/31/2019 13:50:23</t>
  </si>
  <si>
    <t>lu168401hb17n.tmp</t>
  </si>
  <si>
    <t>\\acsfs\profiles$\CLAUDIAJCA\lu168401hb17n.tmp</t>
  </si>
  <si>
    <t>\\acsfs\profiles$\CLAUDIAJCA\lu168401hb17n.tmp\</t>
  </si>
  <si>
    <t>\\acsfs\profiles$\CLAUDIAJCA\lu168401hb17n.tmp\META-INF\</t>
  </si>
  <si>
    <t>\\acsfs\profiles$\CLAUDIAJCA\lu168401hb17n.tmp\Thumbnails\</t>
  </si>
  <si>
    <t>12/31/2019 13:50:37</t>
  </si>
  <si>
    <t>.~lock.Contato Reneg Vencimento 26-12.1.ods#</t>
  </si>
  <si>
    <t>\\acsfs\profiles$\CLAUDIAJCA\.~lock.Contato Reneg Vencimento 26-12.1.ods#</t>
  </si>
  <si>
    <t>12/31/2019 13:50:51</t>
  </si>
  <si>
    <t>12/31/2019 13:50:52</t>
  </si>
  <si>
    <t>lu130441hc1de.tmp</t>
  </si>
  <si>
    <t>\\acsfs\profiles$\CLAUDIAJCA\lu130441hc1de.tmp</t>
  </si>
  <si>
    <t>\\acsfs\profiles$\CLAUDIAJCA\lu130441hc1de.tmp\</t>
  </si>
  <si>
    <t>\\acsfs\profiles$\CLAUDIAJCA\lu130441hc1de.tmp\META-INF\</t>
  </si>
  <si>
    <t>\\acsfs\profiles$\CLAUDIAJCA\lu130441hc1de.tmp\Thumbnails\</t>
  </si>
  <si>
    <t>12/31/2019 13:51:04</t>
  </si>
  <si>
    <t>12/31/2019 13:52:16</t>
  </si>
  <si>
    <t>12/31/2019 13:53:16</t>
  </si>
  <si>
    <t>12/31/2019 13:52:17</t>
  </si>
  <si>
    <t>12/31/2019 13:55:36</t>
  </si>
  <si>
    <t>12/31/2019 13:56:36</t>
  </si>
  <si>
    <t>50fa4388-2579-4a86-80fd-922d18aed9de.tmp</t>
  </si>
  <si>
    <t>\\acsfs\profiles$\layonmof\Downloads\50fa4388-2579-4a86-80fd-922d18aed9de.tmp</t>
  </si>
  <si>
    <t>12/31/2019 13:55:51</t>
  </si>
  <si>
    <t>d0f38d54-96ec-4f90-b9b3-73f00d6a75a3.tmp</t>
  </si>
  <si>
    <t>\\acsfs\profiles$\alinepp\Downloads\d0f38d54-96ec-4f90-b9b3-73f00d6a75a3.tmp</t>
  </si>
  <si>
    <t>12/31/2019 13:52:56</t>
  </si>
  <si>
    <t>12/31/2019 13:58:36</t>
  </si>
  <si>
    <t>0a9da5d5-0a3f-4f53-b063-0226435d55d6.tmp</t>
  </si>
  <si>
    <t>\\acsfs\profiles$\anafaes\Downloads\0a9da5d5-0a3f-4f53-b063-0226435d55d6.tmp</t>
  </si>
  <si>
    <t>12/31/2019 13:53:08</t>
  </si>
  <si>
    <t>877bcb06-e7f5-4c87-aae5-122d94b9f96b.tmp</t>
  </si>
  <si>
    <t>\\acsfs\profiles$\anafaes\Downloads\877bcb06-e7f5-4c87-aae5-122d94b9f96b.tmp</t>
  </si>
  <si>
    <t>12/31/2019 13:55:35</t>
  </si>
  <si>
    <t>60aeb91f-c8f4-4e79-a7e2-50f6038eef66.tmp</t>
  </si>
  <si>
    <t>\\acsfs\profiles$\anafaes\Downloads\60aeb91f-c8f4-4e79-a7e2-50f6038eef66.tmp</t>
  </si>
  <si>
    <t>12/31/2019 13:53:56</t>
  </si>
  <si>
    <t>12/31/2019 13:56:26</t>
  </si>
  <si>
    <t>12/31/2019 13:54:46</t>
  </si>
  <si>
    <t>12/31/2019 13:54:47</t>
  </si>
  <si>
    <t>lu1876019g2wk.tmp</t>
  </si>
  <si>
    <t>\\acsfs\profiles$\FLAVIOJMM\My Documents\lu1876019g2wk.tmp</t>
  </si>
  <si>
    <t>\\acsfs\profiles$\FLAVIOJMM\My Documents\lu1876019g2wk.tmp\</t>
  </si>
  <si>
    <t>\\acsfs\profiles$\FLAVIOJMM\My Documents\lu1876019g2wk.tmp\META-INF\</t>
  </si>
  <si>
    <t>\\acsfs\profiles$\FLAVIOJMM\My Documents\lu1876019g2wk.tmp\Thumbnails\</t>
  </si>
  <si>
    <t>12/31/2019 13:58:16</t>
  </si>
  <si>
    <t>12/31/2019 13:59:36</t>
  </si>
  <si>
    <t>12/31/2019 13:57:10</t>
  </si>
  <si>
    <t>99ac46bb-ae71-45e7-a6aa-e9e8aa77e3b1.tmp</t>
  </si>
  <si>
    <t>\\acsfs\profiles$\welidicdj\Downloads\99ac46bb-ae71-45e7-a6aa-e9e8aa77e3b1.tmp</t>
  </si>
  <si>
    <t>12/31/2019 14:00:56</t>
  </si>
  <si>
    <t>12/31/2019 14:01:36</t>
  </si>
  <si>
    <t>12/31/2019 14:00:20</t>
  </si>
  <si>
    <t>12/31/2019 14:02:37</t>
  </si>
  <si>
    <t>10.200.61.57</t>
  </si>
  <si>
    <t>FC-01-7C-B3-BA-01</t>
  </si>
  <si>
    <t>NB-MATEUSMS</t>
  </si>
  <si>
    <t>mateusms</t>
  </si>
  <si>
    <t>mateusms@algartech.com</t>
  </si>
  <si>
    <t>mail.google.com/_/upload?authuser=0&amp;dcp=asu-n&amp;upload_id=AEnB2UpXP6a-zHnXiQi_r5PA3SXR2RDn_m7QBeG4q4_VCUSBr-MSQtXATAJL0Aii2NVWA1fo2omOqrUhmtentRCtf31YqNHZfqItKJNYJpr4JFYj2HbgbPQ&amp;upload_protocol=resumable</t>
  </si>
  <si>
    <t>viniciussg@algartech.com;</t>
  </si>
  <si>
    <t>C:\Users\mateusms\Desktop\</t>
  </si>
  <si>
    <t>01- INTRADIÁRIOS_JANEIRO_2020.xlsx</t>
  </si>
  <si>
    <t>viniciussg@algartech.com</t>
  </si>
  <si>
    <t>12/31/2019 13:58:48</t>
  </si>
  <si>
    <t>12/31/2019 14:03:37</t>
  </si>
  <si>
    <t>10.200.32.12</t>
  </si>
  <si>
    <t>5C-F9-DD-EB-0C-3F</t>
  </si>
  <si>
    <t>VOTORANT-AB013</t>
  </si>
  <si>
    <t>12/31/2019 13:59:56</t>
  </si>
  <si>
    <t>12/31/2019 13:59:16</t>
  </si>
  <si>
    <t>12/31/2019 14:04:36</t>
  </si>
  <si>
    <t>12/31/2019 14:02:17</t>
  </si>
  <si>
    <t>12/31/2019 14:07:37</t>
  </si>
  <si>
    <t>a0ea8816-840a-4339-82ee-9a7e7bce67c9.tmp</t>
  </si>
  <si>
    <t>\\acsfs\profiles$\marcellewdl\Downloads\a0ea8816-840a-4339-82ee-9a7e7bce67c9.tmp</t>
  </si>
  <si>
    <t>12/31/2019 14:04:57</t>
  </si>
  <si>
    <t>77601399-166e-4b39-8e73-76cb4d06fac5.tmp</t>
  </si>
  <si>
    <t>\\acsfs\profiles$\marcellewdl\Downloads\77601399-166e-4b39-8e73-76cb4d06fac5.tmp</t>
  </si>
  <si>
    <t>12/31/2019 14:04:54</t>
  </si>
  <si>
    <t>12/31/2019 14:04:43</t>
  </si>
  <si>
    <t>12/31/2019 14:06:51</t>
  </si>
  <si>
    <t>12/31/2019 14:08:37</t>
  </si>
  <si>
    <t>12/31/2019 14:05:56</t>
  </si>
  <si>
    <t>12/31/2019 14:05:19</t>
  </si>
  <si>
    <t>12/31/2019 14:05:20</t>
  </si>
  <si>
    <t>lu1876019g2wv.tmp</t>
  </si>
  <si>
    <t>\\acsfs\profiles$\FLAVIOJMM\My Documents\lu1876019g2wv.tmp</t>
  </si>
  <si>
    <t>\\acsfs\profiles$\FLAVIOJMM\My Documents\lu1876019g2wv.tmp\</t>
  </si>
  <si>
    <t>\\acsfs\profiles$\FLAVIOJMM\My Documents\lu1876019g2wv.tmp\META-INF\</t>
  </si>
  <si>
    <t>\\acsfs\profiles$\FLAVIOJMM\My Documents\lu1876019g2wv.tmp\Thumbnails\</t>
  </si>
  <si>
    <t>12/31/2019 14:06:43</t>
  </si>
  <si>
    <t>12/31/2019 14:09:36</t>
  </si>
  <si>
    <t>12/31/2019 14:04:16</t>
  </si>
  <si>
    <t>12/31/2019 14:05:16</t>
  </si>
  <si>
    <t>12/31/2019 14:09:03</t>
  </si>
  <si>
    <t>12/31/2019 14:11:36</t>
  </si>
  <si>
    <t>12/31/2019 14:10:26</t>
  </si>
  <si>
    <t>12/31/2019 14:12:36</t>
  </si>
  <si>
    <t>12/31/2019 14:11:56</t>
  </si>
  <si>
    <t>12/31/2019 14:13:36</t>
  </si>
  <si>
    <t>12/31/2019 14:12:07</t>
  </si>
  <si>
    <t>955d2fd8-1650-41d0-9f2c-d433a3c2609a.tmp</t>
  </si>
  <si>
    <t>\\acsfs\profiles$\milenaas\Downloads\955d2fd8-1650-41d0-9f2c-d433a3c2609a.tmp</t>
  </si>
  <si>
    <t>12/31/2019 14:12:21</t>
  </si>
  <si>
    <t>0ecc999e-89af-4efc-b8a7-21273d2a13e6.tmp</t>
  </si>
  <si>
    <t>\\acsfs\profiles$\milenaas\Downloads\0ecc999e-89af-4efc-b8a7-21273d2a13e6.tmp</t>
  </si>
  <si>
    <t>12/31/2019 14:09:18</t>
  </si>
  <si>
    <t>12/31/2019 14:09:19</t>
  </si>
  <si>
    <t>lu1876019g2x1.tmp</t>
  </si>
  <si>
    <t>\\acsfs\profiles$\FLAVIOJMM\My Documents\lu1876019g2x1.tmp</t>
  </si>
  <si>
    <t>\\acsfs\profiles$\FLAVIOJMM\My Documents\lu1876019g2x1.tmp\</t>
  </si>
  <si>
    <t>\\acsfs\profiles$\FLAVIOJMM\My Documents\lu1876019g2x1.tmp\META-INF\</t>
  </si>
  <si>
    <t>\\acsfs\profiles$\FLAVIOJMM\My Documents\lu1876019g2x1.tmp\Thumbnails\</t>
  </si>
  <si>
    <t>12/31/2019 14:12:40</t>
  </si>
  <si>
    <t>abd3498d-919a-4797-af5e-fd41624fba14.tmp</t>
  </si>
  <si>
    <t>\\acsfs\profiles$\vivianealda\Downloads\abd3498d-919a-4797-af5e-fd41624fba14.tmp</t>
  </si>
  <si>
    <t>12/31/2019 14:10:00</t>
  </si>
  <si>
    <t>12/31/2019 14:14:36</t>
  </si>
  <si>
    <t>10.200.61.145</t>
  </si>
  <si>
    <t>78-2B-CB-C3-48-91</t>
  </si>
  <si>
    <t>VOTORANTO-CB035</t>
  </si>
  <si>
    <t>https://www.youtube.com/youtubei/v1/log_event?alt=json&amp;key=aizasyao_fj2slqu8q4stehlgcilw_y9_11qcw8</t>
  </si>
  <si>
    <t>12/31/2019 14:13:26</t>
  </si>
  <si>
    <t>12/31/2019 14:13:27</t>
  </si>
  <si>
    <t>lu242201hwsei.tmp</t>
  </si>
  <si>
    <t>\\acsfs\profiles$\CLAUDIAJCA\lu242201hwsei.tmp</t>
  </si>
  <si>
    <t>12/31/2019 14:10:16</t>
  </si>
  <si>
    <t>12/31/2019 14:11:16</t>
  </si>
  <si>
    <t>12/31/2019 14:14:04</t>
  </si>
  <si>
    <t>12/31/2019 14:15:37</t>
  </si>
  <si>
    <t>10.200.67.132</t>
  </si>
  <si>
    <t>78-2B-CB-C1-07-4E</t>
  </si>
  <si>
    <t>VOTORANT-OB008</t>
  </si>
  <si>
    <t>db857520-8f4b-4534-ac83-78eadb49168e.tmp</t>
  </si>
  <si>
    <t>\\acsfs\profiles$\victorgl\Downloads\db857520-8f4b-4534-ac83-78eadb49168e.tmp</t>
  </si>
  <si>
    <t>12/31/2019 14:10:52</t>
  </si>
  <si>
    <t>12/31/2019 14:16:36</t>
  </si>
  <si>
    <t>335103eb-f437-47e7-aae1-d004f4e49d6d.tmp</t>
  </si>
  <si>
    <t>\\acsfs\profiles$\layonmof\Downloads\335103eb-f437-47e7-aae1-d004f4e49d6d.tmp</t>
  </si>
  <si>
    <t>12/31/2019 14:13:56</t>
  </si>
  <si>
    <t>12/31/2019 14:17:36</t>
  </si>
  <si>
    <t>12/31/2019 14:14:28</t>
  </si>
  <si>
    <t>12/31/2019 14:18:36</t>
  </si>
  <si>
    <t>lu56472757c7z.tmp</t>
  </si>
  <si>
    <t>\\acsfs\DEPTOS\Operacao\Banco_Votorantim\Supervisao\SUPERS BV CARTÕES\ANA VITORIA\APOIO\lu56472757c7z.tmp</t>
  </si>
  <si>
    <t>\\acsfs\DEPTOS\Operacao\Banco_Votorantim\Supervisao\SUPERS BV CARTÕES\ANA VITORIA\APOIO\lu56472757c7z.tmp\</t>
  </si>
  <si>
    <t>\\acsfs\DEPTOS\Operacao\Banco_Votorantim\Supervisao\SUPERS BV CARTÕES\ANA VITORIA\APOIO\lu56472757c7z.tmp\META-INF\</t>
  </si>
  <si>
    <t>\\acsfs\DEPTOS\Operacao\Banco_Votorantim\Supervisao\SUPERS BV CARTÕES\ANA VITORIA\APOIO\lu56472757c7z.tmp\Thumbnails\</t>
  </si>
  <si>
    <t>12/31/2019 14:13:54</t>
  </si>
  <si>
    <t>12/31/2019 14:13:55</t>
  </si>
  <si>
    <t>lu400165kr02p.tmp</t>
  </si>
  <si>
    <t>\\acsfs\profiles$\LUCASBS\RENEG BV\Consolidado\lu400165kr02p.tmp</t>
  </si>
  <si>
    <t>\\acsfs\profiles$\LUCASBS\RENEG BV\Consolidado\lu400165kr02p.tmp\</t>
  </si>
  <si>
    <t>\\acsfs\profiles$\LUCASBS\RENEG BV\Consolidado\lu400165kr02p.tmp\META-INF\</t>
  </si>
  <si>
    <t>\\acsfs\profiles$\LUCASBS\RENEG BV\Consolidado\lu400165kr02p.tmp\Thumbnails\</t>
  </si>
  <si>
    <t>12/31/2019 14:14:40</t>
  </si>
  <si>
    <t>12/31/2019 14:14:41</t>
  </si>
  <si>
    <t>lu400165kr02u.tmp</t>
  </si>
  <si>
    <t>\\acsfs\profiles$\LUCASBS\RENEG BV\Consolidado\lu400165kr02u.tmp</t>
  </si>
  <si>
    <t>\\acsfs\profiles$\LUCASBS\RENEG BV\Consolidado\lu400165kr02u.tmp\</t>
  </si>
  <si>
    <t>\\acsfs\profiles$\LUCASBS\RENEG BV\Consolidado\lu400165kr02u.tmp\META-INF\</t>
  </si>
  <si>
    <t>\\acsfs\profiles$\LUCASBS\RENEG BV\Consolidado\lu400165kr02u.tmp\Thumbnails\</t>
  </si>
  <si>
    <t>12/31/2019 14:14:55</t>
  </si>
  <si>
    <t>12/31/2019 14:15:20</t>
  </si>
  <si>
    <t>12/31/2019 14:15:21</t>
  </si>
  <si>
    <t>lu425765nfo1v.tmp</t>
  </si>
  <si>
    <t>\\acsfs\profiles$\LUCASBS\RENEG BV\Consolidado\lu425765nfo1v.tmp</t>
  </si>
  <si>
    <t>\\acsfs\profiles$\LUCASBS\RENEG BV\Consolidado\lu425765nfo1v.tmp\</t>
  </si>
  <si>
    <t>\\acsfs\profiles$\LUCASBS\RENEG BV\Consolidado\lu425765nfo1v.tmp\META-INF\</t>
  </si>
  <si>
    <t>\\acsfs\profiles$\LUCASBS\RENEG BV\Consolidado\lu425765nfo1v.tmp\Thumbnails\</t>
  </si>
  <si>
    <t>12/31/2019 14:17:50</t>
  </si>
  <si>
    <t>12/31/2019 14:17:56</t>
  </si>
  <si>
    <t>12/31/2019 14:13:29</t>
  </si>
  <si>
    <t>12/31/2019 14:15:51</t>
  </si>
  <si>
    <t>12/31/2019 14:15:52</t>
  </si>
  <si>
    <t>lu1876019g2x7.tmp</t>
  </si>
  <si>
    <t>\\acsfs\profiles$\FLAVIOJMM\My Documents\lu1876019g2x7.tmp</t>
  </si>
  <si>
    <t>\\acsfs\profiles$\FLAVIOJMM\My Documents\lu1876019g2x7.tmp\</t>
  </si>
  <si>
    <t>\\acsfs\profiles$\FLAVIOJMM\My Documents\lu1876019g2x7.tmp\META-INF\</t>
  </si>
  <si>
    <t>\\acsfs\profiles$\FLAVIOJMM\My Documents\lu1876019g2x7.tmp\Thumbnails\</t>
  </si>
  <si>
    <t>12/31/2019 14:14:33</t>
  </si>
  <si>
    <t>12/31/2019 14:19:36</t>
  </si>
  <si>
    <t>12/31/2019 14:14:54</t>
  </si>
  <si>
    <t>.~lock.Contato Reneg Vencimento 20-12.1.xls#</t>
  </si>
  <si>
    <t>\\acsfs\profiles$\CLAUDIAJCA\.~lock.Contato Reneg Vencimento 20-12.1.xls#</t>
  </si>
  <si>
    <t>12/31/2019 14:16:39</t>
  </si>
  <si>
    <t>.~lock.Contato Reneg 1.xls#</t>
  </si>
  <si>
    <t>\\acsfs\profiles$\CLAUDIAJCA\.~lock.Contato Reneg 1.xls#</t>
  </si>
  <si>
    <t>12/31/2019 14:16:48</t>
  </si>
  <si>
    <t>12/31/2019 14:16:16</t>
  </si>
  <si>
    <t>12/31/2019 14:17:16</t>
  </si>
  <si>
    <t>12/31/2019 14:15:53</t>
  </si>
  <si>
    <t>10.200.66.9</t>
  </si>
  <si>
    <t>74-86-7A-FB-17-35</t>
  </si>
  <si>
    <t>VOTORANT-GB018</t>
  </si>
  <si>
    <t>vanessavn</t>
  </si>
  <si>
    <t>\\acsfs\profiles$\vanessavn\Documents\</t>
  </si>
  <si>
    <t>nota 2.txt</t>
  </si>
  <si>
    <t>\\acsfs\profiles$\vanessavn\Documents\nota 2.txt</t>
  </si>
  <si>
    <t>12/31/2019 14:16:02</t>
  </si>
  <si>
    <t>12/31/2019 14:20:37</t>
  </si>
  <si>
    <t>ab6dc1ba-4bb4-4a3f-b7bd-87f077ed9479.tmp</t>
  </si>
  <si>
    <t>\\acsfs\profiles$\victorgl\Downloads\ab6dc1ba-4bb4-4a3f-b7bd-87f077ed9479.tmp</t>
  </si>
  <si>
    <t>12/31/2019 14:16:24</t>
  </si>
  <si>
    <t>7e88516e-b3d4-4b38-9dc6-bdfbac645107.tmp</t>
  </si>
  <si>
    <t>\\acsfs\profiles$\victorgl\Downloads\7e88516e-b3d4-4b38-9dc6-bdfbac645107.tmp</t>
  </si>
  <si>
    <t>12/31/2019 14:18:47</t>
  </si>
  <si>
    <t>12/31/2019 14:15:54</t>
  </si>
  <si>
    <t>12/31/2019 14:21:36</t>
  </si>
  <si>
    <t>paulacris</t>
  </si>
  <si>
    <t>12/31/2019 14:16:04</t>
  </si>
  <si>
    <t>12/31/2019 14:16:17</t>
  </si>
  <si>
    <t>12/31/2019 14:16:25</t>
  </si>
  <si>
    <t>12/31/2019 14:16:26</t>
  </si>
  <si>
    <t>12/31/2019 14:18:51</t>
  </si>
  <si>
    <t>paulacn@algartech.com</t>
  </si>
  <si>
    <t>mail.google.com/sync/u/0/i/s?hl=pt-BR&amp;c=52</t>
  </si>
  <si>
    <t>12/31/2019 14:18:58</t>
  </si>
  <si>
    <t>mail.google.com/sync/u/0/i/s?hl=pt-BR&amp;c=54</t>
  </si>
  <si>
    <t>12/31/2019 14:19:04</t>
  </si>
  <si>
    <t>mail.google.com/sync/u/0/i/s?hl=pt-BR&amp;c=56</t>
  </si>
  <si>
    <t>12/31/2019 14:19:12</t>
  </si>
  <si>
    <t>12/31/2019 14:19:18</t>
  </si>
  <si>
    <t>mail.google.com/sync/u/0/i/s?hl=pt-BR&amp;c=60</t>
  </si>
  <si>
    <t>12/31/2019 14:19:56</t>
  </si>
  <si>
    <t>mail.google.com/sync/u/0/i/s?hl=pt-BR&amp;c=5</t>
  </si>
  <si>
    <t>12/31/2019 14:20:09</t>
  </si>
  <si>
    <t>mail.google.com/sync/u/0/i/s?hl=pt-BR&amp;c=7</t>
  </si>
  <si>
    <t>joaogvc@algartech.com;josiascdsj@algartech.com;marianadjc@algartech.com;rafaelggs@algartech.com;taysdss@algartech.com;viniciussg@algartech.com;</t>
  </si>
  <si>
    <t>joaogvc@algartech.com,josiascdsj@algartech.com,marianadjc@algartech.com,rafaelggs@algartech.com,taysdss@algartech.com,viniciussg@algartech.com</t>
  </si>
  <si>
    <t>12/31/2019 14:20:10</t>
  </si>
  <si>
    <t>mail.google.com/sync/u/0/i/s?hl=pt-BR&amp;c=9</t>
  </si>
  <si>
    <t>12/31/2019 14:20:14</t>
  </si>
  <si>
    <t>12/31/2019 14:22:36</t>
  </si>
  <si>
    <t>lu77602jihq.tmp</t>
  </si>
  <si>
    <t>\\acsfs\profiles$\jalilebds\Downloads\lu77602jihq.tmp</t>
  </si>
  <si>
    <t>12/31/2019 14:21:11</t>
  </si>
  <si>
    <t>12/31/2019 14:21:12</t>
  </si>
  <si>
    <t>lu77602jiht.tmp</t>
  </si>
  <si>
    <t>\\acsfs\profiles$\jalilebds\Downloads\lu77602jiht.tmp</t>
  </si>
  <si>
    <t>12/31/2019 14:18:19</t>
  </si>
  <si>
    <t>12/31/2019 14:18:59</t>
  </si>
  <si>
    <t>aa74f969-40e0-44da-80c1-8393656bc25d.tmp</t>
  </si>
  <si>
    <t>\\acsfs\profiles$\gabrielamdp\Downloads\aa74f969-40e0-44da-80c1-8393656bc25d.tmp</t>
  </si>
  <si>
    <t>12/31/2019 14:20:01</t>
  </si>
  <si>
    <t>12/31/2019 14:23:36</t>
  </si>
  <si>
    <t>12/31/2019 14:20:03</t>
  </si>
  <si>
    <t>lu425765nfo23.tmp</t>
  </si>
  <si>
    <t>\\acsfs\profiles$\LUCASBS\RENEG BV\Consolidado\lu425765nfo23.tmp</t>
  </si>
  <si>
    <t>\\acsfs\profiles$\LUCASBS\RENEG BV\Consolidado\lu425765nfo23.tmp\</t>
  </si>
  <si>
    <t>\\acsfs\profiles$\LUCASBS\RENEG BV\Consolidado\lu425765nfo23.tmp\META-INF\</t>
  </si>
  <si>
    <t>\\acsfs\profiles$\LUCASBS\RENEG BV\Consolidado\lu425765nfo23.tmp\Thumbnails\</t>
  </si>
  <si>
    <t>12/31/2019 14:21:13</t>
  </si>
  <si>
    <t>lu425765nfo28.tmp</t>
  </si>
  <si>
    <t>\\acsfs\profiles$\LUCASBS\RENEG BV\Consolidado\lu425765nfo28.tmp</t>
  </si>
  <si>
    <t>\\acsfs\profiles$\LUCASBS\RENEG BV\Consolidado\lu425765nfo28.tmp\</t>
  </si>
  <si>
    <t>\\acsfs\profiles$\LUCASBS\RENEG BV\Consolidado\lu425765nfo28.tmp\META-INF\</t>
  </si>
  <si>
    <t>\\acsfs\profiles$\LUCASBS\RENEG BV\Consolidado\lu425765nfo28.tmp\Thumbnails\</t>
  </si>
  <si>
    <t>12/31/2019 14:21:21</t>
  </si>
  <si>
    <t>12/31/2019 14:22:20</t>
  </si>
  <si>
    <t>12/31/2019 14:22:21</t>
  </si>
  <si>
    <t>lu460565nnxzp.tmp</t>
  </si>
  <si>
    <t>\\acsfs\profiles$\LUCASBS\RENEG BV\Consolidado\lu460565nnxzp.tmp</t>
  </si>
  <si>
    <t>\\acsfs\profiles$\LUCASBS\RENEG BV\Consolidado\lu460565nnxzp.tmp\</t>
  </si>
  <si>
    <t>\\acsfs\profiles$\LUCASBS\RENEG BV\Consolidado\lu460565nnxzp.tmp\META-INF\</t>
  </si>
  <si>
    <t>\\acsfs\profiles$\LUCASBS\RENEG BV\Consolidado\lu460565nnxzp.tmp\Thumbnails\</t>
  </si>
  <si>
    <t>12/31/2019 14:22:35</t>
  </si>
  <si>
    <t>12/31/2019 14:22:24</t>
  </si>
  <si>
    <t>matheusmax</t>
  </si>
  <si>
    <t>\\acsfs\profiles$\matheusmax\Downloads\</t>
  </si>
  <si>
    <t>ba29f51d-3114-40ee-bba2-966411c37387.tmp</t>
  </si>
  <si>
    <t>\\acsfs\profiles$\matheusmax\Downloads\ba29f51d-3114-40ee-bba2-966411c37387.tmp</t>
  </si>
  <si>
    <t>7f05b598-9e51-423b-8e86-0923228f986d.tmp</t>
  </si>
  <si>
    <t>\\acsfs\profiles$\matheusmax\Downloads\7f05b598-9e51-423b-8e86-0923228f986d.tmp</t>
  </si>
  <si>
    <t>12/31/2019 14:21:35</t>
  </si>
  <si>
    <t>lu1876019g2xd.tmp</t>
  </si>
  <si>
    <t>\\acsfs\profiles$\FLAVIOJMM\My Documents\lu1876019g2xd.tmp</t>
  </si>
  <si>
    <t>\\acsfs\profiles$\FLAVIOJMM\My Documents\lu1876019g2xd.tmp\</t>
  </si>
  <si>
    <t>\\acsfs\profiles$\FLAVIOJMM\My Documents\lu1876019g2xd.tmp\META-INF\</t>
  </si>
  <si>
    <t>\\acsfs\profiles$\FLAVIOJMM\My Documents\lu1876019g2xd.tmp\Thumbnails\</t>
  </si>
  <si>
    <t>12/31/2019 14:22:04</t>
  </si>
  <si>
    <t>12/31/2019 14:22:05</t>
  </si>
  <si>
    <t>lu1876019g2xj.tmp</t>
  </si>
  <si>
    <t>\\acsfs\profiles$\FLAVIOJMM\My Documents\lu1876019g2xj.tmp</t>
  </si>
  <si>
    <t>\\acsfs\profiles$\FLAVIOJMM\My Documents\lu1876019g2xj.tmp\</t>
  </si>
  <si>
    <t>\\acsfs\profiles$\FLAVIOJMM\My Documents\lu1876019g2xj.tmp\META-INF\</t>
  </si>
  <si>
    <t>\\acsfs\profiles$\FLAVIOJMM\My Documents\lu1876019g2xj.tmp\Thumbnails\</t>
  </si>
  <si>
    <t>12/31/2019 14:22:16</t>
  </si>
  <si>
    <t>12/31/2019 14:24:36</t>
  </si>
  <si>
    <t>12/31/2019 14:23:16</t>
  </si>
  <si>
    <t>12/31/2019 14:19:38</t>
  </si>
  <si>
    <t>12/31/2019 14:24:48</t>
  </si>
  <si>
    <t>12/31/2019 14:25:36</t>
  </si>
  <si>
    <t>d96f7aff-be11-4577-bb8c-4f6ec45c37d2.tmp</t>
  </si>
  <si>
    <t>\\acsfs\profiles$\nathaliarmr\Downloads\d96f7aff-be11-4577-bb8c-4f6ec45c37d2.tmp</t>
  </si>
  <si>
    <t>12/31/2019 14:23:56</t>
  </si>
  <si>
    <t>12/31/2019 14:26:36</t>
  </si>
  <si>
    <t>12/31/2019 14:24:19</t>
  </si>
  <si>
    <t>12/31/2019 14:24:40</t>
  </si>
  <si>
    <t>12/31/2019 14:25:05</t>
  </si>
  <si>
    <t>12/31/2019 14:24:23</t>
  </si>
  <si>
    <t>10.200.66.142</t>
  </si>
  <si>
    <t>74-86-7A-FB-19-1A</t>
  </si>
  <si>
    <t>VOTORANT-GB015</t>
  </si>
  <si>
    <t>raphaelfb</t>
  </si>
  <si>
    <t>https://vimeo.com/undefined?action=log_promo_impression</t>
  </si>
  <si>
    <t>12/31/2019 14:22:11</t>
  </si>
  <si>
    <t>12/31/2019 14:27:37</t>
  </si>
  <si>
    <t>edicarlosdl</t>
  </si>
  <si>
    <t>\\acsfs\profiles$\edicarlosdl\Downloads\</t>
  </si>
  <si>
    <t>0458a547-1d9d-43d9-9e9f-08bca3cdae67.tmp</t>
  </si>
  <si>
    <t>\\acsfs\profiles$\edicarlosdl\Downloads\0458a547-1d9d-43d9-9e9f-08bca3cdae67.tmp</t>
  </si>
  <si>
    <t>12/31/2019 14:23:25</t>
  </si>
  <si>
    <t>0fd2be92-5b95-4664-a7b6-8cf5deededf2.tmp</t>
  </si>
  <si>
    <t>\\acsfs\profiles$\edicarlosdl\Downloads\0fd2be92-5b95-4664-a7b6-8cf5deededf2.tmp</t>
  </si>
  <si>
    <t>12/31/2019 14:25:39</t>
  </si>
  <si>
    <t>fabianobmf</t>
  </si>
  <si>
    <t>\\acsfs\profiles$\fabianobmf\Downloads\</t>
  </si>
  <si>
    <t>e57dcdb4-3123-4258-8c74-bfa63dc0f4bd.tmp</t>
  </si>
  <si>
    <t>\\acsfs\profiles$\fabianobmf\Downloads\e57dcdb4-3123-4258-8c74-bfa63dc0f4bd.tmp</t>
  </si>
  <si>
    <t>12/31/2019 14:23:09</t>
  </si>
  <si>
    <t>12/31/2019 14:28:36</t>
  </si>
  <si>
    <t>12/31/2019 14:23:10</t>
  </si>
  <si>
    <t>lu470445npjlc.tmp</t>
  </si>
  <si>
    <t>\\acsfs\profiles$\LUCASBS\RENEG BV\Consolidado\lu470445npjlc.tmp</t>
  </si>
  <si>
    <t>\\acsfs\profiles$\LUCASBS\RENEG BV\Consolidado\lu470445npjlc.tmp\</t>
  </si>
  <si>
    <t>\\acsfs\profiles$\LUCASBS\RENEG BV\Consolidado\lu470445npjlc.tmp\META-INF\</t>
  </si>
  <si>
    <t>\\acsfs\profiles$\LUCASBS\RENEG BV\Consolidado\lu470445npjlc.tmp\Thumbnails\</t>
  </si>
  <si>
    <t>12/31/2019 14:23:19</t>
  </si>
  <si>
    <t>12/31/2019 14:27:43</t>
  </si>
  <si>
    <t>12/31/2019 14:27:44</t>
  </si>
  <si>
    <t>lu1876019g2xp.tmp</t>
  </si>
  <si>
    <t>\\acsfs\profiles$\FLAVIOJMM\My Documents\lu1876019g2xp.tmp</t>
  </si>
  <si>
    <t>\\acsfs\profiles$\FLAVIOJMM\My Documents\lu1876019g2xp.tmp\</t>
  </si>
  <si>
    <t>\\acsfs\profiles$\FLAVIOJMM\My Documents\lu1876019g2xp.tmp\META-INF\</t>
  </si>
  <si>
    <t>12/31/2019 14:23:43</t>
  </si>
  <si>
    <t>12/31/2019 14:27:07</t>
  </si>
  <si>
    <t>33f74ac7-a5ea-4c9e-9595-7ed07e6a2b85.tmp</t>
  </si>
  <si>
    <t>\\acsfs\profiles$\THYAGOSP\Downloads\33f74ac7-a5ea-4c9e-9595-7ed07e6a2b85.tmp</t>
  </si>
  <si>
    <t>\\acsfs\profiles$\FLAVIOJMM\My Documents\lu1876019g2xp.tmp\Thumbnails\</t>
  </si>
  <si>
    <t>12/31/2019 14:28:06</t>
  </si>
  <si>
    <t>lu1876019g2xv.tmp</t>
  </si>
  <si>
    <t>\\acsfs\profiles$\FLAVIOJMM\My Documents\lu1876019g2xv.tmp</t>
  </si>
  <si>
    <t>\\acsfs\profiles$\FLAVIOJMM\My Documents\lu1876019g2xv.tmp\</t>
  </si>
  <si>
    <t>\\acsfs\profiles$\FLAVIOJMM\My Documents\lu1876019g2xv.tmp\META-INF\</t>
  </si>
  <si>
    <t>\\acsfs\profiles$\FLAVIOJMM\My Documents\lu1876019g2xv.tmp\Thumbnails\</t>
  </si>
  <si>
    <t>12/31/2019 14:28:16</t>
  </si>
  <si>
    <t>12/31/2019 14:29:36</t>
  </si>
  <si>
    <t>12/31/2019 14:25:30</t>
  </si>
  <si>
    <t>12/31/2019 14:25:31</t>
  </si>
  <si>
    <t>lu9384174eqm.tmp</t>
  </si>
  <si>
    <t>\\acsfs\profiles$\ISABELLEGTDS\Nova pasta\lu9384174eqm.tmp</t>
  </si>
  <si>
    <t>\\acsfs\profiles$\ISABELLEGTDS\Nova pasta\lu9384174eqm.tmp\</t>
  </si>
  <si>
    <t>\\acsfs\profiles$\ISABELLEGTDS\Nova pasta\lu9384174eqm.tmp\META-INF\</t>
  </si>
  <si>
    <t>\\acsfs\profiles$\ISABELLEGTDS\Nova pasta\lu9384174eqm.tmp\Thumbnails\</t>
  </si>
  <si>
    <t>12/31/2019 14:25:41</t>
  </si>
  <si>
    <t>.~lock.isabelle 2.ods#</t>
  </si>
  <si>
    <t>\\acsfs\profiles$\ISABELLEGTDS\Nova pasta\.~lock.isabelle 2.ods#</t>
  </si>
  <si>
    <t>12/31/2019 14:25:42</t>
  </si>
  <si>
    <t>lu9384174eqr.tmp</t>
  </si>
  <si>
    <t>\\acsfs\profiles$\ISABELLEGTDS\Nova pasta\lu9384174eqr.tmp</t>
  </si>
  <si>
    <t>\\acsfs\profiles$\ISABELLEGTDS\Nova pasta\lu9384174eqr.tmp\</t>
  </si>
  <si>
    <t>\\acsfs\profiles$\ISABELLEGTDS\Nova pasta\lu9384174eqr.tmp\META-INF\</t>
  </si>
  <si>
    <t>\\acsfs\profiles$\ISABELLEGTDS\Nova pasta\lu9384174eqr.tmp\Thumbnails\</t>
  </si>
  <si>
    <t>12/31/2019 14:26:34</t>
  </si>
  <si>
    <t>.~lock.isabelle.ods#</t>
  </si>
  <si>
    <t>\\acsfs\profiles$\ISABELLEGTDS\Nova pasta\.~lock.isabelle.ods#</t>
  </si>
  <si>
    <t>12/31/2019 14:28:47</t>
  </si>
  <si>
    <t>12/31/2019 14:30:36</t>
  </si>
  <si>
    <t>12/31/2019 14:26:05</t>
  </si>
  <si>
    <t>12/31/2019 14:31:36</t>
  </si>
  <si>
    <t>12/31/2019 14:26:25</t>
  </si>
  <si>
    <t>12/31/2019 14:31:10</t>
  </si>
  <si>
    <t>12/31/2019 14:32:36</t>
  </si>
  <si>
    <t>\\acsfs\profiles$\edicarlosdl\My Documents\</t>
  </si>
  <si>
    <t>.~lock.ATIVO 20.12.2019.ods#</t>
  </si>
  <si>
    <t>\\acsfs\profiles$\edicarlosdl\My Documents\.~lock.ATIVO 20.12.2019.ods#</t>
  </si>
  <si>
    <t>12/31/2019 14:29:18</t>
  </si>
  <si>
    <t>\\acsfs\profiles$\gabrielafs\My Documents\</t>
  </si>
  <si>
    <t>\\acsfs\profiles$\gabrielafs\My Documents\Download.pdf</t>
  </si>
  <si>
    <t>12/31/2019 14:27:30</t>
  </si>
  <si>
    <t>12/31/2019 14:27:29</t>
  </si>
  <si>
    <t>f95e5450-946d-4acd-9b06-e33f6db61aa8.tmp</t>
  </si>
  <si>
    <t>\\acsfs\profiles$\fabianobmf\Downloads\f95e5450-946d-4acd-9b06-e33f6db61aa8.tmp</t>
  </si>
  <si>
    <t>12/31/2019 14:28:46</t>
  </si>
  <si>
    <t>04f59360-7249-479b-b23f-51ac2000f2f8.tmp</t>
  </si>
  <si>
    <t>\\acsfs\profiles$\fabianobmf\Downloads\04f59360-7249-479b-b23f-51ac2000f2f8.tmp</t>
  </si>
  <si>
    <t>12/31/2019 14:31:56</t>
  </si>
  <si>
    <t>12/31/2019 14:31:24</t>
  </si>
  <si>
    <t>12/31/2019 14:33:36</t>
  </si>
  <si>
    <t>10.200.67.104</t>
  </si>
  <si>
    <t>D0-94-66-B5-7C-75</t>
  </si>
  <si>
    <t>VOTORANT-ZB016</t>
  </si>
  <si>
    <t>12/31/2019 14:32:13</t>
  </si>
  <si>
    <t>henriqueco</t>
  </si>
  <si>
    <t>\\acsfs\profiles$\henriqueco\Downloads\</t>
  </si>
  <si>
    <t>58f79536-f730-4703-b50d-1b805712f8ad.tmp</t>
  </si>
  <si>
    <t>\\acsfs\profiles$\henriqueco\Downloads\58f79536-f730-4703-b50d-1b805712f8ad.tmp</t>
  </si>
  <si>
    <t>12/31/2019 14:29:56</t>
  </si>
  <si>
    <t>12/31/2019 14:31:40</t>
  </si>
  <si>
    <t>fabianafv</t>
  </si>
  <si>
    <t>\\acsfs\profiles$\fabianafv\Downloads\</t>
  </si>
  <si>
    <t>22c5b32d-95a4-4304-876c-5e9aefe51112.tmp</t>
  </si>
  <si>
    <t>\\acsfs\profiles$\fabianafv\Downloads\22c5b32d-95a4-4304-876c-5e9aefe51112.tmp</t>
  </si>
  <si>
    <t>12/31/2019 14:33:23</t>
  </si>
  <si>
    <t>700f47b9-bd9b-42ea-94f5-df0bea6631ad.tmp</t>
  </si>
  <si>
    <t>\\acsfs\profiles$\fabianafv\Downloads\700f47b9-bd9b-42ea-94f5-df0bea6631ad.tmp</t>
  </si>
  <si>
    <t>12/31/2019 14:28:32</t>
  </si>
  <si>
    <t>12/31/2019 14:28:34</t>
  </si>
  <si>
    <t>lu1876019g2y1.tmp</t>
  </si>
  <si>
    <t>\\acsfs\profiles$\FLAVIOJMM\My Documents\lu1876019g2y1.tmp</t>
  </si>
  <si>
    <t>\\acsfs\profiles$\FLAVIOJMM\My Documents\lu1876019g2y1.tmp\</t>
  </si>
  <si>
    <t>\\acsfs\profiles$\FLAVIOJMM\My Documents\lu1876019g2y1.tmp\META-INF\</t>
  </si>
  <si>
    <t>\\acsfs\profiles$\FLAVIOJMM\My Documents\lu1876019g2y1.tmp\Thumbnails\</t>
  </si>
  <si>
    <t>12/31/2019 14:30:31</t>
  </si>
  <si>
    <t>.~lock.Reneg Vcto 26.ods#</t>
  </si>
  <si>
    <t>\\acsfs\profiles$\FLAVIOJMM\My Documents\.~lock.Reneg Vcto 26.ods#</t>
  </si>
  <si>
    <t>12/31/2019 14:31:05</t>
  </si>
  <si>
    <t>.~lock.Reneg Vcto 28.ods#</t>
  </si>
  <si>
    <t>\\acsfs\profiles$\FLAVIOJMM\My Documents\.~lock.Reneg Vcto 28.ods#</t>
  </si>
  <si>
    <t>12/31/2019 14:31:30</t>
  </si>
  <si>
    <t>\\acsfs\profiles$\FLAVIOJMM\My Documents\.~lock.Sem título 1.ods#</t>
  </si>
  <si>
    <t>12/31/2019 14:29:16</t>
  </si>
  <si>
    <t>12/31/2019 14:34:36</t>
  </si>
  <si>
    <t>12/31/2019 14:33:57</t>
  </si>
  <si>
    <t>10.200.66.192</t>
  </si>
  <si>
    <t>78-2B-CB-C1-07-32</t>
  </si>
  <si>
    <t>VOTORANT-GB037</t>
  </si>
  <si>
    <t>vivianibfs</t>
  </si>
  <si>
    <t>\\acsfs\profiles$\vivianibfs\Downloads\</t>
  </si>
  <si>
    <t>43b37750-ca4d-493e-b751-57f6acaefaca.tmp</t>
  </si>
  <si>
    <t>\\acsfs\profiles$\vivianibfs\Downloads\43b37750-ca4d-493e-b751-57f6acaefaca.tmp</t>
  </si>
  <si>
    <t>12/31/2019 14:32:08</t>
  </si>
  <si>
    <t>.~lock.1.ods#</t>
  </si>
  <si>
    <t>\\acsfs\profiles$\ISABELLEGTDS\Nova pasta\.~lock.1.ods#</t>
  </si>
  <si>
    <t>lu9384174eqz.tmp</t>
  </si>
  <si>
    <t>\\acsfs\profiles$\ISABELLEGTDS\Nova pasta\lu9384174eqz.tmp</t>
  </si>
  <si>
    <t>\\acsfs\profiles$\ISABELLEGTDS\Nova pasta\lu9384174eqz.tmp\</t>
  </si>
  <si>
    <t>\\acsfs\profiles$\ISABELLEGTDS\Nova pasta\lu9384174eqz.tmp\META-INF\</t>
  </si>
  <si>
    <t>\\acsfs\profiles$\ISABELLEGTDS\Nova pasta\lu9384174eqz.tmp\Thumbnails\</t>
  </si>
  <si>
    <t>12/31/2019 14:31:03</t>
  </si>
  <si>
    <t>12/31/2019 14:34:16</t>
  </si>
  <si>
    <t>12/31/2019 14:36:36</t>
  </si>
  <si>
    <t>12/31/2019 14:35:01</t>
  </si>
  <si>
    <t>31f8babb-7e70-4a1f-be04-c535fe040214.tmp</t>
  </si>
  <si>
    <t>\\acsfs\profiles$\larissaad\Downloads\31f8babb-7e70-4a1f-be04-c535fe040214.tmp</t>
  </si>
  <si>
    <t>12/31/2019 14:31:39</t>
  </si>
  <si>
    <t>12/31/2019 14:32:03</t>
  </si>
  <si>
    <t>12/31/2019 14:34:49</t>
  </si>
  <si>
    <t>12/31/2019 14:32:33</t>
  </si>
  <si>
    <t>12/31/2019 14:37:37</t>
  </si>
  <si>
    <t>12/31/2019 14:33:15</t>
  </si>
  <si>
    <t>12/31/2019 14:33:16</t>
  </si>
  <si>
    <t>lu77602jihw.tmp</t>
  </si>
  <si>
    <t>\\acsfs\profiles$\jalilebds\Downloads\lu77602jihw.tmp</t>
  </si>
  <si>
    <t>12/31/2019 14:33:32</t>
  </si>
  <si>
    <t>12/31/2019 14:34:12</t>
  </si>
  <si>
    <t>12/31/2019 14:33:39</t>
  </si>
  <si>
    <t>12/31/2019 14:38:36</t>
  </si>
  <si>
    <t>ac201fe6-3573-479b-82da-0a568ae3efea.tmp</t>
  </si>
  <si>
    <t>\\acsfs\profiles$\henriqueco\Downloads\ac201fe6-3573-479b-82da-0a568ae3efea.tmp</t>
  </si>
  <si>
    <t>12/31/2019 14:35:56</t>
  </si>
  <si>
    <t>12/31/2019 14:34:33</t>
  </si>
  <si>
    <t>cda011b0-0866-4ba3-ac9f-3b6cf844ae97.tmp</t>
  </si>
  <si>
    <t>\\acsfs\profiles$\fabianafv\Downloads\cda011b0-0866-4ba3-ac9f-3b6cf844ae97.tmp</t>
  </si>
  <si>
    <t>12/31/2019 14:35:47</t>
  </si>
  <si>
    <t>ab928f2c-cd53-4bd8-852c-e39c9df3d619.tmp</t>
  </si>
  <si>
    <t>\\acsfs\profiles$\fabianafv\Downloads\ab928f2c-cd53-4bd8-852c-e39c9df3d619.tmp</t>
  </si>
  <si>
    <t>12/31/2019 14:33:42</t>
  </si>
  <si>
    <t>12/31/2019 14:37:23</t>
  </si>
  <si>
    <t>\\acsfs\profiles$\vanessacgs\My Documents\xworkcenter\logs\</t>
  </si>
  <si>
    <t>XLOG_vanessacgs_31122019_070936.log</t>
  </si>
  <si>
    <t>\\acsfs\profiles$\vanessacgs\My Documents\xworkcenter\logs\XLOG_vanessacgs_31122019_070936.log</t>
  </si>
  <si>
    <t>12/31/2019 14:34:15</t>
  </si>
  <si>
    <t>12/31/2019 14:39:36</t>
  </si>
  <si>
    <t>12/31/2019 14:35:15</t>
  </si>
  <si>
    <t>12/31/2019 14:35:12</t>
  </si>
  <si>
    <t>17ab0d0d-1a8d-4772-ba5e-58b3507e4720.tmp</t>
  </si>
  <si>
    <t>\\acsfs\profiles$\vivianibfs\Downloads\17ab0d0d-1a8d-4772-ba5e-58b3507e4720.tmp</t>
  </si>
  <si>
    <t>12/31/2019 14:35:35</t>
  </si>
  <si>
    <t>6853288c-ce6e-4900-a8d4-60a490696f30.tmp</t>
  </si>
  <si>
    <t>\\acsfs\profiles$\vivianibfs\Downloads\6853288c-ce6e-4900-a8d4-60a490696f30.tmp</t>
  </si>
  <si>
    <t>57718eac-eb17-4f02-bea2-cea29d8e40ba.tmp</t>
  </si>
  <si>
    <t>\\acsfs\profiles$\vivianibfs\Downloads\57718eac-eb17-4f02-bea2-cea29d8e40ba.tmp</t>
  </si>
  <si>
    <t>.~lock.isabelle 27.12.19.ods#</t>
  </si>
  <si>
    <t>\\acsfs\profiles$\ISABELLEGTDS\Nova pasta\.~lock.isabelle 27.12.19.ods#</t>
  </si>
  <si>
    <t>12/31/2019 14:35:53</t>
  </si>
  <si>
    <t>.~lock.isabelle 1.ods#</t>
  </si>
  <si>
    <t>\\acsfs\profiles$\ISABELLEGTDS\Nova pasta\.~lock.isabelle 1.ods#</t>
  </si>
  <si>
    <t>12/31/2019 14:37:16</t>
  </si>
  <si>
    <t>.~lock.isabelle 3.ods#</t>
  </si>
  <si>
    <t>\\acsfs\profiles$\ISABELLEGTDS\Nova pasta\.~lock.isabelle 3.ods#</t>
  </si>
  <si>
    <t>12/31/2019 14:37:17</t>
  </si>
  <si>
    <t>lu1667218yxhm.tmp</t>
  </si>
  <si>
    <t>\\acsfs\profiles$\ISABELLEGTDS\Nova pasta\lu1667218yxhm.tmp</t>
  </si>
  <si>
    <t>\\acsfs\profiles$\ISABELLEGTDS\Nova pasta\lu1667218yxhm.tmp\</t>
  </si>
  <si>
    <t>\\acsfs\profiles$\ISABELLEGTDS\Nova pasta\lu1667218yxhm.tmp\META-INF\</t>
  </si>
  <si>
    <t>\\acsfs\profiles$\ISABELLEGTDS\Nova pasta\lu1667218yxhm.tmp\Thumbnails\</t>
  </si>
  <si>
    <t>12/31/2019 14:37:28</t>
  </si>
  <si>
    <t>.~lock.isabelle 27.12.19 segunda planilha.ods#</t>
  </si>
  <si>
    <t>\\acsfs\profiles$\ISABELLEGTDS\Nova pasta\.~lock.isabelle 27.12.19 segunda planilha.ods#</t>
  </si>
  <si>
    <t>12/31/2019 14:36:52</t>
  </si>
  <si>
    <t>12/31/2019 14:40:36</t>
  </si>
  <si>
    <t>12/31/2019 14:38:12</t>
  </si>
  <si>
    <t>10.200.67.9</t>
  </si>
  <si>
    <t>34-E6-D7-FC-A1-E5</t>
  </si>
  <si>
    <t>VOTORANT-WB021</t>
  </si>
  <si>
    <t>lucasqdss</t>
  </si>
  <si>
    <t>\\acsfs\profiles$\lucasqdss\Downloads\</t>
  </si>
  <si>
    <t>f60c6cdd-8609-45ac-a870-b7f1e2dd2b55.tmp</t>
  </si>
  <si>
    <t>\\acsfs\profiles$\lucasqdss\Downloads\f60c6cdd-8609-45ac-a870-b7f1e2dd2b55.tmp</t>
  </si>
  <si>
    <t>12/31/2019 14:40:20</t>
  </si>
  <si>
    <t>12/31/2019 14:41:37</t>
  </si>
  <si>
    <t>joycemmdl</t>
  </si>
  <si>
    <t>\\acsfs\profiles$\joycemmdl\My Documents\My Pictures\</t>
  </si>
  <si>
    <t>\\acsfs\profiles$\joycemmdl\My Documents\My Videos\desktop.ini</t>
  </si>
  <si>
    <t>12/31/2019 14:40:22</t>
  </si>
  <si>
    <t>\\acsfs\profiles$\joycemmdl\My Documents\My Videos\</t>
  </si>
  <si>
    <t>12/31/2019 14:40:23</t>
  </si>
  <si>
    <t>12/31/2019 14:40:24</t>
  </si>
  <si>
    <t>12/31/2019 14:40:26</t>
  </si>
  <si>
    <t>\\acsfs\profiles$\joycemmdl\My Documents\My Music\</t>
  </si>
  <si>
    <t>\\acsfs\profiles$\joycemmdl\My Documents\My Pictures\desktop.ini</t>
  </si>
  <si>
    <t>12/31/2019 14:41:04</t>
  </si>
  <si>
    <t>12/31/2019 14:40:28</t>
  </si>
  <si>
    <t>12/31/2019 14:40:29</t>
  </si>
  <si>
    <t>12/31/2019 14:40:30</t>
  </si>
  <si>
    <t>12/31/2019 14:40:31</t>
  </si>
  <si>
    <t>12/31/2019 14:40:32</t>
  </si>
  <si>
    <t>\\acsfs\profiles$\joycemmdl\Contacts\</t>
  </si>
  <si>
    <t>\\acsfs\profiles$\joycemmdl\Contacts\desktop.ini</t>
  </si>
  <si>
    <t>12/31/2019 14:40:33</t>
  </si>
  <si>
    <t>12/31/2019 14:40:34</t>
  </si>
  <si>
    <t>12/31/2019 14:40:37</t>
  </si>
  <si>
    <t>12/31/2019 14:40:38</t>
  </si>
  <si>
    <t>12/31/2019 14:40:39</t>
  </si>
  <si>
    <t>\\acsfs\profiles$\joycemmdl\My Documents\</t>
  </si>
  <si>
    <t>\\acsfs\profiles$\joycemmdl\Favorites\desktop.ini</t>
  </si>
  <si>
    <t>12/31/2019 14:40:47</t>
  </si>
  <si>
    <t>12/31/2019 14:40:49</t>
  </si>
  <si>
    <t>12/31/2019 14:40:50</t>
  </si>
  <si>
    <t>12/31/2019 14:40:51</t>
  </si>
  <si>
    <t>12/31/2019 14:40:52</t>
  </si>
  <si>
    <t>12/31/2019 14:40:54</t>
  </si>
  <si>
    <t>12/31/2019 14:40:56</t>
  </si>
  <si>
    <t>\\acsfs\profiles$\joycemmdl\My Documents\My Music\desktop.ini</t>
  </si>
  <si>
    <t>12/31/2019 14:40:57</t>
  </si>
  <si>
    <t>12/31/2019 14:40:58</t>
  </si>
  <si>
    <t>12/31/2019 14:40:59</t>
  </si>
  <si>
    <t>12/31/2019 14:41:00</t>
  </si>
  <si>
    <t>12/31/2019 14:41:02</t>
  </si>
  <si>
    <t>\\acsfs\profiles$\joycemmdl\Searches\</t>
  </si>
  <si>
    <t>\\acsfs\profiles$\joycemmdl\Searches\desktop.ini</t>
  </si>
  <si>
    <t>12/31/2019 14:41:03</t>
  </si>
  <si>
    <t>12/31/2019 14:41:05</t>
  </si>
  <si>
    <t>12/31/2019 14:41:06</t>
  </si>
  <si>
    <t>12/31/2019 14:41:07</t>
  </si>
  <si>
    <t>12/31/2019 14:37:10</t>
  </si>
  <si>
    <t>12/31/2019 14:38:16</t>
  </si>
  <si>
    <t>12/31/2019 14:42:36</t>
  </si>
  <si>
    <t>lu77602jihz.tmp</t>
  </si>
  <si>
    <t>\\acsfs\profiles$\jalilebds\Downloads\lu77602jihz.tmp</t>
  </si>
  <si>
    <t>12/31/2019 14:40:41</t>
  </si>
  <si>
    <t>12/31/2019 14:43:37</t>
  </si>
  <si>
    <t>12/31/2019 14:41:14</t>
  </si>
  <si>
    <t>12/31/2019 14:38:04</t>
  </si>
  <si>
    <t>12/31/2019 14:39:33</t>
  </si>
  <si>
    <t>mail.google.com/sync/u/0/i/s?hl=pt-BR&amp;c=390</t>
  </si>
  <si>
    <t>12/31/2019 14:39:44</t>
  </si>
  <si>
    <t>mail.google.com/sync/u/0/i/s?hl=pt-BR&amp;c=393</t>
  </si>
  <si>
    <t>12/31/2019 14:39:57</t>
  </si>
  <si>
    <t>mail.google.com/sync/u/0/i/s?hl=pt-BR&amp;c=395</t>
  </si>
  <si>
    <t>12/31/2019 14:40:11</t>
  </si>
  <si>
    <t>mail.google.com/sync/u/0/i/s?hl=pt-BR&amp;c=397</t>
  </si>
  <si>
    <t>12/31/2019 14:41:56</t>
  </si>
  <si>
    <t>12/31/2019 14:40:15</t>
  </si>
  <si>
    <t>12/31/2019 14:44:36</t>
  </si>
  <si>
    <t>12/31/2019 14:41:15</t>
  </si>
  <si>
    <t>12/31/2019 14:40:17</t>
  </si>
  <si>
    <t>.~lock.isabelle 3 .3.ods#</t>
  </si>
  <si>
    <t>\\acsfs\profiles$\ISABELLEGTDS\Nova pasta\.~lock.isabelle 3 .3.ods#</t>
  </si>
  <si>
    <t>lu1667218yxhu.tmp</t>
  </si>
  <si>
    <t>\\acsfs\profiles$\ISABELLEGTDS\Nova pasta\lu1667218yxhu.tmp</t>
  </si>
  <si>
    <t>\\acsfs\profiles$\ISABELLEGTDS\Nova pasta\lu1667218yxhu.tmp\</t>
  </si>
  <si>
    <t>\\acsfs\profiles$\ISABELLEGTDS\Nova pasta\lu1667218yxhu.tmp\META-INF\</t>
  </si>
  <si>
    <t>\\acsfs\profiles$\ISABELLEGTDS\Nova pasta\lu1667218yxhu.tmp\Thumbnails\</t>
  </si>
  <si>
    <t>12/31/2019 14:41:29</t>
  </si>
  <si>
    <t>12/31/2019 14:45:36</t>
  </si>
  <si>
    <t>flaviacno</t>
  </si>
  <si>
    <t>\\acsfs\Deptos\Operacao\Banco_Votorantim\Supervisao\Flávia Constantina Nogueira\</t>
  </si>
  <si>
    <t>Coaching.xlsx</t>
  </si>
  <si>
    <t>\\acsfs\Deptos\Operacao\Banco_Votorantim\Supervisao\Flávia Constantina Nogueira\Coaching.xlsx</t>
  </si>
  <si>
    <t>12/31/2019 14:42:30</t>
  </si>
  <si>
    <t>e1fa766d-9732-4406-901e-13468eb8c1a1.tmp</t>
  </si>
  <si>
    <t>\\acsfs\profiles$\lucasqdss\Downloads\e1fa766d-9732-4406-901e-13468eb8c1a1.tmp</t>
  </si>
  <si>
    <t>12/31/2019 14:41:09</t>
  </si>
  <si>
    <t>12/31/2019 14:46:37</t>
  </si>
  <si>
    <t>\\acsfs\profiles$\joycemmdl\Downloads\</t>
  </si>
  <si>
    <t>\\acsfs\profiles$\joycemmdl\Downloads\desktop.ini</t>
  </si>
  <si>
    <t>12/31/2019 14:41:10</t>
  </si>
  <si>
    <t>12/31/2019 14:41:12</t>
  </si>
  <si>
    <t>\\acsfs\profiles$\joycemmdl\Favorites\</t>
  </si>
  <si>
    <t>\\acsfs\profiles$\joycemmdl\My Documents\desktop.ini</t>
  </si>
  <si>
    <t>12/31/2019 14:41:16</t>
  </si>
  <si>
    <t>12/31/2019 14:41:17</t>
  </si>
  <si>
    <t>12/31/2019 14:41:18</t>
  </si>
  <si>
    <t>12/31/2019 14:41:20</t>
  </si>
  <si>
    <t>\\acsfs\profiles$\joycemmdl\Saved Games\desktop.ini</t>
  </si>
  <si>
    <t>12/31/2019 14:41:21</t>
  </si>
  <si>
    <t>12/31/2019 14:42:20</t>
  </si>
  <si>
    <t>12/31/2019 14:44:55</t>
  </si>
  <si>
    <t>cd421f32-03a4-41bd-8d69-f4a60b475391.tmp</t>
  </si>
  <si>
    <t>\\acsfs\profiles$\joycemmdl\Downloads\cd421f32-03a4-41bd-8d69-f4a60b475391.tmp</t>
  </si>
  <si>
    <t>12/31/2019 14:45:04</t>
  </si>
  <si>
    <t>Unconfirmed 642582.crdownload</t>
  </si>
  <si>
    <t>\\acsfs\profiles$\joycemmdl\Downloads\Unconfirmed 642582.crdownload</t>
  </si>
  <si>
    <t>12/31/2019 14:43:04</t>
  </si>
  <si>
    <t>12/31/2019 14:47:36</t>
  </si>
  <si>
    <t>12/31/2019 14:44:08</t>
  </si>
  <si>
    <t>rosileiam</t>
  </si>
  <si>
    <t>\\acsfs\profiles$\rosileiam\Downloads\</t>
  </si>
  <si>
    <t>9775e87b-6bc9-479b-9306-55f83eb48a2f.tmp</t>
  </si>
  <si>
    <t>\\acsfs\profiles$\rosileiam\Downloads\9775e87b-6bc9-479b-9306-55f83eb48a2f.tmp</t>
  </si>
  <si>
    <t>12/31/2019 14:45:19</t>
  </si>
  <si>
    <t>8cd04619-a1b4-4ac2-ac0a-a8d3cfdb77c3.tmp</t>
  </si>
  <si>
    <t>\\acsfs\profiles$\rosileiam\Downloads\8cd04619-a1b4-4ac2-ac0a-a8d3cfdb77c3.tmp</t>
  </si>
  <si>
    <t>12/31/2019 14:46:04</t>
  </si>
  <si>
    <t>12/31/2019 14:44:13</t>
  </si>
  <si>
    <t>12/31/2019 14:48:37</t>
  </si>
  <si>
    <t>12/31/2019 14:47:56</t>
  </si>
  <si>
    <t>12/31/2019 14:46:15</t>
  </si>
  <si>
    <t>12/31/2019 14:49:36</t>
  </si>
  <si>
    <t>12/31/2019 14:47:15</t>
  </si>
  <si>
    <t>12/31/2019 14:45:25</t>
  </si>
  <si>
    <t>12/31/2019 14:50:36</t>
  </si>
  <si>
    <t>12/31/2019 14:49:39</t>
  </si>
  <si>
    <t>Novo Documento de Texto (3).txt</t>
  </si>
  <si>
    <t>\\acsfs\profiles$\NATALIACSL\Novo Documento de Texto (3).txt</t>
  </si>
  <si>
    <t>12/31/2019 14:47:33</t>
  </si>
  <si>
    <t>12/31/2019 14:51:37</t>
  </si>
  <si>
    <t>8f002af5-5075-4ad3-aea9-b64d17adc227.tmp</t>
  </si>
  <si>
    <t>\\acsfs\profiles$\joycemmdl\Downloads\8f002af5-5075-4ad3-aea9-b64d17adc227.tmp</t>
  </si>
  <si>
    <t>12/31/2019 14:48:56</t>
  </si>
  <si>
    <t>136cc332-b475-4ed7-a7bf-839078ef71dd.tmp</t>
  </si>
  <si>
    <t>\\acsfs\profiles$\joycemmdl\Downloads\136cc332-b475-4ed7-a7bf-839078ef71dd.tmp</t>
  </si>
  <si>
    <t>12/31/2019 14:46:28</t>
  </si>
  <si>
    <t>AMEX RECEM CONTRATADOS</t>
  </si>
  <si>
    <t>talitafdc</t>
  </si>
  <si>
    <t>\\acsfs\profiles$\talitafdc\</t>
  </si>
  <si>
    <t>prova.txt</t>
  </si>
  <si>
    <t>\\acsfs\profiles$\talitafdc\prova.txt</t>
  </si>
  <si>
    <t>12/31/2019 14:50:35</t>
  </si>
  <si>
    <t>12/31/2019 14:52:36</t>
  </si>
  <si>
    <t>.~lock.NOVO ACESSO.odt#</t>
  </si>
  <si>
    <t>\\acsfs\profiles$\edicarlosdl\My Documents\.~lock.NOVO ACESSO.odt#</t>
  </si>
  <si>
    <t>12/31/2019 14:52:01</t>
  </si>
  <si>
    <t>brunalas</t>
  </si>
  <si>
    <t>\\acsfs\profiles$\brunalas\Downloads\</t>
  </si>
  <si>
    <t>47b6ad8f-cc6e-4c45-8893-cbee3549b5c7.tmp</t>
  </si>
  <si>
    <t>\\acsfs\profiles$\brunalas\Downloads\47b6ad8f-cc6e-4c45-8893-cbee3549b5c7.tmp</t>
  </si>
  <si>
    <t>12/31/2019 14:49:30</t>
  </si>
  <si>
    <t>12/31/2019 14:54:36</t>
  </si>
  <si>
    <t>12/31/2019 14:52:16</t>
  </si>
  <si>
    <t>12/31/2019 14:53:16</t>
  </si>
  <si>
    <t>12/31/2019 14:55:11</t>
  </si>
  <si>
    <t>12/31/2019 14:56:36</t>
  </si>
  <si>
    <t>12/31/2019 14:52:35</t>
  </si>
  <si>
    <t>966c5b51-509f-4ede-8ee1-cdf31b947ca8.tmp</t>
  </si>
  <si>
    <t>\\acsfs\profiles$\alinepp\Downloads\966c5b51-509f-4ede-8ee1-cdf31b947ca8.tmp</t>
  </si>
  <si>
    <t>12/31/2019 14:53:10</t>
  </si>
  <si>
    <t>12/31/2019 14:57:36</t>
  </si>
  <si>
    <t>12/31/2019 14:53:24</t>
  </si>
  <si>
    <t>20ee8cac-b40c-4604-abed-adb8cadebe6c.tmp</t>
  </si>
  <si>
    <t>\\acsfs\profiles$\brunalas\Downloads\20ee8cac-b40c-4604-abed-adb8cadebe6c.tmp</t>
  </si>
  <si>
    <t>12/31/2019 14:53:55</t>
  </si>
  <si>
    <t>12/31/2019 14:53:57</t>
  </si>
  <si>
    <t>12/31/2019 14:58:37</t>
  </si>
  <si>
    <t>12/31/2019 14:54:16</t>
  </si>
  <si>
    <t>12/31/2019 14:59:36</t>
  </si>
  <si>
    <t>10.200.67.32</t>
  </si>
  <si>
    <t>74-86-7A-FB-18-13</t>
  </si>
  <si>
    <t>VOTORANT-PB003</t>
  </si>
  <si>
    <t>robsonams</t>
  </si>
  <si>
    <t>\\acsfs\Deptos\Operacao\Banco_Votorantim\Supervisao\Maristela\ALTO VALOR\Cópia de °ºAcompanhamento de Equipe Maristelaº°.xlsx\</t>
  </si>
  <si>
    <t>\\acsfs\Deptos\Operacao\Banco_Votorantim\Supervisao\Maristela\ALTO VALOR\Cópia de °ºAcompanhamento de Equipe Maristelaº°.xlsx</t>
  </si>
  <si>
    <t>\\acsfs\Deptos\Operacao\Banco_Votorantim\Supervisao\Maristela\ALTO VALOR\</t>
  </si>
  <si>
    <t>Cópia de °ºAcompanhamento de Equipe Maristelaº°.xlsx</t>
  </si>
  <si>
    <t>12/31/2019 14:55:05</t>
  </si>
  <si>
    <t>\\acsfs\Deptos\Operacao\Banco_Votorantim\Supervisao\Maristela\</t>
  </si>
  <si>
    <t>acessos Mari.txt</t>
  </si>
  <si>
    <t>\\acsfs\Deptos\Operacao\Banco_Votorantim\Supervisao\Maristela\acessos Mari.txt</t>
  </si>
  <si>
    <t>12/31/2019 14:58:16</t>
  </si>
  <si>
    <t>12/31/2019 14:55:19</t>
  </si>
  <si>
    <t>76244f2c-3238-493d-ac2a-333914e7ebf7.tmp</t>
  </si>
  <si>
    <t>\\acsfs\profiles$\welidicdj\Downloads\76244f2c-3238-493d-ac2a-333914e7ebf7.tmp</t>
  </si>
  <si>
    <t>12/31/2019 14:57:15</t>
  </si>
  <si>
    <t>12/31/2019 14:57:01</t>
  </si>
  <si>
    <t>12/31/2019 15:01:36</t>
  </si>
  <si>
    <t>12/31/2019 14:58:49</t>
  </si>
  <si>
    <t>12/31/2019 15:02:36</t>
  </si>
  <si>
    <t>lu77602jii2.tmp</t>
  </si>
  <si>
    <t>\\acsfs\profiles$\jalilebds\Downloads\lu77602jii2.tmp</t>
  </si>
  <si>
    <t>12/31/2019 14:58:00</t>
  </si>
  <si>
    <t>12/31/2019 14:58:08</t>
  </si>
  <si>
    <t>12/31/2019 15:03:36</t>
  </si>
  <si>
    <t>ebffe6a7-76c9-4a19-b430-2d3a77eded91.tmp</t>
  </si>
  <si>
    <t>\\acsfs\profiles$\anafaes\Downloads\ebffe6a7-76c9-4a19-b430-2d3a77eded91.tmp</t>
  </si>
  <si>
    <t>12/31/2019 14:59:57</t>
  </si>
  <si>
    <t>12/31/2019 15:01:27</t>
  </si>
  <si>
    <t>12/31/2019 14:59:16</t>
  </si>
  <si>
    <t>12/31/2019 15:04:36</t>
  </si>
  <si>
    <t>12/31/2019 15:03:51</t>
  </si>
  <si>
    <t>12/31/2019 15:06:37</t>
  </si>
  <si>
    <t>12/31/2019 15:03:13</t>
  </si>
  <si>
    <t>12/31/2019 15:07:36</t>
  </si>
  <si>
    <t>12/31/2019 15:05:58</t>
  </si>
  <si>
    <t>12/31/2019 15:08:36</t>
  </si>
  <si>
    <t>12/31/2019 15:08:04</t>
  </si>
  <si>
    <t>faa54e33-39a0-4420-8419-9c7791522485.tmp</t>
  </si>
  <si>
    <t>\\acsfs\profiles$\jonatanls\Downloads\faa54e33-39a0-4420-8419-9c7791522485.tmp</t>
  </si>
  <si>
    <t>12/31/2019 15:06:01</t>
  </si>
  <si>
    <t>10.200.67.136</t>
  </si>
  <si>
    <t>74-86-7A-FB-1B-3B</t>
  </si>
  <si>
    <t>VOTORANT-FB017</t>
  </si>
  <si>
    <t>thaianaads</t>
  </si>
  <si>
    <t>\\acsfs\profiles$\thaianaads\My Documents\</t>
  </si>
  <si>
    <t>\\acsfs\profiles$\thaianaads\My Documents\Download.pdf</t>
  </si>
  <si>
    <t>12/31/2019 15:04:16</t>
  </si>
  <si>
    <t>12/31/2019 15:09:36</t>
  </si>
  <si>
    <t>12/31/2019 15:05:16</t>
  </si>
  <si>
    <t>12/31/2019 15:07:46</t>
  </si>
  <si>
    <t>12/31/2019 15:05:12</t>
  </si>
  <si>
    <t>12/31/2019 15:10:36</t>
  </si>
  <si>
    <t>12/31/2019 15:11:22</t>
  </si>
  <si>
    <t>12/31/2019 15:12:36</t>
  </si>
  <si>
    <t>lu77602jiia.tmp</t>
  </si>
  <si>
    <t>\\acsfs\profiles$\jalilebds\Downloads\lu77602jiia.tmp</t>
  </si>
  <si>
    <t>12/31/2019 15:11:57</t>
  </si>
  <si>
    <t>12/31/2019 15:13:36</t>
  </si>
  <si>
    <t>12/31/2019 15:11:09</t>
  </si>
  <si>
    <t>12/31/2019 15:10:16</t>
  </si>
  <si>
    <t>12/31/2019 15:14:37</t>
  </si>
  <si>
    <t>12/31/2019 15:11:16</t>
  </si>
  <si>
    <t>12/31/2019 15:11:31</t>
  </si>
  <si>
    <t>12/31/2019 15:15:36</t>
  </si>
  <si>
    <t>12/31/2019 15:12:12</t>
  </si>
  <si>
    <t>12/31/2019 15:17:36</t>
  </si>
  <si>
    <t>12/31/2019 15:17:12</t>
  </si>
  <si>
    <t>12/31/2019 15:18:37</t>
  </si>
  <si>
    <t>12/31/2019 15:17:57</t>
  </si>
  <si>
    <t>12/31/2019 15:16:16</t>
  </si>
  <si>
    <t>12/31/2019 15:19:37</t>
  </si>
  <si>
    <t>12/31/2019 15:17:16</t>
  </si>
  <si>
    <t>12/31/2019 15:17:32</t>
  </si>
  <si>
    <t>12/31/2019 15:17:15</t>
  </si>
  <si>
    <t>12/31/2019 15:21:36</t>
  </si>
  <si>
    <t>12/31/2019 15:20:18</t>
  </si>
  <si>
    <t>andreapdsg</t>
  </si>
  <si>
    <t>\\acsfs\profiles$\andreapdsg\Downloads\</t>
  </si>
  <si>
    <t>85873d23-2ccf-4e61-9837-1ac3ed4fdfa7.tmp</t>
  </si>
  <si>
    <t>\\acsfs\profiles$\andreapdsg\Downloads\85873d23-2ccf-4e61-9837-1ac3ed4fdfa7.tmp</t>
  </si>
  <si>
    <t>12/31/2019 15:18:31</t>
  </si>
  <si>
    <t>a51bb69c-8d61-4a6d-9d56-d7a0e3b0d39e.tmp</t>
  </si>
  <si>
    <t>\\acsfs\profiles$\larissaad\Downloads\a51bb69c-8d61-4a6d-9d56-d7a0e3b0d39e.tmp</t>
  </si>
  <si>
    <t>12/31/2019 15:21:28</t>
  </si>
  <si>
    <t>12/31/2019 15:22:37</t>
  </si>
  <si>
    <t>\\acsfs\profiles$\tiagosno\My Documents\</t>
  </si>
  <si>
    <t>\\acsfs\profiles$\tiagosno\My Documents\Download.pdf</t>
  </si>
  <si>
    <t>12/31/2019 15:22:16</t>
  </si>
  <si>
    <t>12/31/2019 15:24:37</t>
  </si>
  <si>
    <t>12/31/2019 15:23:16</t>
  </si>
  <si>
    <t>12/31/2019 15:24:17</t>
  </si>
  <si>
    <t>12/31/2019 15:26:37</t>
  </si>
  <si>
    <t>12/31/2019 15:22:06</t>
  </si>
  <si>
    <t>7d17d070-b8d6-4a68-831e-651adec9a130.tmp</t>
  </si>
  <si>
    <t>\\acsfs\profiles$\andreapdsg\Downloads\7d17d070-b8d6-4a68-831e-651adec9a130.tmp</t>
  </si>
  <si>
    <t>12/31/2019 15:24:22</t>
  </si>
  <si>
    <t>12/31/2019 15:27:36</t>
  </si>
  <si>
    <t>12/31/2019 15:27:08</t>
  </si>
  <si>
    <t>12/31/2019 15:23:57</t>
  </si>
  <si>
    <t>12/31/2019 15:28:37</t>
  </si>
  <si>
    <t>12/31/2019 15:27:02</t>
  </si>
  <si>
    <t>12/31/2019 15:28:16</t>
  </si>
  <si>
    <t>12/31/2019 15:29:36</t>
  </si>
  <si>
    <t>12/31/2019 15:27:49</t>
  </si>
  <si>
    <t>12/31/2019 15:30:37</t>
  </si>
  <si>
    <t>12/31/2019 15:25:51</t>
  </si>
  <si>
    <t>12/31/2019 15:25:54</t>
  </si>
  <si>
    <t>12/31/2019 15:31:37</t>
  </si>
  <si>
    <t>12/31/2019 15:25:58</t>
  </si>
  <si>
    <t>mail.google.com/sync/u/0/i/s?hl=pt-BR&amp;c=38</t>
  </si>
  <si>
    <t>12/31/2019 15:26:18</t>
  </si>
  <si>
    <t>mail.google.com/sync/u/0/i/s?hl=pt-BR&amp;c=65</t>
  </si>
  <si>
    <t>12/31/2019 15:26:23</t>
  </si>
  <si>
    <t>mail.google.com/sync/u/0/i/s?hl=pt-BR&amp;c=68</t>
  </si>
  <si>
    <t>12/31/2019 15:26:27</t>
  </si>
  <si>
    <t>mail.google.com/sync/u/0/i/s?hl=pt-BR&amp;c=70</t>
  </si>
  <si>
    <t>12/31/2019 15:26:39</t>
  </si>
  <si>
    <t>mail.google.com/sync/u/0/i/s?hl=pt-BR&amp;c=72</t>
  </si>
  <si>
    <t>12/31/2019 15:26:49</t>
  </si>
  <si>
    <t>12/31/2019 15:26:51</t>
  </si>
  <si>
    <t>12/31/2019 14:58:21</t>
  </si>
  <si>
    <t>anacms</t>
  </si>
  <si>
    <t>\\acsfs\profiles$\anacms\My Documents\My Pictures\</t>
  </si>
  <si>
    <t>\\acsfs\profiles$\anacms\My Documents\My Videos\desktop.ini</t>
  </si>
  <si>
    <t>12/31/2019 14:58:22</t>
  </si>
  <si>
    <t>\\acsfs\profiles$\anacms\My Documents\My Videos\</t>
  </si>
  <si>
    <t>12/31/2019 14:58:23</t>
  </si>
  <si>
    <t>12/31/2019 14:58:24</t>
  </si>
  <si>
    <t>12/31/2019 14:58:26</t>
  </si>
  <si>
    <t>\\acsfs\profiles$\anacms\My Documents\My Music\</t>
  </si>
  <si>
    <t>\\acsfs\profiles$\anacms\My Documents\My Pictures\desktop.ini</t>
  </si>
  <si>
    <t>12/31/2019 14:58:28</t>
  </si>
  <si>
    <t>12/31/2019 14:58:29</t>
  </si>
  <si>
    <t>12/31/2019 14:58:30</t>
  </si>
  <si>
    <t>12/31/2019 14:58:32</t>
  </si>
  <si>
    <t>\\acsfs\profiles$\anacms\Contacts\</t>
  </si>
  <si>
    <t>\\acsfs\profiles$\anacms\Contacts\desktop.ini</t>
  </si>
  <si>
    <t>12/31/2019 14:58:33</t>
  </si>
  <si>
    <t>12/31/2019 14:58:34</t>
  </si>
  <si>
    <t>12/31/2019 14:58:35</t>
  </si>
  <si>
    <t>12/31/2019 14:58:36</t>
  </si>
  <si>
    <t>12/31/2019 14:58:45</t>
  </si>
  <si>
    <t>\\acsfs\profiles$\anacms\My Documents\</t>
  </si>
  <si>
    <t>\\acsfs\profiles$\anacms\Favorites\desktop.ini</t>
  </si>
  <si>
    <t>12/31/2019 14:58:46</t>
  </si>
  <si>
    <t>12/31/2019 14:58:47</t>
  </si>
  <si>
    <t>12/31/2019 14:58:48</t>
  </si>
  <si>
    <t>12/31/2019 15:27:56</t>
  </si>
  <si>
    <t>10.200.67.3</t>
  </si>
  <si>
    <t>74-86-7A-FB-17-88</t>
  </si>
  <si>
    <t>VOTORANT-FB015</t>
  </si>
  <si>
    <t>cristianodab</t>
  </si>
  <si>
    <t>\\acsfs\profiles$\cristianodab\Desktop\</t>
  </si>
  <si>
    <t>BLOCO DE NOTAS.txt</t>
  </si>
  <si>
    <t>\\acsfs\profiles$\cristianodab\Desktop\BLOCO DE NOTAS.txt</t>
  </si>
  <si>
    <t>12/31/2019 15:28:38</t>
  </si>
  <si>
    <t>12/31/2019 15:32:37</t>
  </si>
  <si>
    <t>12/31/2019 15:28:59</t>
  </si>
  <si>
    <t>12/31/2019 15:33:37</t>
  </si>
  <si>
    <t>12/31/2019 15:32:27</t>
  </si>
  <si>
    <t>erichds</t>
  </si>
  <si>
    <t>\\acsfs\profiles$\erichds\Downloads\</t>
  </si>
  <si>
    <t>56ca31df-7cf3-477b-92fe-b66a0fb0939f.tmp</t>
  </si>
  <si>
    <t>\\acsfs\profiles$\erichds\Downloads\56ca31df-7cf3-477b-92fe-b66a0fb0939f.tmp</t>
  </si>
  <si>
    <t>12/31/2019 15:29:57</t>
  </si>
  <si>
    <t>12/31/2019 15:29:08</t>
  </si>
  <si>
    <t>12/31/2019 15:32:03</t>
  </si>
  <si>
    <t>12/31/2019 15:30:54</t>
  </si>
  <si>
    <t>8d887735-94ef-46ea-97da-494c04ad5dec.tmp</t>
  </si>
  <si>
    <t>\\acsfs\profiles$\jonatanls\Downloads\8d887735-94ef-46ea-97da-494c04ad5dec.tmp</t>
  </si>
  <si>
    <t>12/31/2019 15:31:17</t>
  </si>
  <si>
    <t>$I40W527.pdf</t>
  </si>
  <si>
    <t>\\acsfs\profiles$\jonatanls\Downloads\$RECYCLE.BIN\$I40W527.pdf</t>
  </si>
  <si>
    <t>12/31/2019 15:31:18</t>
  </si>
  <si>
    <t>$IVDCUI3.pdf</t>
  </si>
  <si>
    <t>\\acsfs\profiles$\jonatanls\Downloads\$RECYCLE.BIN\$IVDCUI3.pdf</t>
  </si>
  <si>
    <t>$I0WYXJS.pdf</t>
  </si>
  <si>
    <t>\\acsfs\profiles$\jonatanls\Downloads\$RECYCLE.BIN\$I0WYXJS.pdf</t>
  </si>
  <si>
    <t>12/31/2019 15:31:19</t>
  </si>
  <si>
    <t>$IRC7M3R.pdf</t>
  </si>
  <si>
    <t>\\acsfs\profiles$\jonatanls\Downloads\$RECYCLE.BIN\$IRC7M3R.pdf</t>
  </si>
  <si>
    <t>12/31/2019 15:30:39</t>
  </si>
  <si>
    <t>12/31/2019 15:34:36</t>
  </si>
  <si>
    <t>12/31/2019 15:29:16</t>
  </si>
  <si>
    <t>12/31/2019 15:29:55</t>
  </si>
  <si>
    <t>12/31/2019 15:35:36</t>
  </si>
  <si>
    <t>238a3760-a4a1-4de3-987e-28032523dbf1.tmp</t>
  </si>
  <si>
    <t>\\acsfs\profiles$\LAISLG\Downloads\238a3760-a4a1-4de3-987e-28032523dbf1.tmp</t>
  </si>
  <si>
    <t>12/31/2019 15:31:30</t>
  </si>
  <si>
    <t>12/31/2019 15:36:37</t>
  </si>
  <si>
    <t>465ee2d3-6148-4119-a7fc-62c22277ca25.tmp</t>
  </si>
  <si>
    <t>\\acsfs\profiles$\larissaad\Downloads\465ee2d3-6148-4119-a7fc-62c22277ca25.tmp</t>
  </si>
  <si>
    <t>12/31/2019 15:35:20</t>
  </si>
  <si>
    <t>12/31/2019 15:34:58</t>
  </si>
  <si>
    <t>12/31/2019 15:37:36</t>
  </si>
  <si>
    <t>https://links.services.disqus.com/api/domains</t>
  </si>
  <si>
    <t>https://links.services.disqus.com/api/optimize</t>
  </si>
  <si>
    <t>12/31/2019 15:35:00</t>
  </si>
  <si>
    <t>12/31/2019 15:35:03</t>
  </si>
  <si>
    <t>12/31/2019 15:35:11</t>
  </si>
  <si>
    <t>12/31/2019 15:35:13</t>
  </si>
  <si>
    <t>12/31/2019 15:38:36</t>
  </si>
  <si>
    <t>d244f03b-2ab6-4caa-af18-715d35ee1c5f.tmp</t>
  </si>
  <si>
    <t>\\acsfs\profiles$\erichds\Downloads\d244f03b-2ab6-4caa-af18-715d35ee1c5f.tmp</t>
  </si>
  <si>
    <t>2c03d11e-bea0-44f9-ac13-9962fc04a11e;</t>
  </si>
  <si>
    <t>https://cscatende.algarnet.com.br/html/ad/adform/request/openticket.php</t>
  </si>
  <si>
    <t>C:\Users\raicdf\Downloads\</t>
  </si>
  <si>
    <t>image2019-12-31-152053.pdf</t>
  </si>
  <si>
    <t>12/31/2019 15:35:57</t>
  </si>
  <si>
    <t>12/31/2019 15:34:16</t>
  </si>
  <si>
    <t>12/31/2019 15:39:36</t>
  </si>
  <si>
    <t>12/31/2019 15:35:16</t>
  </si>
  <si>
    <t>12/31/2019 15:38:59</t>
  </si>
  <si>
    <t>12/31/2019 15:40:36</t>
  </si>
  <si>
    <t>533659eb-22fc-44e7-bcba-b35e93223ded;</t>
  </si>
  <si>
    <t>12/31/2019 15:39:06</t>
  </si>
  <si>
    <t>12/31/2019 15:39:07</t>
  </si>
  <si>
    <t>12/31/2019 15:39:08</t>
  </si>
  <si>
    <t>12/31/2019 15:39:09</t>
  </si>
  <si>
    <t>12/31/2019 15:39:10</t>
  </si>
  <si>
    <t>12/31/2019 15:39:11</t>
  </si>
  <si>
    <t>12/31/2019 15:39:12</t>
  </si>
  <si>
    <t>12/31/2019 15:39:17</t>
  </si>
  <si>
    <t>12/31/2019 15:39:21</t>
  </si>
  <si>
    <t>12/31/2019 15:39:22</t>
  </si>
  <si>
    <t>12/31/2019 15:39:23</t>
  </si>
  <si>
    <t>12/31/2019 15:39:24</t>
  </si>
  <si>
    <t>12/31/2019 15:39:29</t>
  </si>
  <si>
    <t>12/31/2019 15:39:30</t>
  </si>
  <si>
    <t>12/31/2019 15:39:49</t>
  </si>
  <si>
    <t>12/31/2019 15:39:50</t>
  </si>
  <si>
    <t>12/31/2019 15:39:51</t>
  </si>
  <si>
    <t>12/31/2019 15:39:53</t>
  </si>
  <si>
    <t>12/31/2019 15:39:54</t>
  </si>
  <si>
    <t>12/31/2019 15:39:55</t>
  </si>
  <si>
    <t>12/31/2019 15:40:00</t>
  </si>
  <si>
    <t>12/31/2019 15:40:02</t>
  </si>
  <si>
    <t>12/31/2019 15:40:03</t>
  </si>
  <si>
    <t>12/31/2019 15:40:04</t>
  </si>
  <si>
    <t>12/31/2019 15:40:11</t>
  </si>
  <si>
    <t>12/31/2019 15:40:15</t>
  </si>
  <si>
    <t>12/31/2019 15:37:20</t>
  </si>
  <si>
    <t>12/31/2019 15:41:37</t>
  </si>
  <si>
    <t>e28cb8be-e414-4a3a-bd96-2b66f56aa036.tmp</t>
  </si>
  <si>
    <t>\\acsfs\profiles$\gabriellalpr\Downloads\e28cb8be-e414-4a3a-bd96-2b66f56aa036.tmp</t>
  </si>
  <si>
    <t>12/31/2019 15:37:21</t>
  </si>
  <si>
    <t>b610eaf7-2428-4b84-8781-84458cee9cc0.tmp</t>
  </si>
  <si>
    <t>\\acsfs\profiles$\alinepp\Downloads\b610eaf7-2428-4b84-8781-84458cee9cc0.tmp</t>
  </si>
  <si>
    <t>12/31/2019 15:36:51</t>
  </si>
  <si>
    <t>cintiadjl</t>
  </si>
  <si>
    <t>\\acsfs\profiles$\cintiadjl\Downloads\</t>
  </si>
  <si>
    <t>b7411380-9148-45af-8dbc-164debc16ccd.tmp</t>
  </si>
  <si>
    <t>\\acsfs\profiles$\cintiadjl\Downloads\b7411380-9148-45af-8dbc-164debc16ccd.tmp</t>
  </si>
  <si>
    <t>12/31/2019 15:36:54</t>
  </si>
  <si>
    <t>434774dc-4ef3-449c-93a0-71ef106dbd44.tmp</t>
  </si>
  <si>
    <t>\\acsfs\profiles$\cintiadjl\Downloads\434774dc-4ef3-449c-93a0-71ef106dbd44.tmp</t>
  </si>
  <si>
    <t>12/31/2019 15:37:45</t>
  </si>
  <si>
    <t>10.200.67.224</t>
  </si>
  <si>
    <t>D0-94-66-B5-4E-B0</t>
  </si>
  <si>
    <t>VOTORANT-PB019</t>
  </si>
  <si>
    <t>myllenardl</t>
  </si>
  <si>
    <t>\\acsfs\profiles$\myllenardl\Downloads\</t>
  </si>
  <si>
    <t>9610596f-a97a-42c3-9b21-2cb0c53596fd.tmp</t>
  </si>
  <si>
    <t>\\acsfs\profiles$\myllenardl\Downloads\9610596f-a97a-42c3-9b21-2cb0c53596fd.tmp</t>
  </si>
  <si>
    <t>12/31/2019 15:38:05</t>
  </si>
  <si>
    <t>9d521cf4-9c22-4e66-ba31-bfe678be1d8d.tmp</t>
  </si>
  <si>
    <t>\\acsfs\profiles$\myllenardl\Downloads\9d521cf4-9c22-4e66-ba31-bfe678be1d8d.tmp</t>
  </si>
  <si>
    <t>12/31/2019 15:40:41</t>
  </si>
  <si>
    <t>12/31/2019 15:42:36</t>
  </si>
  <si>
    <t>lu77602jiid.tmp</t>
  </si>
  <si>
    <t>\\acsfs\profiles$\jalilebds\Downloads\lu77602jiid.tmp</t>
  </si>
  <si>
    <t>12/31/2019 15:41:18</t>
  </si>
  <si>
    <t>12/31/2019 15:44:36</t>
  </si>
  <si>
    <t>\\acsfs\profiles$\ellencds\My Documents\xworkcenter\logs\</t>
  </si>
  <si>
    <t>XLOG_ellencds_31122019_083838.log</t>
  </si>
  <si>
    <t>\\acsfs\profiles$\ellencds\My Documents\xworkcenter\logs\XLOG_ellencds_31122019_083838.log</t>
  </si>
  <si>
    <t>12/31/2019 15:40:16</t>
  </si>
  <si>
    <t>12/31/2019 15:41:16</t>
  </si>
  <si>
    <t>12/31/2019 15:41:23</t>
  </si>
  <si>
    <t>12/31/2019 15:44:33</t>
  </si>
  <si>
    <t>12/31/2019 15:45:36</t>
  </si>
  <si>
    <t>12/31/2019 15:40:30</t>
  </si>
  <si>
    <t>12/31/2019 15:40:33</t>
  </si>
  <si>
    <t>12/31/2019 15:40:34</t>
  </si>
  <si>
    <t>12/31/2019 15:40:35</t>
  </si>
  <si>
    <t>12/31/2019 15:40:39</t>
  </si>
  <si>
    <t>12/31/2019 15:40:42</t>
  </si>
  <si>
    <t>12/31/2019 15:40:43</t>
  </si>
  <si>
    <t>12/31/2019 15:40:44</t>
  </si>
  <si>
    <t>12/31/2019 15:40:46</t>
  </si>
  <si>
    <t>12/31/2019 15:40:47</t>
  </si>
  <si>
    <t>12/31/2019 15:40:51</t>
  </si>
  <si>
    <t>12/31/2019 15:40:53</t>
  </si>
  <si>
    <t>12/31/2019 15:40:54</t>
  </si>
  <si>
    <t>12/31/2019 15:45:18</t>
  </si>
  <si>
    <t>12/31/2019 15:43:33</t>
  </si>
  <si>
    <t>12/31/2019 15:47:36</t>
  </si>
  <si>
    <t>\\acsfs\profiles$\jalilebds\Downloads\$RECYCLE.BIN\</t>
  </si>
  <si>
    <t>$IUE3G7U.xlsx</t>
  </si>
  <si>
    <t>\\acsfs\profiles$\jalilebds\Downloads\$RECYCLE.BIN\$IUE3G7U.xlsx</t>
  </si>
  <si>
    <t>12/31/2019 15:43:34</t>
  </si>
  <si>
    <t>$IY3IC1S.ods</t>
  </si>
  <si>
    <t>\\acsfs\profiles$\jalilebds\Downloads\$RECYCLE.BIN\$IY3IC1S.ods</t>
  </si>
  <si>
    <t>$IEXLRBC.xlsx</t>
  </si>
  <si>
    <t>\\acsfs\profiles$\jalilebds\Downloads\$RECYCLE.BIN\$IEXLRBC.xlsx</t>
  </si>
  <si>
    <t>$IPX6DMF.xlsx</t>
  </si>
  <si>
    <t>\\acsfs\profiles$\jalilebds\Downloads\$RECYCLE.BIN\$IPX6DMF.xlsx</t>
  </si>
  <si>
    <t>12/31/2019 15:43:59</t>
  </si>
  <si>
    <t>12/31/2019 15:45:13</t>
  </si>
  <si>
    <t>68fcba01-f805-4a86-a9b3-e961a760e2a7.tmp</t>
  </si>
  <si>
    <t>\\acsfs\profiles$\gabrielamdp\Downloads\68fcba01-f805-4a86-a9b3-e961a760e2a7.tmp</t>
  </si>
  <si>
    <t>12/31/2019 15:45:26</t>
  </si>
  <si>
    <t>44af3f38-70fa-4b62-8eee-7a61af36e0c8.tmp</t>
  </si>
  <si>
    <t>\\acsfs\profiles$\gabrielamdp\Downloads\44af3f38-70fa-4b62-8eee-7a61af36e0c8.tmp</t>
  </si>
  <si>
    <t>12/31/2019 15:47:52</t>
  </si>
  <si>
    <t>12/31/2019 15:48:36</t>
  </si>
  <si>
    <t>12/31/2019 15:44:01</t>
  </si>
  <si>
    <t>\\acsfs\profiles$\fabianafv\My Documents\</t>
  </si>
  <si>
    <t>.~lock.planilha ativo fabiana 27122019.ods#</t>
  </si>
  <si>
    <t>\\acsfs\profiles$\fabianafv\My Documents\.~lock.planilha ativo fabiana 27122019.ods#</t>
  </si>
  <si>
    <t>12/31/2019 15:44:15</t>
  </si>
  <si>
    <t>lu674433k8x.tmp</t>
  </si>
  <si>
    <t>\\acsfs\profiles$\fabianafv\My Documents\lu674433k8x.tmp</t>
  </si>
  <si>
    <t>\\acsfs\profiles$\fabianafv\My Documents\lu674433k8x.tmp\</t>
  </si>
  <si>
    <t>\\acsfs\profiles$\fabianafv\My Documents\lu674433k8x.tmp\META-INF\</t>
  </si>
  <si>
    <t>\\acsfs\profiles$\fabianafv\My Documents\lu674433k8x.tmp\Thumbnails\</t>
  </si>
  <si>
    <t>12/31/2019 15:46:16</t>
  </si>
  <si>
    <t>12/31/2019 15:49:36</t>
  </si>
  <si>
    <t>12/31/2019 15:47:16</t>
  </si>
  <si>
    <t>12/31/2019 15:48:08</t>
  </si>
  <si>
    <t>12/31/2019 15:50:36</t>
  </si>
  <si>
    <t>12/31/2019 15:45:19</t>
  </si>
  <si>
    <t>12/31/2019 15:45:27</t>
  </si>
  <si>
    <t>12/31/2019 15:45:28</t>
  </si>
  <si>
    <t>12/31/2019 15:45:29</t>
  </si>
  <si>
    <t>12/31/2019 15:47:13</t>
  </si>
  <si>
    <t>12/31/2019 15:47:15</t>
  </si>
  <si>
    <t>12/31/2019 15:47:17</t>
  </si>
  <si>
    <t>12/31/2019 15:47:18</t>
  </si>
  <si>
    <t>12/31/2019 15:47:20</t>
  </si>
  <si>
    <t>12/31/2019 15:47:26</t>
  </si>
  <si>
    <t>12/31/2019 15:47:28</t>
  </si>
  <si>
    <t>12/31/2019 15:47:29</t>
  </si>
  <si>
    <t>12/31/2019 15:47:31</t>
  </si>
  <si>
    <t>12/31/2019 15:47:33</t>
  </si>
  <si>
    <t>12/31/2019 15:47:38</t>
  </si>
  <si>
    <t>12/31/2019 15:47:47</t>
  </si>
  <si>
    <t>12/31/2019 15:47:50</t>
  </si>
  <si>
    <t>12/31/2019 15:47:54</t>
  </si>
  <si>
    <t>12/31/2019 15:47:55</t>
  </si>
  <si>
    <t>12/31/2019 15:47:56</t>
  </si>
  <si>
    <t>12/31/2019 15:47:57</t>
  </si>
  <si>
    <t>12/31/2019 15:48:03</t>
  </si>
  <si>
    <t>12/31/2019 15:48:10</t>
  </si>
  <si>
    <t>12/31/2019 15:48:23</t>
  </si>
  <si>
    <t>12/31/2019 15:48:28</t>
  </si>
  <si>
    <t>12/31/2019 15:48:29</t>
  </si>
  <si>
    <t>12/31/2019 15:48:34</t>
  </si>
  <si>
    <t>12/31/2019 15:48:47</t>
  </si>
  <si>
    <t>12/31/2019 15:48:51</t>
  </si>
  <si>
    <t>12/31/2019 15:48:52</t>
  </si>
  <si>
    <t>12/31/2019 15:48:53</t>
  </si>
  <si>
    <t>12/31/2019 15:48:55</t>
  </si>
  <si>
    <t>12/31/2019 15:48:58</t>
  </si>
  <si>
    <t>12/31/2019 15:49:07</t>
  </si>
  <si>
    <t>12/31/2019 15:49:10</t>
  </si>
  <si>
    <t>12/31/2019 15:49:11</t>
  </si>
  <si>
    <t>12/31/2019 15:49:13</t>
  </si>
  <si>
    <t>12/31/2019 15:49:17</t>
  </si>
  <si>
    <t>12/31/2019 15:49:24</t>
  </si>
  <si>
    <t>12/31/2019 15:49:39</t>
  </si>
  <si>
    <t>12/31/2019 15:49:41</t>
  </si>
  <si>
    <t>12/31/2019 15:49:42</t>
  </si>
  <si>
    <t>12/31/2019 15:49:43</t>
  </si>
  <si>
    <t>12/31/2019 15:49:44</t>
  </si>
  <si>
    <t>12/31/2019 15:49:48</t>
  </si>
  <si>
    <t>12/31/2019 15:49:55</t>
  </si>
  <si>
    <t>12/31/2019 15:50:01</t>
  </si>
  <si>
    <t>12/31/2019 15:50:02</t>
  </si>
  <si>
    <t>12/31/2019 15:50:03</t>
  </si>
  <si>
    <t>12/31/2019 15:50:07</t>
  </si>
  <si>
    <t>12/31/2019 15:50:08</t>
  </si>
  <si>
    <t>12/31/2019 15:46:54</t>
  </si>
  <si>
    <t>12/31/2019 15:51:36</t>
  </si>
  <si>
    <t>12/31/2019 15:47:24</t>
  </si>
  <si>
    <t>12/31/2019 15:49:37</t>
  </si>
  <si>
    <t>12/31/2019 15:54:36</t>
  </si>
  <si>
    <t>XLOG_ellencds_31122019_083650.log</t>
  </si>
  <si>
    <t>\\acsfs\profiles$\ellencds\My Documents\xworkcenter\logs\XLOG_ellencds_31122019_083650.log</t>
  </si>
  <si>
    <t>12/31/2019 15:52:17</t>
  </si>
  <si>
    <t>12/31/2019 15:53:16</t>
  </si>
  <si>
    <t>12/31/2019 15:50:24</t>
  </si>
  <si>
    <t>12/31/2019 15:55:37</t>
  </si>
  <si>
    <t>12/31/2019 15:50:27</t>
  </si>
  <si>
    <t>12/31/2019 15:50:28</t>
  </si>
  <si>
    <t>12/31/2019 15:50:29</t>
  </si>
  <si>
    <t>12/31/2019 15:50:34</t>
  </si>
  <si>
    <t>12/31/2019 15:51:41</t>
  </si>
  <si>
    <t>12/31/2019 15:51:42</t>
  </si>
  <si>
    <t>12/31/2019 15:51:43</t>
  </si>
  <si>
    <t>12/31/2019 15:51:44</t>
  </si>
  <si>
    <t>12/31/2019 15:51:46</t>
  </si>
  <si>
    <t>12/31/2019 15:51:47</t>
  </si>
  <si>
    <t>12/31/2019 15:52:44</t>
  </si>
  <si>
    <t>12/31/2019 15:52:47</t>
  </si>
  <si>
    <t>12/31/2019 15:52:48</t>
  </si>
  <si>
    <t>12/31/2019 15:52:49</t>
  </si>
  <si>
    <t>12/31/2019 15:52:59</t>
  </si>
  <si>
    <t>12/31/2019 15:53:00</t>
  </si>
  <si>
    <t>12/31/2019 15:53:01</t>
  </si>
  <si>
    <t>12/31/2019 15:53:07</t>
  </si>
  <si>
    <t>12/31/2019 15:53:10</t>
  </si>
  <si>
    <t>12/31/2019 15:53:15</t>
  </si>
  <si>
    <t>12/31/2019 15:53:26</t>
  </si>
  <si>
    <t>12/31/2019 15:53:35</t>
  </si>
  <si>
    <t>12/31/2019 15:53:43</t>
  </si>
  <si>
    <t>12/31/2019 15:53:44</t>
  </si>
  <si>
    <t>12/31/2019 15:53:45</t>
  </si>
  <si>
    <t>12/31/2019 15:53:46</t>
  </si>
  <si>
    <t>12/31/2019 15:53:50</t>
  </si>
  <si>
    <t>12/31/2019 15:53:55</t>
  </si>
  <si>
    <t>12/31/2019 15:54:02</t>
  </si>
  <si>
    <t>12/31/2019 15:54:06</t>
  </si>
  <si>
    <t>12/31/2019 15:54:07</t>
  </si>
  <si>
    <t>12/31/2019 15:54:08</t>
  </si>
  <si>
    <t>12/31/2019 15:54:13</t>
  </si>
  <si>
    <t>12/31/2019 15:54:19</t>
  </si>
  <si>
    <t>12/31/2019 15:54:21</t>
  </si>
  <si>
    <t>12/31/2019 15:54:22</t>
  </si>
  <si>
    <t>12/31/2019 15:54:23</t>
  </si>
  <si>
    <t>12/31/2019 15:54:24</t>
  </si>
  <si>
    <t>12/31/2019 15:54:25</t>
  </si>
  <si>
    <t>12/31/2019 15:54:26</t>
  </si>
  <si>
    <t>12/31/2019 15:54:27</t>
  </si>
  <si>
    <t>12/31/2019 15:54:44</t>
  </si>
  <si>
    <t>12/31/2019 15:54:47</t>
  </si>
  <si>
    <t>12/31/2019 15:54:48</t>
  </si>
  <si>
    <t>12/31/2019 15:54:49</t>
  </si>
  <si>
    <t>12/31/2019 15:54:50</t>
  </si>
  <si>
    <t>12/31/2019 15:54:55</t>
  </si>
  <si>
    <t>12/31/2019 15:58:16</t>
  </si>
  <si>
    <t>12/31/2019 15:59:36</t>
  </si>
  <si>
    <t>12/31/2019 15:58:25</t>
  </si>
  <si>
    <t>Holerite_122019_2077881.pdf.k5kmxtp.partial</t>
  </si>
  <si>
    <t>\\acsfs\profiles$\vivianibfs\Downloads\Holerite_122019_2077881.pdf.k5kmxtp.partial</t>
  </si>
  <si>
    <t>12/31/2019 15:56:40</t>
  </si>
  <si>
    <t>21820d97-57d3-45d4-8dde-80c2510975cc.tmp</t>
  </si>
  <si>
    <t>\\acsfs\profiles$\adelvinsonle\Downloads\21820d97-57d3-45d4-8dde-80c2510975cc.tmp</t>
  </si>
  <si>
    <t>12/31/2019 15:55:52</t>
  </si>
  <si>
    <t>12/31/2019 16:00:36</t>
  </si>
  <si>
    <t>12/31/2019 15:55:54</t>
  </si>
  <si>
    <t>12/31/2019 15:55:55</t>
  </si>
  <si>
    <t>12/31/2019 15:55:56</t>
  </si>
  <si>
    <t>12/31/2019 15:56:03</t>
  </si>
  <si>
    <t>12/31/2019 15:56:05</t>
  </si>
  <si>
    <t>12/31/2019 15:56:06</t>
  </si>
  <si>
    <t>12/31/2019 15:56:07</t>
  </si>
  <si>
    <t>12/31/2019 15:56:08</t>
  </si>
  <si>
    <t>12/31/2019 15:56:10</t>
  </si>
  <si>
    <t>12/31/2019 15:56:13</t>
  </si>
  <si>
    <t>12/31/2019 15:57:02</t>
  </si>
  <si>
    <t>12/31/2019 15:57:05</t>
  </si>
  <si>
    <t>12/31/2019 15:57:06</t>
  </si>
  <si>
    <t>12/31/2019 15:57:07</t>
  </si>
  <si>
    <t>12/31/2019 15:57:08</t>
  </si>
  <si>
    <t>12/31/2019 15:57:12</t>
  </si>
  <si>
    <t>12/31/2019 15:57:22</t>
  </si>
  <si>
    <t>12/31/2019 15:57:30</t>
  </si>
  <si>
    <t>12/31/2019 15:57:31</t>
  </si>
  <si>
    <t>12/31/2019 15:57:32</t>
  </si>
  <si>
    <t>12/31/2019 15:57:33</t>
  </si>
  <si>
    <t>12/31/2019 15:57:35</t>
  </si>
  <si>
    <t>12/31/2019 15:57:38</t>
  </si>
  <si>
    <t>12/31/2019 15:57:57</t>
  </si>
  <si>
    <t>12/31/2019 15:58:00</t>
  </si>
  <si>
    <t>12/31/2019 15:58:01</t>
  </si>
  <si>
    <t>12/31/2019 15:58:02</t>
  </si>
  <si>
    <t>12/31/2019 15:58:08</t>
  </si>
  <si>
    <t>12/31/2019 15:59:59</t>
  </si>
  <si>
    <t>12/31/2019 16:01:36</t>
  </si>
  <si>
    <t>12/31/2019 15:59:28</t>
  </si>
  <si>
    <t>c8d14e3e-6eaf-48d8-bb9b-3f60eadcc052;</t>
  </si>
  <si>
    <t>12/31/2019 16:00:16</t>
  </si>
  <si>
    <t>12/31/2019 16:01:04</t>
  </si>
  <si>
    <t>12/31/2019 15:57:49</t>
  </si>
  <si>
    <t>12/31/2019 16:02:36</t>
  </si>
  <si>
    <t>12/31/2019 15:59:44</t>
  </si>
  <si>
    <t>12/31/2019 16:03:36</t>
  </si>
  <si>
    <t>12/31/2019 16:03:24</t>
  </si>
  <si>
    <t>10.200.66.181</t>
  </si>
  <si>
    <t>flaviacdst</t>
  </si>
  <si>
    <t>\\acsfs\profiles$\flaviacdst\Favorites\Welcome - 1.url\</t>
  </si>
  <si>
    <t>\\acsfs\profiles$\flaviacdst\Favorites\Welcome - 1.url\:favicon:$DATA</t>
  </si>
  <si>
    <t>\\acsfs\profiles$\flaviacdst\Favorites\</t>
  </si>
  <si>
    <t>\\acsfs\profiles$\flaviacdst\Favorites\Welcome - 1.url</t>
  </si>
  <si>
    <t>12/31/2019 15:59:16</t>
  </si>
  <si>
    <t>12/31/2019 16:04:36</t>
  </si>
  <si>
    <t>12/31/2019 16:02:46</t>
  </si>
  <si>
    <t>12/31/2019 16:06:36</t>
  </si>
  <si>
    <t>eab89618-60a9-4be1-a1c9-9db01a2a403b.tmp</t>
  </si>
  <si>
    <t>\\acsfs\profiles$\alinepp\Downloads\eab89618-60a9-4be1-a1c9-9db01a2a403b.tmp</t>
  </si>
  <si>
    <t>12/31/2019 16:03:21</t>
  </si>
  <si>
    <t>b090c581-f08c-4a41-9e16-0c73c59162df.tmp</t>
  </si>
  <si>
    <t>\\acsfs\profiles$\larissaad\Downloads\b090c581-f08c-4a41-9e16-0c73c59162df.tmp</t>
  </si>
  <si>
    <t>12/31/2019 16:01:51</t>
  </si>
  <si>
    <t>12/31/2019 16:02:52</t>
  </si>
  <si>
    <t>12/31/2019 16:04:14</t>
  </si>
  <si>
    <t>12/31/2019 16:04:49</t>
  </si>
  <si>
    <t>12/31/2019 16:04:31</t>
  </si>
  <si>
    <t>12/31/2019 16:07:36</t>
  </si>
  <si>
    <t>\\acsfs\profiles$\tiagosno\My Documents\xworkcenter\logs\</t>
  </si>
  <si>
    <t>XLOG_tiagosno_31122019_084011.log</t>
  </si>
  <si>
    <t>\\acsfs\profiles$\tiagosno\My Documents\xworkcenter\logs\XLOG_tiagosno_31122019_084011.log</t>
  </si>
  <si>
    <t>12/31/2019 16:04:25</t>
  </si>
  <si>
    <t>12/31/2019 16:08:35</t>
  </si>
  <si>
    <t>12/31/2019 16:04:16</t>
  </si>
  <si>
    <t>12/31/2019 16:09:36</t>
  </si>
  <si>
    <t>12/31/2019 16:05:16</t>
  </si>
  <si>
    <t>12/31/2019 16:06:44</t>
  </si>
  <si>
    <t>12/31/2019 16:12:36</t>
  </si>
  <si>
    <t>10.200.66.143</t>
  </si>
  <si>
    <t>74-86-7A-FB-17-A5</t>
  </si>
  <si>
    <t>VOTORANT-IB014</t>
  </si>
  <si>
    <t>higorss</t>
  </si>
  <si>
    <t>\\acsfs\profiles$\higorss\Downloads\</t>
  </si>
  <si>
    <t>144828c8-e28c-4b96-8a5f-bdd3c8df596d.tmp</t>
  </si>
  <si>
    <t>\\acsfs\profiles$\higorss\Downloads\144828c8-e28c-4b96-8a5f-bdd3c8df596d.tmp</t>
  </si>
  <si>
    <t>12/31/2019 16:08:11</t>
  </si>
  <si>
    <t>12/31/2019 16:13:36</t>
  </si>
  <si>
    <t>89dfe8f0-1966-4703-9bf2-50e5a9a68ba5.tmp</t>
  </si>
  <si>
    <t>\\acsfs\profiles$\matheusmax\Downloads\89dfe8f0-1966-4703-9bf2-50e5a9a68ba5.tmp</t>
  </si>
  <si>
    <t>12/31/2019 16:13:13</t>
  </si>
  <si>
    <t>bloco anotações.txt</t>
  </si>
  <si>
    <t>\\acsfs\profiles$\thaianaads\My Documents\bloco anotações.txt</t>
  </si>
  <si>
    <t>12/31/2019 16:10:16</t>
  </si>
  <si>
    <t>12/31/2019 16:14:36</t>
  </si>
  <si>
    <t>12/31/2019 16:11:16</t>
  </si>
  <si>
    <t>12/31/2019 16:11:00</t>
  </si>
  <si>
    <t>12/31/2019 16:16:36</t>
  </si>
  <si>
    <t>12/31/2019 16:13:20</t>
  </si>
  <si>
    <t>12/31/2019 16:11:18</t>
  </si>
  <si>
    <t>12/31/2019 16:13:22</t>
  </si>
  <si>
    <t>12/31/2019 16:15:23</t>
  </si>
  <si>
    <t>12/31/2019 16:15:20</t>
  </si>
  <si>
    <t>12/31/2019 16:17:37</t>
  </si>
  <si>
    <t>taylaedoa</t>
  </si>
  <si>
    <t>\\acsfs\profiles$\taylaedoa\Downloads\</t>
  </si>
  <si>
    <t>504dcecf-3056-49db-b94e-289ebc0fe36a.tmp</t>
  </si>
  <si>
    <t>\\acsfs\profiles$\taylaedoa\Downloads\504dcecf-3056-49db-b94e-289ebc0fe36a.tmp</t>
  </si>
  <si>
    <t>12/31/2019 16:16:12</t>
  </si>
  <si>
    <t>9edc9fa4-826b-44e9-9c7f-b6083a1702f9.tmp</t>
  </si>
  <si>
    <t>\\acsfs\profiles$\taylaedoa\Downloads\9edc9fa4-826b-44e9-9c7f-b6083a1702f9.tmp</t>
  </si>
  <si>
    <t>12/31/2019 16:16:16</t>
  </si>
  <si>
    <t>12/31/2019 16:19:37</t>
  </si>
  <si>
    <t>12/31/2019 16:17:16</t>
  </si>
  <si>
    <t>12/31/2019 16:14:27</t>
  </si>
  <si>
    <t>larissapdr</t>
  </si>
  <si>
    <t>\\acsfs\profiles$\larissapdr\Downloads\</t>
  </si>
  <si>
    <t>55aeba9e-0e63-4011-97da-3944374519ef.tmp</t>
  </si>
  <si>
    <t>\\acsfs\profiles$\larissapdr\Downloads\55aeba9e-0e63-4011-97da-3944374519ef.tmp</t>
  </si>
  <si>
    <t>12/31/2019 16:14:28</t>
  </si>
  <si>
    <t>20191226_141821.jpg.crdownload</t>
  </si>
  <si>
    <t>\\acsfs\profiles$\larissapdr\Downloads\20191226_141821.jpg.crdownload</t>
  </si>
  <si>
    <t>12/31/2019 16:17:27</t>
  </si>
  <si>
    <t>\\acsfs\profiles$\anacdos\My Documents\xworkcenter\logs\</t>
  </si>
  <si>
    <t>XLOG_anacdos_31122019_081212.log</t>
  </si>
  <si>
    <t>\\acsfs\profiles$\anacdos\My Documents\xworkcenter\logs\XLOG_anacdos_31122019_081212.log</t>
  </si>
  <si>
    <t>12/31/2019 16:21:12</t>
  </si>
  <si>
    <t>12/31/2019 16:21:36</t>
  </si>
  <si>
    <t>12/31/2019 16:20:29</t>
  </si>
  <si>
    <t>12/31/2019 16:22:36</t>
  </si>
  <si>
    <t>12/31/2019 16:20:50</t>
  </si>
  <si>
    <t>12/31/2019 16:20:23</t>
  </si>
  <si>
    <t>12/31/2019 16:20:24</t>
  </si>
  <si>
    <t>12/31/2019 16:20:27</t>
  </si>
  <si>
    <t>12/31/2019 16:20:30</t>
  </si>
  <si>
    <t>12/31/2019 16:20:38</t>
  </si>
  <si>
    <t>12/31/2019 16:20:43</t>
  </si>
  <si>
    <t>12/31/2019 16:20:45</t>
  </si>
  <si>
    <t>12/31/2019 16:21:30</t>
  </si>
  <si>
    <t>12/31/2019 16:21:52</t>
  </si>
  <si>
    <t>12/31/2019 16:21:58</t>
  </si>
  <si>
    <t>12/31/2019 16:21:59</t>
  </si>
  <si>
    <t>12/31/2019 16:20:21</t>
  </si>
  <si>
    <t>12/31/2019 16:23:36</t>
  </si>
  <si>
    <t>12/31/2019 16:22:52</t>
  </si>
  <si>
    <t>12/31/2019 16:20:34</t>
  </si>
  <si>
    <t>12/31/2019 16:24:36</t>
  </si>
  <si>
    <t>12/31/2019 16:23:03</t>
  </si>
  <si>
    <t>laurandos</t>
  </si>
  <si>
    <t>\\acsfs\profiles$\laurandos\Downloads\</t>
  </si>
  <si>
    <t>8f29b78b-bf7b-4e00-8fb8-b3110bf3f1c3.tmp</t>
  </si>
  <si>
    <t>\\acsfs\profiles$\laurandos\Downloads\8f29b78b-bf7b-4e00-8fb8-b3110bf3f1c3.tmp</t>
  </si>
  <si>
    <t>12/31/2019 16:22:17</t>
  </si>
  <si>
    <t>12/31/2019 16:23:17</t>
  </si>
  <si>
    <t>12/31/2019 16:22:12</t>
  </si>
  <si>
    <t>12/31/2019 16:26:36</t>
  </si>
  <si>
    <t>12/31/2019 16:23:19</t>
  </si>
  <si>
    <t>12/31/2019 16:26:52</t>
  </si>
  <si>
    <t>12/31/2019 16:27:36</t>
  </si>
  <si>
    <t>12/31/2019 16:22:43</t>
  </si>
  <si>
    <t>12/31/2019 16:22:44</t>
  </si>
  <si>
    <t>12/31/2019 16:22:48</t>
  </si>
  <si>
    <t>12/31/2019 16:22:50</t>
  </si>
  <si>
    <t>12/31/2019 16:23:09</t>
  </si>
  <si>
    <t>12/31/2019 16:23:10</t>
  </si>
  <si>
    <t>12/31/2019 16:24:21</t>
  </si>
  <si>
    <t>12/31/2019 16:29:36</t>
  </si>
  <si>
    <t>bb77a0f7-b4f7-44d6-91a8-5e5ccb8cc46e.tmp</t>
  </si>
  <si>
    <t>\\acsfs\profiles$\laurandos\Downloads\bb77a0f7-b4f7-44d6-91a8-5e5ccb8cc46e.tmp</t>
  </si>
  <si>
    <t>12/31/2019 16:28:18</t>
  </si>
  <si>
    <t>12/31/2019 16:29:18</t>
  </si>
  <si>
    <t>12/31/2019 16:34:36</t>
  </si>
  <si>
    <t>12/31/2019 16:36:36</t>
  </si>
  <si>
    <t>12/31/2019 16:34:47</t>
  </si>
  <si>
    <t>12/31/2019 16:37:36</t>
  </si>
  <si>
    <t>12/31/2019 16:34:18</t>
  </si>
  <si>
    <t>12/31/2019 16:39:36</t>
  </si>
  <si>
    <t>12/31/2019 16:35:18</t>
  </si>
  <si>
    <t>12/31/2019 16:35:42</t>
  </si>
  <si>
    <t>12/31/2019 16:39:09</t>
  </si>
  <si>
    <t>12/31/2019 16:40:37</t>
  </si>
  <si>
    <t>12/31/2019 16:41:23</t>
  </si>
  <si>
    <t>12/31/2019 16:42:36</t>
  </si>
  <si>
    <t>12/31/2019 16:40:18</t>
  </si>
  <si>
    <t>12/31/2019 16:44:36</t>
  </si>
  <si>
    <t>12/31/2019 16:41:18</t>
  </si>
  <si>
    <t>12/31/2019 16:44:04</t>
  </si>
  <si>
    <t>12/31/2019 16:45:37</t>
  </si>
  <si>
    <t>12/31/2019 16:43:49</t>
  </si>
  <si>
    <t>12/31/2019 16:46:36</t>
  </si>
  <si>
    <t>12/31/2019 16:45:39</t>
  </si>
  <si>
    <t>12/31/2019 16:47:36</t>
  </si>
  <si>
    <t>a09374ae-bba7-42d5-bb1f-dffc055d3ef1.tmp</t>
  </si>
  <si>
    <t>\\acsfs\profiles$\edicarlosdl\Downloads\a09374ae-bba7-42d5-bb1f-dffc055d3ef1.tmp</t>
  </si>
  <si>
    <t>12/31/2019 16:44:43</t>
  </si>
  <si>
    <t>10.200.66.153</t>
  </si>
  <si>
    <t>78-2B-CB-C1-07-D7</t>
  </si>
  <si>
    <t>VOTORANT-IB015</t>
  </si>
  <si>
    <t>matheusts</t>
  </si>
  <si>
    <t>12/31/2019 16:46:11</t>
  </si>
  <si>
    <t>12/31/2019 16:48:36</t>
  </si>
  <si>
    <t>12/31/2019 16:46:18</t>
  </si>
  <si>
    <t>12/31/2019 16:49:36</t>
  </si>
  <si>
    <t>12/31/2019 16:47:18</t>
  </si>
  <si>
    <t>12/31/2019 16:48:59</t>
  </si>
  <si>
    <t>12/31/2019 16:50:35</t>
  </si>
  <si>
    <t>12/31/2019 16:49:38</t>
  </si>
  <si>
    <t>12/31/2019 16:46:17</t>
  </si>
  <si>
    <t>12/31/2019 16:51:36</t>
  </si>
  <si>
    <t>9bed3621-ab63-49b1-ab6b-42c7cc342cc0.tmp</t>
  </si>
  <si>
    <t>\\acsfs\profiles$\layonmof\Downloads\9bed3621-ab63-49b1-ab6b-42c7cc342cc0.tmp</t>
  </si>
  <si>
    <t>12/31/2019 16:48:44</t>
  </si>
  <si>
    <t>a08d6bd7-4f52-4e89-a524-eddf44c209c8.tmp</t>
  </si>
  <si>
    <t>\\acsfs\profiles$\andreapdsg\Downloads\a08d6bd7-4f52-4e89-a524-eddf44c209c8.tmp</t>
  </si>
  <si>
    <t>12/31/2019 16:49:21</t>
  </si>
  <si>
    <t>8d765379-9777-4e4a-b9f4-3e44ceb824c2.tmp</t>
  </si>
  <si>
    <t>\\acsfs\profiles$\andreapdsg\Downloads\8d765379-9777-4e4a-b9f4-3e44ceb824c2.tmp</t>
  </si>
  <si>
    <t>12/31/2019 16:51:58</t>
  </si>
  <si>
    <t>12/31/2019 16:52:36</t>
  </si>
  <si>
    <t>12/31/2019 16:48:42</t>
  </si>
  <si>
    <t>12/31/2019 16:49:06</t>
  </si>
  <si>
    <t>12/31/2019 16:51:09</t>
  </si>
  <si>
    <t>12/31/2019 16:51:40</t>
  </si>
  <si>
    <t>12/31/2019 16:52:19</t>
  </si>
  <si>
    <t>12/31/2019 16:54:36</t>
  </si>
  <si>
    <t>12/31/2019 16:53:18</t>
  </si>
  <si>
    <t>12/31/2019 16:55:29</t>
  </si>
  <si>
    <t>12/31/2019 16:57:36</t>
  </si>
  <si>
    <t>12/31/2019 16:52:42</t>
  </si>
  <si>
    <t>12/31/2019 16:57:12</t>
  </si>
  <si>
    <t>12/31/2019 16:53:16</t>
  </si>
  <si>
    <t>12/31/2019 16:58:37</t>
  </si>
  <si>
    <t>b62459f2-11a6-49a0-92bc-f7ba4063e6bd.tmp</t>
  </si>
  <si>
    <t>\\acsfs\profiles$\henriqueco\Downloads\b62459f2-11a6-49a0-92bc-f7ba4063e6bd.tmp</t>
  </si>
  <si>
    <t>12/31/2019 16:58:18</t>
  </si>
  <si>
    <t>12/31/2019 16:59:36</t>
  </si>
  <si>
    <t>12/31/2019 16:57:38</t>
  </si>
  <si>
    <t>12/31/2019 17:00:36</t>
  </si>
  <si>
    <t>https://sentry.io/api/1297650/store/?sentry_key=6f5f8e1cecfa40fb850f578b69fc1705&amp;sentry_version=7</t>
  </si>
  <si>
    <t>12/31/2019 16:57:08</t>
  </si>
  <si>
    <t>12/31/2019 17:01:36</t>
  </si>
  <si>
    <t>12/31/2019 17:00:28</t>
  </si>
  <si>
    <t>\\acsfs\profiles$\alinepp\My Documents\My Pictures\</t>
  </si>
  <si>
    <t>frutas.png</t>
  </si>
  <si>
    <t>\\acsfs\profiles$\alinepp\My Documents\My Pictures\frutas.png</t>
  </si>
  <si>
    <t>12/31/2019 16:57:21</t>
  </si>
  <si>
    <t>12/31/2019 16:59:42</t>
  </si>
  <si>
    <t>12/31/2019 17:02:36</t>
  </si>
  <si>
    <t>12/31/2019 16:59:47</t>
  </si>
  <si>
    <t>12/31/2019 17:03:37</t>
  </si>
  <si>
    <t>\\acsfs\profiles$\anakcs\My Documents\xworkcenter\logs\</t>
  </si>
  <si>
    <t>XLOG_anakcs_31122019_094347.log</t>
  </si>
  <si>
    <t>\\acsfs\profiles$\anakcs\My Documents\xworkcenter\logs\XLOG_anakcs_31122019_094347.log</t>
  </si>
  <si>
    <t>12/31/2019 16:59:18</t>
  </si>
  <si>
    <t>12/31/2019 17:04:36</t>
  </si>
  <si>
    <t>12/31/2019 17:04:10</t>
  </si>
  <si>
    <t>12/31/2019 17:06:36</t>
  </si>
  <si>
    <t>12/31/2019 17:03:41</t>
  </si>
  <si>
    <t>12/31/2019 17:03:40</t>
  </si>
  <si>
    <t>12/31/2019 17:07:36</t>
  </si>
  <si>
    <t>12/31/2019 17:05:47</t>
  </si>
  <si>
    <t>12/31/2019 17:08:36</t>
  </si>
  <si>
    <t>ab0edd4f-edcf-4d59-9d31-a6d8cada26a1.tmp</t>
  </si>
  <si>
    <t>\\acsfs\profiles$\henriqueco\Downloads\ab0edd4f-edcf-4d59-9d31-a6d8cada26a1.tmp</t>
  </si>
  <si>
    <t>12/31/2019 17:08:13</t>
  </si>
  <si>
    <t>12/31/2019 17:04:18</t>
  </si>
  <si>
    <t>12/31/2019 17:09:36</t>
  </si>
  <si>
    <t>12/31/2019 17:05:18</t>
  </si>
  <si>
    <t>12/31/2019 17:08:54</t>
  </si>
  <si>
    <t>12/31/2019 17:11:36</t>
  </si>
  <si>
    <t>12/31/2019 17:07:02</t>
  </si>
  <si>
    <t>12/31/2019 17:10:50</t>
  </si>
  <si>
    <t>12/31/2019 17:12:36</t>
  </si>
  <si>
    <t>12/31/2019 17:10:18</t>
  </si>
  <si>
    <t>12/31/2019 17:14:36</t>
  </si>
  <si>
    <t>12/31/2019 17:11:18</t>
  </si>
  <si>
    <t>12/31/2019 17:13:32</t>
  </si>
  <si>
    <t>12/31/2019 17:16:36</t>
  </si>
  <si>
    <t>12/31/2019 17:13:58</t>
  </si>
  <si>
    <t>\\acsfs\profiles$\cristianodab\My Documents\</t>
  </si>
  <si>
    <t>\\acsfs\profiles$\cristianodab\My Documents\831e1540-cb4c-4ee0-94b2-360a5afab640.pdf</t>
  </si>
  <si>
    <t>12/31/2019 17:14:16</t>
  </si>
  <si>
    <t>\\acsfs\profiles$\cristianodab\My Documents\Download.pdf</t>
  </si>
  <si>
    <t>12/31/2019 17:12:30</t>
  </si>
  <si>
    <t>12/31/2019 17:17:36</t>
  </si>
  <si>
    <t>12/31/2019 17:14:09</t>
  </si>
  <si>
    <t>12/31/2019 17:17:48</t>
  </si>
  <si>
    <t>12/31/2019 17:18:36</t>
  </si>
  <si>
    <t>12/31/2019 17:16:18</t>
  </si>
  <si>
    <t>12/31/2019 17:19:37</t>
  </si>
  <si>
    <t>12/31/2019 17:17:18</t>
  </si>
  <si>
    <t>12/31/2019 17:15:47</t>
  </si>
  <si>
    <t>12/31/2019 17:20:37</t>
  </si>
  <si>
    <t>12/31/2019 17:22:08</t>
  </si>
  <si>
    <t>12/31/2019 17:22:37</t>
  </si>
  <si>
    <t>12/31/2019 17:22:33</t>
  </si>
  <si>
    <t>12/31/2019 17:23:37</t>
  </si>
  <si>
    <t>10.200.66.1</t>
  </si>
  <si>
    <t>78-2B-CB-C1-05-A0</t>
  </si>
  <si>
    <t>VOTORANT-IB016</t>
  </si>
  <si>
    <t>sayharaefs</t>
  </si>
  <si>
    <t>12/31/2019 17:19:34</t>
  </si>
  <si>
    <t>10.200.66.190</t>
  </si>
  <si>
    <t>D0-94-66-B5-5C-F3</t>
  </si>
  <si>
    <t>VOTORANT-RB019</t>
  </si>
  <si>
    <t>12/31/2019 17:22:18</t>
  </si>
  <si>
    <t>12/31/2019 17:24:37</t>
  </si>
  <si>
    <t>12/31/2019 17:23:18</t>
  </si>
  <si>
    <t>12/31/2019 17:21:36</t>
  </si>
  <si>
    <t>12/31/2019 17:21:30</t>
  </si>
  <si>
    <t>12/31/2019 17:26:38</t>
  </si>
  <si>
    <t>12/31/2019 17:23:07</t>
  </si>
  <si>
    <t>ca5480f4-a2b6-4394-ad60-d5b9e335f0f0.tmp</t>
  </si>
  <si>
    <t>\\acsfs\profiles$\andreapdsg\Downloads\ca5480f4-a2b6-4394-ad60-d5b9e335f0f0.tmp</t>
  </si>
  <si>
    <t>12/31/2019 17:22:57</t>
  </si>
  <si>
    <t>12/31/2019 17:27:37</t>
  </si>
  <si>
    <t>12/31/2019 17:24:10</t>
  </si>
  <si>
    <t>12/31/2019 17:25:12</t>
  </si>
  <si>
    <t>12/31/2019 17:25:28</t>
  </si>
  <si>
    <t>12/31/2019 17:28:18</t>
  </si>
  <si>
    <t>12/31/2019 17:29:37</t>
  </si>
  <si>
    <t>12/31/2019 17:29:20</t>
  </si>
  <si>
    <t>12/31/2019 17:28:04</t>
  </si>
  <si>
    <t>12/31/2019 17:31:38</t>
  </si>
  <si>
    <t>12/31/2019 17:28:11</t>
  </si>
  <si>
    <t>12/31/2019 17:29:08</t>
  </si>
  <si>
    <t>mail.google.com/sync/u/0/i/s?hl=pt-BR&amp;c=17</t>
  </si>
  <si>
    <t>12/31/2019 17:29:23</t>
  </si>
  <si>
    <t>12/31/2019 17:29:25</t>
  </si>
  <si>
    <t>mail.google.com/sync/u/0/i/s?hl=pt-BR&amp;c=46</t>
  </si>
  <si>
    <t>12/31/2019 17:29:31</t>
  </si>
  <si>
    <t>12/31/2019 17:29:34</t>
  </si>
  <si>
    <t>mail.google.com/sync/u/0/i/s?hl=pt-BR&amp;c=50</t>
  </si>
  <si>
    <t>12/31/2019 17:29:42</t>
  </si>
  <si>
    <t>12/31/2019 17:29:52</t>
  </si>
  <si>
    <t>mail.google.com/sync/u/0/i/s?hl=pt-BR&amp;c=55</t>
  </si>
  <si>
    <t>12/31/2019 17:30:40</t>
  </si>
  <si>
    <t>12/31/2019 17:32:12</t>
  </si>
  <si>
    <t>12/31/2019 17:32:37</t>
  </si>
  <si>
    <t>12/31/2019 17:30:52</t>
  </si>
  <si>
    <t>12/31/2019 17:32:48</t>
  </si>
  <si>
    <t>12/31/2019 17:33:38</t>
  </si>
  <si>
    <t>12/31/2019 17:32:17</t>
  </si>
  <si>
    <t>12/31/2019 17:33:23</t>
  </si>
  <si>
    <t>12/31/2019 17:34:37</t>
  </si>
  <si>
    <t>12/31/2019 17:29:18</t>
  </si>
  <si>
    <t>12/31/2019 17:32:39</t>
  </si>
  <si>
    <t>12/31/2019 17:36:37</t>
  </si>
  <si>
    <t>12/31/2019 17:33:09</t>
  </si>
  <si>
    <t>12/31/2019 17:35:53</t>
  </si>
  <si>
    <t>12/31/2019 17:34:48</t>
  </si>
  <si>
    <t>12/31/2019 17:37:38</t>
  </si>
  <si>
    <t>12/31/2019 17:37:05</t>
  </si>
  <si>
    <t>12/31/2019 17:34:18</t>
  </si>
  <si>
    <t>12/31/2019 17:39:37</t>
  </si>
  <si>
    <t>12/31/2019 17:35:18</t>
  </si>
  <si>
    <t>12/31/2019 17:38:56</t>
  </si>
  <si>
    <t>12/31/2019 17:41:37</t>
  </si>
  <si>
    <t>12/31/2019 17:40:18</t>
  </si>
  <si>
    <t>12/31/2019 17:44:37</t>
  </si>
  <si>
    <t>12/31/2019 17:41:18</t>
  </si>
  <si>
    <t>12/31/2019 17:45:38</t>
  </si>
  <si>
    <t>12/31/2019 17:46:38</t>
  </si>
  <si>
    <t>12/31/2019 17:45:51</t>
  </si>
  <si>
    <t>\\acsfs\DEPTOS\Operacao\PCP\5 - Comum\PLANEJAMENTO BV\14 - ACOMPANHAMENTO\1 - REPORT ACOMPANHAMENTO\2020\1 - JANEIRO\CARTÕES\ACOMPANHAMENTO NR 17 - CARTÕES.xlsx</t>
  </si>
  <si>
    <t>12/31/2019 17:45:36</t>
  </si>
  <si>
    <t>12/31/2019 17:47:37</t>
  </si>
  <si>
    <t>12/31/2019 17:46:19</t>
  </si>
  <si>
    <t>12/31/2019 17:49:37</t>
  </si>
  <si>
    <t>12/31/2019 17:47:19</t>
  </si>
  <si>
    <t>12/31/2019 17:48:57</t>
  </si>
  <si>
    <t>12/31/2019 17:51:38</t>
  </si>
  <si>
    <t>3497d200-86cf-45fe-95be-fa1044d61acd.tmp</t>
  </si>
  <si>
    <t>\\acsfs\profiles$\LUISPLS\Downloads\3497d200-86cf-45fe-95be-fa1044d61acd.tmp</t>
  </si>
  <si>
    <t>12/31/2019 17:48:24</t>
  </si>
  <si>
    <t>12/31/2019 17:52:37</t>
  </si>
  <si>
    <t>10.200.67.107</t>
  </si>
  <si>
    <t>D0-94-66-B5-80-0D</t>
  </si>
  <si>
    <t>VOTORANT-RB020</t>
  </si>
  <si>
    <t>leonardocb</t>
  </si>
  <si>
    <t>\\acsfs\profiles$\leonardocb\My Documents\My Pictures\</t>
  </si>
  <si>
    <t>\\acsfs\profiles$\leonardocb\My Documents\My Videos\desktop.ini</t>
  </si>
  <si>
    <t>12/31/2019 17:48:25</t>
  </si>
  <si>
    <t>\\acsfs\profiles$\leonardocb\My Documents\My Videos\</t>
  </si>
  <si>
    <t>12/31/2019 17:48:26</t>
  </si>
  <si>
    <t>12/31/2019 17:48:27</t>
  </si>
  <si>
    <t>12/31/2019 17:48:29</t>
  </si>
  <si>
    <t>\\acsfs\profiles$\leonardocb\My Documents\My Music\</t>
  </si>
  <si>
    <t>\\acsfs\profiles$\leonardocb\My Documents\My Pictures\desktop.ini</t>
  </si>
  <si>
    <t>12/31/2019 17:48:33</t>
  </si>
  <si>
    <t>12/31/2019 17:48:34</t>
  </si>
  <si>
    <t>12/31/2019 17:48:35</t>
  </si>
  <si>
    <t>12/31/2019 17:48:36</t>
  </si>
  <si>
    <t>12/31/2019 17:48:37</t>
  </si>
  <si>
    <t>\\acsfs\profiles$\leonardocb\Contacts\</t>
  </si>
  <si>
    <t>\\acsfs\profiles$\leonardocb\Contacts\desktop.ini</t>
  </si>
  <si>
    <t>12/31/2019 17:48:39</t>
  </si>
  <si>
    <t>12/31/2019 17:48:40</t>
  </si>
  <si>
    <t>12/31/2019 17:48:41</t>
  </si>
  <si>
    <t>12/31/2019 17:48:47</t>
  </si>
  <si>
    <t>12/31/2019 17:48:48</t>
  </si>
  <si>
    <t>\\acsfs\profiles$\leonardocb\My Documents\</t>
  </si>
  <si>
    <t>\\acsfs\profiles$\leonardocb\Favorites\desktop.ini</t>
  </si>
  <si>
    <t>12/31/2019 17:48:49</t>
  </si>
  <si>
    <t>12/31/2019 17:48:50</t>
  </si>
  <si>
    <t>12/31/2019 17:48:53</t>
  </si>
  <si>
    <t>12/31/2019 17:48:55</t>
  </si>
  <si>
    <t>12/31/2019 17:48:59</t>
  </si>
  <si>
    <t>\\acsfs\profiles$\leonardocb\My Documents\My Music\desktop.ini</t>
  </si>
  <si>
    <t>12/31/2019 17:49:02</t>
  </si>
  <si>
    <t>12/31/2019 17:49:03</t>
  </si>
  <si>
    <t>12/31/2019 17:49:04</t>
  </si>
  <si>
    <t>12/31/2019 17:49:06</t>
  </si>
  <si>
    <t>\\acsfs\profiles$\leonardocb\Searches\</t>
  </si>
  <si>
    <t>\\acsfs\profiles$\leonardocb\Searches\desktop.ini</t>
  </si>
  <si>
    <t>12/31/2019 17:49:07</t>
  </si>
  <si>
    <t>12/31/2019 17:49:08</t>
  </si>
  <si>
    <t>12/31/2019 17:49:09</t>
  </si>
  <si>
    <t>12/31/2019 17:49:10</t>
  </si>
  <si>
    <t>12/31/2019 17:49:11</t>
  </si>
  <si>
    <t>\\acsfs\profiles$\leonardocb\Downloads\</t>
  </si>
  <si>
    <t>\\acsfs\profiles$\leonardocb\Downloads\desktop.ini</t>
  </si>
  <si>
    <t>12/31/2019 17:49:12</t>
  </si>
  <si>
    <t>12/31/2019 17:49:13</t>
  </si>
  <si>
    <t>\\acsfs\profiles$\leonardocb\Favorites\</t>
  </si>
  <si>
    <t>\\acsfs\profiles$\leonardocb\My Documents\desktop.ini</t>
  </si>
  <si>
    <t>12/31/2019 17:49:15</t>
  </si>
  <si>
    <t>12/31/2019 17:49:16</t>
  </si>
  <si>
    <t>12/31/2019 17:49:17</t>
  </si>
  <si>
    <t>12/31/2019 17:49:18</t>
  </si>
  <si>
    <t>12/31/2019 17:49:19</t>
  </si>
  <si>
    <t>12/31/2019 17:49:21</t>
  </si>
  <si>
    <t>\\acsfs\profiles$\leonardocb\Saved Games\desktop.ini</t>
  </si>
  <si>
    <t>12/31/2019 17:49:23</t>
  </si>
  <si>
    <t>12/31/2019 17:49:39</t>
  </si>
  <si>
    <t>12/31/2019 17:50:03</t>
  </si>
  <si>
    <t>winrt--{S-1-5-21-602162358-764733703-839522115-352940}-.searchconnector-ms</t>
  </si>
  <si>
    <t>\\acsfs\profiles$\leonardocb\Searches\winrt--{S-1-5-21-602162358-764733703-839522115-352940}-.searchconnector-ms</t>
  </si>
  <si>
    <t>12/31/2019 17:47:30</t>
  </si>
  <si>
    <t>12/31/2019 17:52:20</t>
  </si>
  <si>
    <t>12/31/2019 17:54:37</t>
  </si>
  <si>
    <t>12/31/2019 17:53:19</t>
  </si>
  <si>
    <t>12/31/2019 17:53:32</t>
  </si>
  <si>
    <t>12/31/2019 17:55:37</t>
  </si>
  <si>
    <t>a3ce9c2a-5c83-4dfd-974c-040a82ecfa83.tmp</t>
  </si>
  <si>
    <t>\\acsfs\profiles$\lucasqdss\Downloads\a3ce9c2a-5c83-4dfd-974c-040a82ecfa83.tmp</t>
  </si>
  <si>
    <t>12/31/2019 17:53:03</t>
  </si>
  <si>
    <t>12/31/2019 17:56:37</t>
  </si>
  <si>
    <t>193b781b-aaad-491e-a3e3-b7f399242a45.tmp</t>
  </si>
  <si>
    <t>\\acsfs\profiles$\myllenardl\Downloads\193b781b-aaad-491e-a3e3-b7f399242a45.tmp</t>
  </si>
  <si>
    <t>12/31/2019 17:57:37</t>
  </si>
  <si>
    <t>faef3347-d0a2-4391-bf71-d7b9a0fce4c4.tmp</t>
  </si>
  <si>
    <t>\\acsfs\profiles$\leonardocb\Downloads\faef3347-d0a2-4391-bf71-d7b9a0fce4c4.tmp</t>
  </si>
  <si>
    <t>12/31/2019 17:58:19</t>
  </si>
  <si>
    <t>12/31/2019 17:59:36</t>
  </si>
  <si>
    <t>12/31/2019 17:59:19</t>
  </si>
  <si>
    <t>12/31/2019 18:04:37</t>
  </si>
  <si>
    <t>12/31/2019 18:06:44</t>
  </si>
  <si>
    <t>12/31/2019 18:07:37</t>
  </si>
  <si>
    <t>12/31/2019 18:05:34</t>
  </si>
  <si>
    <t>12/31/2019 18:08:37</t>
  </si>
  <si>
    <t>12/31/2019 18:06:42</t>
  </si>
  <si>
    <t>12/31/2019 18:09:37</t>
  </si>
  <si>
    <t>12/31/2019 18:04:19</t>
  </si>
  <si>
    <t>12/31/2019 18:05:19</t>
  </si>
  <si>
    <t>12/31/2019 18:11:21</t>
  </si>
  <si>
    <t>12/31/2019 18:12:37</t>
  </si>
  <si>
    <t>12/31/2019 18:12:06</t>
  </si>
  <si>
    <t>12/31/2019 18:13:37</t>
  </si>
  <si>
    <t>12/31/2019 18:13:38</t>
  </si>
  <si>
    <t>12/31/2019 18:14:38</t>
  </si>
  <si>
    <t>12/31/2019 18:10:19</t>
  </si>
  <si>
    <t>12/31/2019 18:11:19</t>
  </si>
  <si>
    <t>12/31/2019 18:11:45</t>
  </si>
  <si>
    <t>12/31/2019 18:13:06</t>
  </si>
  <si>
    <t>12/31/2019 18:13:45</t>
  </si>
  <si>
    <t>12/31/2019 18:16:38</t>
  </si>
  <si>
    <t>12/31/2019 18:13:07</t>
  </si>
  <si>
    <t>12/31/2019 18:13:57</t>
  </si>
  <si>
    <t>12/31/2019 18:17:37</t>
  </si>
  <si>
    <t>12/31/2019 18:14:10</t>
  </si>
  <si>
    <t>12/31/2019 18:19:37</t>
  </si>
  <si>
    <t>12/31/2019 18:17:06</t>
  </si>
  <si>
    <t>12/31/2019 18:16:19</t>
  </si>
  <si>
    <t>12/31/2019 18:17:19</t>
  </si>
  <si>
    <t>12/31/2019 18:23:32</t>
  </si>
  <si>
    <t>12/31/2019 18:24:37</t>
  </si>
  <si>
    <t>12/31/2019 18:23:05</t>
  </si>
  <si>
    <t>12/31/2019 18:19:51</t>
  </si>
  <si>
    <t>12/31/2019 18:22:19</t>
  </si>
  <si>
    <t>12/31/2019 18:23:19</t>
  </si>
  <si>
    <t>12/31/2019 18:20:36</t>
  </si>
  <si>
    <t>12/31/2019 18:25:37</t>
  </si>
  <si>
    <t>12/31/2019 18:25:14</t>
  </si>
  <si>
    <t>12/31/2019 18:26:37</t>
  </si>
  <si>
    <t>2b39fd2d-76f7-48b1-a159-d579c046bd42.tmp</t>
  </si>
  <si>
    <t>\\acsfs\profiles$\cintiadjl\Downloads\2b39fd2d-76f7-48b1-a159-d579c046bd42.tmp</t>
  </si>
  <si>
    <t>12/31/2019 18:27:34</t>
  </si>
  <si>
    <t>12/31/2019 18:28:37</t>
  </si>
  <si>
    <t>12/31/2019 18:24:01</t>
  </si>
  <si>
    <t>12/31/2019 18:29:37</t>
  </si>
  <si>
    <t>12/31/2019 18:28:19</t>
  </si>
  <si>
    <t>12/31/2019 18:27:58</t>
  </si>
  <si>
    <t>12/31/2019 18:30:36</t>
  </si>
  <si>
    <t>12/31/2019 18:29:20</t>
  </si>
  <si>
    <t>12/31/2019 18:31:37</t>
  </si>
  <si>
    <t>12/31/2019 18:29:23</t>
  </si>
  <si>
    <t>mail.google.com/sync/u/0/i/s?hl=pt-BR&amp;c=31</t>
  </si>
  <si>
    <t>12/31/2019 18:29:34</t>
  </si>
  <si>
    <t>mail.google.com/sync/u/0/i/s?hl=pt-BR&amp;c=49</t>
  </si>
  <si>
    <t>mail.google.com/sync/u/0/i/s?hl=pt-BR&amp;c=51</t>
  </si>
  <si>
    <t>12/31/2019 18:29:42</t>
  </si>
  <si>
    <t>12/31/2019 18:29:46</t>
  </si>
  <si>
    <t>12/31/2019 18:29:55</t>
  </si>
  <si>
    <t>mail.google.com/sync/u/0/i/s?hl=pt-BR&amp;c=57</t>
  </si>
  <si>
    <t>12/31/2019 18:30:12</t>
  </si>
  <si>
    <t>12/31/2019 18:30:13</t>
  </si>
  <si>
    <t>mail.google.com/sync/u/0/i/s?hl=pt-BR&amp;c=62</t>
  </si>
  <si>
    <t>12/31/2019 18:28:57</t>
  </si>
  <si>
    <t>12/31/2019 18:32:37</t>
  </si>
  <si>
    <t>12/31/2019 18:32:11</t>
  </si>
  <si>
    <t>12/31/2019 18:32:18</t>
  </si>
  <si>
    <t>12/31/2019 18:33:37</t>
  </si>
  <si>
    <t>f135ebde-9549-4417-b2f5-24c6df9ff769.tmp</t>
  </si>
  <si>
    <t>\\acsfs\profiles$\henriqueco\Downloads\f135ebde-9549-4417-b2f5-24c6df9ff769.tmp</t>
  </si>
  <si>
    <t>12/31/2019 18:29:19</t>
  </si>
  <si>
    <t>12/31/2019 18:34:36</t>
  </si>
  <si>
    <t>12/31/2019 18:33:44</t>
  </si>
  <si>
    <t>12/31/2019 18:37:22</t>
  </si>
  <si>
    <t>12/31/2019 18:37:37</t>
  </si>
  <si>
    <t>12/31/2019 18:34:19</t>
  </si>
  <si>
    <t>12/31/2019 18:39:37</t>
  </si>
  <si>
    <t>12/31/2019 18:35:19</t>
  </si>
  <si>
    <t>12/31/2019 18:37:47</t>
  </si>
  <si>
    <t>12/31/2019 18:40:37</t>
  </si>
  <si>
    <t>12/31/2019 18:39:12</t>
  </si>
  <si>
    <t>12/31/2019 18:43:37</t>
  </si>
  <si>
    <t>12/31/2019 18:40:19</t>
  </si>
  <si>
    <t>12/31/2019 18:44:37</t>
  </si>
  <si>
    <t>12/31/2019 18:41:19</t>
  </si>
  <si>
    <t>12/31/2019 18:42:10</t>
  </si>
  <si>
    <t>12/31/2019 18:45:37</t>
  </si>
  <si>
    <t>12/31/2019 18:44:34</t>
  </si>
  <si>
    <t>12/31/2019 18:46:37</t>
  </si>
  <si>
    <t>12/31/2019 18:43:35</t>
  </si>
  <si>
    <t>a6b96773-9814-4cf5-ac25-e2a754c3821b.tmp</t>
  </si>
  <si>
    <t>\\acsfs\profiles$\joycemmdl\Downloads\a6b96773-9814-4cf5-ac25-e2a754c3821b.tmp</t>
  </si>
  <si>
    <t>12/31/2019 18:45:26</t>
  </si>
  <si>
    <t>12/31/2019 18:48:37</t>
  </si>
  <si>
    <t>12/31/2019 18:47:08</t>
  </si>
  <si>
    <t>12/31/2019 18:46:19</t>
  </si>
  <si>
    <t>12/31/2019 18:49:37</t>
  </si>
  <si>
    <t>12/31/2019 18:47:20</t>
  </si>
  <si>
    <t>12/31/2019 18:49:39</t>
  </si>
  <si>
    <t>12/31/2019 18:51:37</t>
  </si>
  <si>
    <t>12/31/2019 18:51:11</t>
  </si>
  <si>
    <t>b5060e8b-3049-4b54-a440-ca22ad36b53e.tmp</t>
  </si>
  <si>
    <t>\\acsfs\profiles$\joycemmdl\Downloads\b5060e8b-3049-4b54-a440-ca22ad36b53e.tmp</t>
  </si>
  <si>
    <t>12/31/2019 18:48:36</t>
  </si>
  <si>
    <t>12/31/2019 18:52:37</t>
  </si>
  <si>
    <t>12/31/2019 18:47:35</t>
  </si>
  <si>
    <t>12/31/2019 18:48:55</t>
  </si>
  <si>
    <t>35188781-a398-4abd-b876-970830ce4c43.tmp</t>
  </si>
  <si>
    <t>\\acsfs\profiles$\fabianobmf\Downloads\35188781-a398-4abd-b876-970830ce4c43.tmp</t>
  </si>
  <si>
    <t>12/31/2019 18:49:52</t>
  </si>
  <si>
    <t>3e1ecc5d-5317-46b5-9413-dc423a2f5590.tmp</t>
  </si>
  <si>
    <t>\\acsfs\profiles$\fabianobmf\Downloads\3e1ecc5d-5317-46b5-9413-dc423a2f5590.tmp</t>
  </si>
  <si>
    <t>12/31/2019 18:52:20</t>
  </si>
  <si>
    <t>12/31/2019 18:54:37</t>
  </si>
  <si>
    <t>12/31/2019 18:53:19</t>
  </si>
  <si>
    <t>12/31/2019 18:54:30</t>
  </si>
  <si>
    <t>12/31/2019 18:56:37</t>
  </si>
  <si>
    <t>12/31/2019 18:55:47</t>
  </si>
  <si>
    <t>12/31/2019 18:58:37</t>
  </si>
  <si>
    <t>0bd8f082-feed-47e8-8db3-28ccfa6e52e9.tmp</t>
  </si>
  <si>
    <t>\\acsfs\profiles$\henriqueco\Downloads\0bd8f082-feed-47e8-8db3-28ccfa6e52e9.tmp</t>
  </si>
  <si>
    <t>12/31/2019 18:58:19</t>
  </si>
  <si>
    <t>12/31/2019 18:59:37</t>
  </si>
  <si>
    <t>12/31/2019 18:58:42</t>
  </si>
  <si>
    <t>12/31/2019 18:57:59</t>
  </si>
  <si>
    <t>12/31/2019 19:01:37</t>
  </si>
  <si>
    <t>12/31/2019 19:00:48</t>
  </si>
  <si>
    <t>12/31/2019 19:00:39</t>
  </si>
  <si>
    <t>12/31/2019 19:01:06</t>
  </si>
  <si>
    <t>12/31/2019 19:02:38</t>
  </si>
  <si>
    <t>12/31/2019 19:01:42</t>
  </si>
  <si>
    <t>12/31/2019 18:59:09</t>
  </si>
  <si>
    <t>96a2f1c1-0445-4159-99cf-ef36d5936fbe.tmp</t>
  </si>
  <si>
    <t>\\acsfs\profiles$\rosileiam\Downloads\96a2f1c1-0445-4159-99cf-ef36d5936fbe.tmp</t>
  </si>
  <si>
    <t>12/31/2019 19:00:31</t>
  </si>
  <si>
    <t>12/31/2019 19:03:37</t>
  </si>
  <si>
    <t>12/31/2019 18:59:19</t>
  </si>
  <si>
    <t>12/31/2019 19:04:38</t>
  </si>
  <si>
    <t>12/31/2019 19:00:58</t>
  </si>
  <si>
    <t>12/31/2019 19:06:38</t>
  </si>
  <si>
    <t>12/31/2019 19:06:57</t>
  </si>
  <si>
    <t>12/31/2019 19:07:37</t>
  </si>
  <si>
    <t>12/31/2019 19:04:19</t>
  </si>
  <si>
    <t>12/31/2019 19:09:37</t>
  </si>
  <si>
    <t>12/31/2019 19:05:19</t>
  </si>
  <si>
    <t>12/31/2019 19:09:12</t>
  </si>
  <si>
    <t>12/31/2019 19:12:38</t>
  </si>
  <si>
    <t>12/31/2019 19:11:02</t>
  </si>
  <si>
    <t>12/31/2019 19:13:37</t>
  </si>
  <si>
    <t>12/31/2019 19:09:33</t>
  </si>
  <si>
    <t>0df05d75-fd9d-464d-acca-bd59efdc6391.tmp</t>
  </si>
  <si>
    <t>\\acsfs\profiles$\fabianafv\Downloads\0df05d75-fd9d-464d-acca-bd59efdc6391.tmp</t>
  </si>
  <si>
    <t>12/31/2019 19:10:19</t>
  </si>
  <si>
    <t>12/31/2019 19:14:37</t>
  </si>
  <si>
    <t>12/31/2019 19:11:19</t>
  </si>
  <si>
    <t>12/31/2019 19:12:08</t>
  </si>
  <si>
    <t>12/31/2019 19:16:37</t>
  </si>
  <si>
    <t>12/31/2019 19:16:09</t>
  </si>
  <si>
    <t>d36c1368-ec31-465f-a78d-cad44e16f163.tmp</t>
  </si>
  <si>
    <t>\\acsfs\profiles$\LUISPLS\Downloads\d36c1368-ec31-465f-a78d-cad44e16f163.tmp</t>
  </si>
  <si>
    <t>12/31/2019 19:11:39</t>
  </si>
  <si>
    <t>12/31/2019 19:13:03</t>
  </si>
  <si>
    <t>12/31/2019 19:17:38</t>
  </si>
  <si>
    <t>12/31/2019 19:15:16</t>
  </si>
  <si>
    <t>12/31/2019 19:19:37</t>
  </si>
  <si>
    <t>12/31/2019 19:17:20</t>
  </si>
  <si>
    <t>12/31/2019 19:19:21</t>
  </si>
  <si>
    <t>12/31/2019 19:20:37</t>
  </si>
  <si>
    <t>12/31/2019 19:20:52</t>
  </si>
  <si>
    <t>12/31/2019 19:21:38</t>
  </si>
  <si>
    <t>8ea782d6-53fb-4f0e-8b52-f4ca005afb5b.tmp</t>
  </si>
  <si>
    <t>\\acsfs\profiles$\LUISPLS\Downloads\8ea782d6-53fb-4f0e-8b52-f4ca005afb5b.tmp</t>
  </si>
  <si>
    <t>12/31/2019 19:20:39</t>
  </si>
  <si>
    <t>12/31/2019 19:22:37</t>
  </si>
  <si>
    <t>12/31/2019 19:21:40</t>
  </si>
  <si>
    <t>12/31/2019 19:20:20</t>
  </si>
  <si>
    <t>12/31/2019 19:24:37</t>
  </si>
  <si>
    <t>12/31/2019 19:23:20</t>
  </si>
  <si>
    <t>12/31/2019 19:20:53</t>
  </si>
  <si>
    <t>12/31/2019 19:25:37</t>
  </si>
  <si>
    <t>12/31/2019 19:22:47</t>
  </si>
  <si>
    <t>12/31/2019 19:26:37</t>
  </si>
  <si>
    <t>12/31/2019 19:24:44</t>
  </si>
  <si>
    <t>12/31/2019 19:27:37</t>
  </si>
  <si>
    <t>12/31/2019 19:26:20</t>
  </si>
  <si>
    <t>12/31/2019 19:29:38</t>
  </si>
  <si>
    <t>12/31/2019 19:28:33</t>
  </si>
  <si>
    <t>12/31/2019 19:31:37</t>
  </si>
  <si>
    <t>12/31/2019 19:30:23</t>
  </si>
  <si>
    <t>12/31/2019 19:32:37</t>
  </si>
  <si>
    <t>12/31/2019 19:29:20</t>
  </si>
  <si>
    <t>12/31/2019 19:34:37</t>
  </si>
  <si>
    <t>12/31/2019 19:32:27</t>
  </si>
  <si>
    <t>12/31/2019 19:33:48</t>
  </si>
  <si>
    <t>12/31/2019 19:36:37</t>
  </si>
  <si>
    <t>12/31/2019 19:32:02</t>
  </si>
  <si>
    <t>12/31/2019 19:37:37</t>
  </si>
  <si>
    <t>12/31/2019 19:33:47</t>
  </si>
  <si>
    <t>12/31/2019 19:34:03</t>
  </si>
  <si>
    <t>12/31/2019 19:35:56</t>
  </si>
  <si>
    <t>12/31/2019 19:37:49</t>
  </si>
  <si>
    <t>12/31/2019 19:39:37</t>
  </si>
  <si>
    <t>12/31/2019 19:35:20</t>
  </si>
  <si>
    <t>12/31/2019 19:38:20</t>
  </si>
  <si>
    <t>12/31/2019 19:43:37</t>
  </si>
  <si>
    <t>12/31/2019 19:41:20</t>
  </si>
  <si>
    <t>12/31/2019 19:44:37</t>
  </si>
  <si>
    <t>12/31/2019 19:41:45</t>
  </si>
  <si>
    <t>12/31/2019 19:47:37</t>
  </si>
  <si>
    <t>12/31/2019 19:42:05</t>
  </si>
  <si>
    <t>12/31/2019 19:44:20</t>
  </si>
  <si>
    <t>12/31/2019 19:42:29</t>
  </si>
  <si>
    <t>12/31/2019 19:49:37</t>
  </si>
  <si>
    <t>12/31/2019 19:47:20</t>
  </si>
  <si>
    <t>12/31/2019 19:48:40</t>
  </si>
  <si>
    <t>12/31/2019 19:51:38</t>
  </si>
  <si>
    <t>12/31/2019 19:50:20</t>
  </si>
  <si>
    <t>12/31/2019 19:54:37</t>
  </si>
  <si>
    <t>12/31/2019 19:53:21</t>
  </si>
  <si>
    <t>12/31/2019 19:54:05</t>
  </si>
  <si>
    <t>12/31/2019 19:57:37</t>
  </si>
  <si>
    <t>12/31/2019 19:56:39</t>
  </si>
  <si>
    <t>12/31/2019 19:54:04</t>
  </si>
  <si>
    <t>12/31/2019 19:58:37</t>
  </si>
  <si>
    <t>12/31/2019 19:56:20</t>
  </si>
  <si>
    <t>12/31/2019 19:59:37</t>
  </si>
  <si>
    <t>12/31/2019 19:59:55</t>
  </si>
  <si>
    <t>12/31/2019 20:02:37</t>
  </si>
  <si>
    <t>12/31/2019 20:00:35</t>
  </si>
  <si>
    <t>12/31/2019 19:57:57</t>
  </si>
  <si>
    <t>12/31/2019 20:01:27</t>
  </si>
  <si>
    <t>12/31/2019 20:03:37</t>
  </si>
  <si>
    <t>12/31/2019 19:59:20</t>
  </si>
  <si>
    <t>12/31/2019 20:04:37</t>
  </si>
  <si>
    <t>12/31/2019 20:02:20</t>
  </si>
  <si>
    <t>12/31/2019 20:02:30</t>
  </si>
  <si>
    <t>12/31/2019 20:06:37</t>
  </si>
  <si>
    <t>12/31/2019 20:06:19</t>
  </si>
  <si>
    <t>12/31/2019 20:07:37</t>
  </si>
  <si>
    <t>12/31/2019 20:05:20</t>
  </si>
  <si>
    <t>12/31/2019 20:09:38</t>
  </si>
  <si>
    <t>12/31/2019 20:08:20</t>
  </si>
  <si>
    <t>12/31/2019 20:08:08</t>
  </si>
  <si>
    <t>12/31/2019 20:05:57</t>
  </si>
  <si>
    <t>12/31/2019 20:11:38</t>
  </si>
  <si>
    <t>12/31/2019 20:06:05</t>
  </si>
  <si>
    <t>12/31/2019 20:06:11</t>
  </si>
  <si>
    <t>12/31/2019 20:09:46</t>
  </si>
  <si>
    <t>12/31/2019 20:09:50</t>
  </si>
  <si>
    <t>12/31/2019 20:10:40</t>
  </si>
  <si>
    <t>mail.google.com/sync/u/0/i/s?hl=pt-BR&amp;c=45</t>
  </si>
  <si>
    <t>12/31/2019 20:10:44</t>
  </si>
  <si>
    <t>mail.google.com/sync/u/0/i/s?hl=pt-BR&amp;c=47</t>
  </si>
  <si>
    <t>12/31/2019 20:10:53</t>
  </si>
  <si>
    <t>12/31/2019 20:09:05</t>
  </si>
  <si>
    <t>12/31/2019 20:11:20</t>
  </si>
  <si>
    <t>12/31/2019 20:14:38</t>
  </si>
  <si>
    <t>12/31/2019 20:11:00</t>
  </si>
  <si>
    <t>12/31/2019 20:16:38</t>
  </si>
  <si>
    <t>12/31/2019 20:11:03</t>
  </si>
  <si>
    <t>12/31/2019 20:11:13</t>
  </si>
  <si>
    <t>12/31/2019 20:11:25</t>
  </si>
  <si>
    <t>12/31/2019 20:11:26</t>
  </si>
  <si>
    <t>mail.google.com/sync/u/0/i/s?hl=pt-BR&amp;c=59</t>
  </si>
  <si>
    <t>12/31/2019 20:15:21</t>
  </si>
  <si>
    <t>12/31/2019 20:17:38</t>
  </si>
  <si>
    <t>12/31/2019 20:14:20</t>
  </si>
  <si>
    <t>12/31/2019 20:19:38</t>
  </si>
  <si>
    <t>12/31/2019 20:17:20</t>
  </si>
  <si>
    <t>12/31/2019 20:20:20</t>
  </si>
  <si>
    <t>12/31/2019 20:24:38</t>
  </si>
  <si>
    <t>12/31/2019 20:23:20</t>
  </si>
  <si>
    <t>12/31/2019 20:27:44</t>
  </si>
  <si>
    <t>12/31/2019 20:28:38</t>
  </si>
  <si>
    <t>12/31/2019 20:26:43</t>
  </si>
  <si>
    <t>12/31/2019 20:26:20</t>
  </si>
  <si>
    <t>12/31/2019 20:29:38</t>
  </si>
  <si>
    <t>12/31/2019 20:29:24</t>
  </si>
  <si>
    <t>12/31/2019 20:33:38</t>
  </si>
  <si>
    <t>10.200.67.157</t>
  </si>
  <si>
    <t>64-1C-67-9D-1B-F4</t>
  </si>
  <si>
    <t>VOTORANT-FB011</t>
  </si>
  <si>
    <t>12/31/2019 20:29:20</t>
  </si>
  <si>
    <t>12/31/2019 20:34:38</t>
  </si>
  <si>
    <t>12/31/2019 20:32:20</t>
  </si>
  <si>
    <t>12/31/2019 20:32:05</t>
  </si>
  <si>
    <t>12/31/2019 20:35:38</t>
  </si>
  <si>
    <t>12/31/2019 20:35:49</t>
  </si>
  <si>
    <t>12/31/2019 20:37:38</t>
  </si>
  <si>
    <t>12/31/2019 20:35:20</t>
  </si>
  <si>
    <t>12/31/2019 20:39:38</t>
  </si>
  <si>
    <t>12/31/2019 20:38:20</t>
  </si>
  <si>
    <t>12/31/2019 20:39:20</t>
  </si>
  <si>
    <t>12/31/2019 20:41:38</t>
  </si>
  <si>
    <t>12/31/2019 20:41:20</t>
  </si>
  <si>
    <t>12/31/2019 20:44:38</t>
  </si>
  <si>
    <t>12/31/2019 20:44:20</t>
  </si>
  <si>
    <t>12/31/2019 20:49:39</t>
  </si>
  <si>
    <t>12/31/2019 20:47:20</t>
  </si>
  <si>
    <t>12/31/2019 20:48:53</t>
  </si>
  <si>
    <t>12/31/2019 20:50:20</t>
  </si>
  <si>
    <t>12/31/2019 20:54:38</t>
  </si>
  <si>
    <t>12/31/2019 20:53:21</t>
  </si>
  <si>
    <t>12/31/2019 20:49:57</t>
  </si>
  <si>
    <t>12/31/2019 20:55:38</t>
  </si>
  <si>
    <t>12/31/2019 20:50:51</t>
  </si>
  <si>
    <t>12/31/2019 20:56:09</t>
  </si>
  <si>
    <t>12/31/2019 20:57:38</t>
  </si>
  <si>
    <t>12/31/2019 20:53:20</t>
  </si>
  <si>
    <t>12/31/2019 20:58:38</t>
  </si>
  <si>
    <t>12/31/2019 20:56:20</t>
  </si>
  <si>
    <t>12/31/2019 20:59:38</t>
  </si>
  <si>
    <t>12/31/2019 20:57:29</t>
  </si>
  <si>
    <t>12/31/2019 21:01:39</t>
  </si>
  <si>
    <t>12/31/2019 20:59:21</t>
  </si>
  <si>
    <t>12/31/2019 21:04:38</t>
  </si>
  <si>
    <t>12/31/2019 21:02:21</t>
  </si>
  <si>
    <t>12/31/2019 21:04:48</t>
  </si>
  <si>
    <t>12/31/2019 21:08:38</t>
  </si>
  <si>
    <t>12/31/2019 21:08:20</t>
  </si>
  <si>
    <t>12/31/2019 21:09:39</t>
  </si>
  <si>
    <t>12/31/2019 21:05:21</t>
  </si>
  <si>
    <t>12/31/2019 21:08:21</t>
  </si>
  <si>
    <t>12/31/2019 21:06:23</t>
  </si>
  <si>
    <t>12/31/2019 21:11:39</t>
  </si>
  <si>
    <t>12/31/2019 21:07:02</t>
  </si>
  <si>
    <t>12/31/2019 21:07:39</t>
  </si>
  <si>
    <t>12/31/2019 21:11:21</t>
  </si>
  <si>
    <t>12/31/2019 21:14:39</t>
  </si>
  <si>
    <t>12/31/2019 21:11:45</t>
  </si>
  <si>
    <t>12/31/2019 21:16:39</t>
  </si>
  <si>
    <t>https://joaogvc@algartech.com,josiascdsj@algartech.com,marianadjc@algartech.com,rafaelggs@algartech.com,taysdss@algartech.com,viniciussg@algartech.com</t>
  </si>
  <si>
    <t>12/31/2019 21:14:16</t>
  </si>
  <si>
    <t>mail.google.com/sync/u/0/i/s?hl=pt-BR&amp;c=71</t>
  </si>
  <si>
    <t>12/31/2019 21:14:25</t>
  </si>
  <si>
    <t>mail.google.com/sync/u/0/i/s?hl=pt-BR&amp;c=73</t>
  </si>
  <si>
    <t>12/31/2019 21:14:32</t>
  </si>
  <si>
    <t>mail.google.com/sync/u/0/i/s?hl=pt-BR&amp;c=75</t>
  </si>
  <si>
    <t>12/31/2019 21:14:45</t>
  </si>
  <si>
    <t>12/31/2019 21:18:39</t>
  </si>
  <si>
    <t>12/31/2019 21:14:21</t>
  </si>
  <si>
    <t>12/31/2019 21:19:38</t>
  </si>
  <si>
    <t>12/31/2019 21:17:21</t>
  </si>
  <si>
    <t>12/31/2019 21:18:17</t>
  </si>
  <si>
    <t>12/31/2019 21:21:39</t>
  </si>
  <si>
    <t>12/31/2019 21:22:27</t>
  </si>
  <si>
    <t>12/31/2019 21:23:39</t>
  </si>
  <si>
    <t>12/31/2019 21:20:21</t>
  </si>
  <si>
    <t>12/31/2019 21:24:38</t>
  </si>
  <si>
    <t>12/31/2019 21:23:21</t>
  </si>
  <si>
    <t>12/31/2019 21:21:49</t>
  </si>
  <si>
    <t>12/31/2019 21:24:46</t>
  </si>
  <si>
    <t>12/31/2019 21:26:39</t>
  </si>
  <si>
    <t>12/31/2019 21:26:22</t>
  </si>
  <si>
    <t>12/31/2019 21:28:39</t>
  </si>
  <si>
    <t>12/31/2019 21:26:21</t>
  </si>
  <si>
    <t>12/31/2019 21:29:39</t>
  </si>
  <si>
    <t>12/31/2019 21:28:51</t>
  </si>
  <si>
    <t>12/31/2019 21:31:38</t>
  </si>
  <si>
    <t>12/31/2019 21:28:52</t>
  </si>
  <si>
    <t>12/31/2019 21:31:21</t>
  </si>
  <si>
    <t>12/31/2019 21:32:39</t>
  </si>
  <si>
    <t>12/31/2019 21:29:13</t>
  </si>
  <si>
    <t>12/31/2019 21:33:38</t>
  </si>
  <si>
    <t>12/31/2019 21:29:21</t>
  </si>
  <si>
    <t>12/31/2019 21:34:39</t>
  </si>
  <si>
    <t>12/31/2019 21:32:21</t>
  </si>
  <si>
    <t>12/31/2019 21:35:21</t>
  </si>
  <si>
    <t>12/31/2019 21:39:39</t>
  </si>
  <si>
    <t>12/31/2019 21:38:21</t>
  </si>
  <si>
    <t>12/31/2019 21:39:21</t>
  </si>
  <si>
    <t>12/31/2019 21:40:39</t>
  </si>
  <si>
    <t>12/31/2019 21:40:17</t>
  </si>
  <si>
    <t>12/31/2019 21:41:38</t>
  </si>
  <si>
    <t>12/31/2019 21:40:22</t>
  </si>
  <si>
    <t>mail.google.com/sync/u/0/i/s?hl=pt-BR&amp;c=27</t>
  </si>
  <si>
    <t>12/31/2019 21:40:26</t>
  </si>
  <si>
    <t>mail.google.com/sync/u/0/i/s?hl=pt-BR&amp;c=29</t>
  </si>
  <si>
    <t>12/31/2019 21:40:29</t>
  </si>
  <si>
    <t>12/31/2019 21:41:46</t>
  </si>
  <si>
    <t>12/31/2019 21:42:38</t>
  </si>
  <si>
    <t>12/31/2019 21:40:55</t>
  </si>
  <si>
    <t>12/31/2019 21:42:39</t>
  </si>
  <si>
    <t>12/31/2019 21:43:38</t>
  </si>
  <si>
    <t>12/31/2019 21:41:21</t>
  </si>
  <si>
    <t>12/31/2019 21:44:38</t>
  </si>
  <si>
    <t>12/31/2019 21:45:26</t>
  </si>
  <si>
    <t>12/31/2019 21:48:38</t>
  </si>
  <si>
    <t>12/31/2019 21:44:21</t>
  </si>
  <si>
    <t>12/31/2019 21:49:38</t>
  </si>
  <si>
    <t>12/31/2019 21:47:21</t>
  </si>
  <si>
    <t>12/31/2019 21:48:11</t>
  </si>
  <si>
    <t>12/31/2019 21:51:38</t>
  </si>
  <si>
    <t>12/31/2019 21:50:21</t>
  </si>
  <si>
    <t>12/31/2019 21:54:38</t>
  </si>
  <si>
    <t>12/31/2019 21:53:22</t>
  </si>
  <si>
    <t>12/31/2019 21:56:22</t>
  </si>
  <si>
    <t>12/31/2019 21:59:39</t>
  </si>
  <si>
    <t>12/31/2019 21:58:18</t>
  </si>
  <si>
    <t>12/31/2019 22:01:39</t>
  </si>
  <si>
    <t>12/31/2019 21:59:03</t>
  </si>
  <si>
    <t>mail.google.com/sync/u/0/i/s?hl=pt-BR&amp;c=43</t>
  </si>
  <si>
    <t>12/31/2019 21:59:23</t>
  </si>
  <si>
    <t>12/31/2019 22:00:17</t>
  </si>
  <si>
    <t>12/31/2019 21:59:28</t>
  </si>
  <si>
    <t>12/31/2019 22:02:38</t>
  </si>
  <si>
    <t>12/31/2019 22:01:57</t>
  </si>
  <si>
    <t>12/31/2019 22:03:38</t>
  </si>
  <si>
    <t>12/31/2019 22:03:17</t>
  </si>
  <si>
    <t>12/31/2019 21:59:45</t>
  </si>
  <si>
    <t>12/31/2019 21:59:22</t>
  </si>
  <si>
    <t>12/31/2019 22:04:38</t>
  </si>
  <si>
    <t>12/31/2019 22:02:22</t>
  </si>
  <si>
    <t>12/31/2019 22:00:27</t>
  </si>
  <si>
    <t>12/31/2019 22:05:38</t>
  </si>
  <si>
    <t>12/31/2019 22:05:22</t>
  </si>
  <si>
    <t>12/31/2019 22:09:38</t>
  </si>
  <si>
    <t>12/31/2019 22:08:22</t>
  </si>
  <si>
    <t>12/31/2019 22:12:53</t>
  </si>
  <si>
    <t>12/31/2019 22:14:38</t>
  </si>
  <si>
    <t>12/31/2019 22:11:22</t>
  </si>
  <si>
    <t>12/31/2019 22:12:46</t>
  </si>
  <si>
    <t>12/31/2019 22:16:38</t>
  </si>
  <si>
    <t>12/31/2019 22:12:05</t>
  </si>
  <si>
    <t>12/31/2019 22:14:44</t>
  </si>
  <si>
    <t>12/31/2019 22:17:38</t>
  </si>
  <si>
    <t>12/31/2019 22:17:37</t>
  </si>
  <si>
    <t>12/31/2019 22:18:38</t>
  </si>
  <si>
    <t>12/31/2019 22:14:22</t>
  </si>
  <si>
    <t>12/31/2019 22:19:38</t>
  </si>
  <si>
    <t>12/31/2019 22:17:22</t>
  </si>
  <si>
    <t>12/31/2019 22:20:46</t>
  </si>
  <si>
    <t>12/31/2019 22:23:38</t>
  </si>
  <si>
    <t>12/31/2019 22:20:22</t>
  </si>
  <si>
    <t>12/31/2019 22:24:38</t>
  </si>
  <si>
    <t>12/31/2019 22:23:22</t>
  </si>
  <si>
    <t>12/31/2019 22:26:22</t>
  </si>
  <si>
    <t>12/31/2019 22:29:39</t>
  </si>
  <si>
    <t>12/31/2019 22:29:22</t>
  </si>
  <si>
    <t>12/31/2019 22:34:38</t>
  </si>
  <si>
    <t>12/31/2019 22:32:22</t>
  </si>
  <si>
    <t>12/31/2019 22:34:45</t>
  </si>
  <si>
    <t>12/31/2019 22:36:39</t>
  </si>
  <si>
    <t>12/31/2019 22:36:28</t>
  </si>
  <si>
    <t>12/31/2019 22:36:12</t>
  </si>
  <si>
    <t>12/31/2019 22:38:38</t>
  </si>
  <si>
    <t>12/31/2019 22:35:22</t>
  </si>
  <si>
    <t>12/31/2019 22:39:39</t>
  </si>
  <si>
    <t>12/31/2019 22:38:22</t>
  </si>
  <si>
    <t>12/31/2019 22:39:29</t>
  </si>
  <si>
    <t>12/31/2019 22:42:38</t>
  </si>
  <si>
    <t>12/31/2019 22:40:42</t>
  </si>
  <si>
    <t>12/31/2019 22:43:38</t>
  </si>
  <si>
    <t>12/31/2019 22:39:59</t>
  </si>
  <si>
    <t>12/31/2019 22:41:22</t>
  </si>
  <si>
    <t>12/31/2019 22:44:39</t>
  </si>
  <si>
    <t>12/31/2019 22:40:08</t>
  </si>
  <si>
    <t>12/31/2019 22:45:38</t>
  </si>
  <si>
    <t>12/31/2019 22:44:22</t>
  </si>
  <si>
    <t>12/31/2019 22:49:38</t>
  </si>
  <si>
    <t>12/31/2019 22:47:22</t>
  </si>
  <si>
    <t>12/31/2019 22:50:22</t>
  </si>
  <si>
    <t>12/31/2019 22:54:39</t>
  </si>
  <si>
    <t>12/31/2019 22:53:22</t>
  </si>
  <si>
    <t>12/31/2019 22:56:22</t>
  </si>
  <si>
    <t>12/31/2019 22:59:38</t>
  </si>
  <si>
    <t>12/31/2019 22:59:22</t>
  </si>
  <si>
    <t>12/31/2019 23:04:38</t>
  </si>
  <si>
    <t>12/31/2019 23:02:22</t>
  </si>
  <si>
    <t>12/31/2019 23:05:22</t>
  </si>
  <si>
    <t>12/31/2019 23:09:39</t>
  </si>
  <si>
    <t>12/31/2019 23:08:22</t>
  </si>
  <si>
    <t>12/31/2019 23:11:22</t>
  </si>
  <si>
    <t>12/31/2019 23:14:38</t>
  </si>
  <si>
    <t>12/31/2019 23:14:15</t>
  </si>
  <si>
    <t>12/31/2019 23:15:39</t>
  </si>
  <si>
    <t>12/31/2019 23:12:54</t>
  </si>
  <si>
    <t>12/31/2019 23:16:39</t>
  </si>
  <si>
    <t>12/31/2019 23:12:34</t>
  </si>
  <si>
    <t>12/31/2019 23:15:18</t>
  </si>
  <si>
    <t>12/31/2019 23:18:38</t>
  </si>
  <si>
    <t>12/31/2019 23:16:12</t>
  </si>
  <si>
    <t>12/31/2019 23:14:22</t>
  </si>
  <si>
    <t>12/31/2019 23:19:38</t>
  </si>
  <si>
    <t>12/31/2019 23:17:22</t>
  </si>
  <si>
    <t>12/31/2019 23:20:22</t>
  </si>
  <si>
    <t>12/31/2019 23:24:38</t>
  </si>
  <si>
    <t>12/31/2019 23:23:22</t>
  </si>
  <si>
    <t>12/31/2019 23:24:22</t>
  </si>
  <si>
    <t>12/31/2019 23:26:38</t>
  </si>
  <si>
    <t>12/31/2019 23:25:33</t>
  </si>
  <si>
    <t>12/31/2019 23:28:38</t>
  </si>
  <si>
    <t>12/31/2019 23:26:22</t>
  </si>
  <si>
    <t>12/31/2019 23:29:39</t>
  </si>
  <si>
    <t>12/31/2019 23:28:09</t>
  </si>
  <si>
    <t>12/31/2019 23:33:38</t>
  </si>
  <si>
    <t>12/31/2019 23:29:22</t>
  </si>
  <si>
    <t>12/31/2019 23:34:38</t>
  </si>
  <si>
    <t>12/31/2019 23:32:22</t>
  </si>
  <si>
    <t>12/31/2019 23:32:36</t>
  </si>
  <si>
    <t>12/31/2019 23:35:39</t>
  </si>
  <si>
    <t>12/31/2019 23:34:04</t>
  </si>
  <si>
    <t>12/31/2019 23:34:12</t>
  </si>
  <si>
    <t>12/31/2019 23:36:38</t>
  </si>
  <si>
    <t>12/31/2019 23:35:22</t>
  </si>
  <si>
    <t>12/31/2019 23:39:38</t>
  </si>
  <si>
    <t>12/31/2019 23:38:22</t>
  </si>
  <si>
    <t>12/31/2019 23:38:51</t>
  </si>
  <si>
    <t>12/31/2019 23:41:38</t>
  </si>
  <si>
    <t>12/31/2019 23:36:55</t>
  </si>
  <si>
    <t>12/31/2019 23:42:38</t>
  </si>
  <si>
    <t>12/31/2019 23:41:12</t>
  </si>
  <si>
    <t>12/31/2019 23:43:39</t>
  </si>
  <si>
    <t>12/31/2019 23:41:22</t>
  </si>
  <si>
    <t>12/31/2019 23:44:38</t>
  </si>
  <si>
    <t>12/31/2019 23:44:22</t>
  </si>
  <si>
    <t>12/31/2019 23:49:38</t>
  </si>
  <si>
    <t>12/31/2019 23:47:23</t>
  </si>
  <si>
    <t>12/31/2019 23:49:41</t>
  </si>
  <si>
    <t>12/31/2019 23:52:38</t>
  </si>
  <si>
    <t>12/31/2019 23:50:23</t>
  </si>
  <si>
    <t>12/31/2019 23:54:38</t>
  </si>
  <si>
    <t>12/31/2019 23:53:23</t>
  </si>
  <si>
    <t>12/31/2019 23:51:14</t>
  </si>
  <si>
    <t>12/31/2019 23:54:28</t>
  </si>
  <si>
    <t>12/31/2019 23:57:39</t>
  </si>
  <si>
    <t>10.200.66.52</t>
  </si>
  <si>
    <t>34-E6-D7-FC-B7-87</t>
  </si>
  <si>
    <t>VOTORANT-VB015</t>
  </si>
  <si>
    <t>rogeriofd</t>
  </si>
  <si>
    <t>\\acsfs\profiles$\rogeriofd\Downloads\</t>
  </si>
  <si>
    <t>1ffb9511-cdf8-4875-941d-a8c9b8fe1e77.tmp</t>
  </si>
  <si>
    <t>\\acsfs\profiles$\rogeriofd\Downloads\1ffb9511-cdf8-4875-941d-a8c9b8fe1e77.tmp</t>
  </si>
  <si>
    <t>12/31/2019 23:55:18</t>
  </si>
  <si>
    <t>e75e3dd5-b878-40f6-b163-aaecf5bdc532.tmp</t>
  </si>
  <si>
    <t>\\acsfs\profiles$\rogeriofd\Downloads\e75e3dd5-b878-40f6-b163-aaecf5bdc532.tmp</t>
  </si>
  <si>
    <t>12/31/2019 23:55:31</t>
  </si>
  <si>
    <t>2f81ae89-13e2-4544-84ae-e10a65817aa1.tmp</t>
  </si>
  <si>
    <t>\\acsfs\profiles$\rogeriofd\Downloads\2f81ae89-13e2-4544-84ae-e10a65817aa1.tmp</t>
  </si>
  <si>
    <t>12/31/2019 23:56:23</t>
  </si>
  <si>
    <t>12/31/2019 23:59:38</t>
  </si>
  <si>
    <t>12/31/2019 23:56:58</t>
  </si>
  <si>
    <t>ad81b292-15c7-4b31-a040-29295712d8b7.tmp</t>
  </si>
  <si>
    <t>\\acsfs\profiles$\Adrieledgc\Downloads\ad81b292-15c7-4b31-a040-29295712d8b7.tmp</t>
  </si>
  <si>
    <t>12/31/2019 23:57:48</t>
  </si>
  <si>
    <t>6f977768-10a6-4126-8a2e-e98cdf8a9b21.tmp</t>
  </si>
  <si>
    <t>\\acsfs\profiles$\Adrieledgc\Downloads\6f977768-10a6-4126-8a2e-e98cdf8a9b21.tmp</t>
  </si>
  <si>
    <t>10.200.67.223</t>
  </si>
  <si>
    <t>D0-94-66-B5-48-53</t>
  </si>
  <si>
    <t>VOTORANT-PB020</t>
  </si>
  <si>
    <t>12/31/2019 23:59:23</t>
  </si>
  <si>
    <t>f64a3cbf-52f2-474b-aebb-5187300aaf7d.tmp</t>
  </si>
  <si>
    <t>\\acsfs\profiles$\claudiajca\Downloads\f64a3cbf-52f2-474b-aebb-5187300aaf7d.tmp</t>
  </si>
  <si>
    <t>564b8e51-a9ff-4009-a6b3-739b0d7d7d2d.tmp</t>
  </si>
  <si>
    <t>\\acsfs\profiles$\BRUNAAR\Downloads\564b8e51-a9ff-4009-a6b3-739b0d7d7d2d.tmp</t>
  </si>
  <si>
    <t>cba1be90-fa8e-46d6-b769-ebd3faee279c.tmp</t>
  </si>
  <si>
    <t>\\acsfs\profiles$\BRUNAAR\Downloads\cba1be90-fa8e-46d6-b769-ebd3faee279c.tmp</t>
  </si>
  <si>
    <t>bab60565-abe1-4ca5-a648-7660090cbd26.tmp</t>
  </si>
  <si>
    <t>\\acsfs\profiles$\lucasqdss\Downloads\bab60565-abe1-4ca5-a648-7660090cbd26.tmp</t>
  </si>
  <si>
    <t>79e5b406-82c0-434a-a486-961587265c4b.tmp</t>
  </si>
  <si>
    <t>\\acsfs\profiles$\lucasqdss\Downloads\79e5b406-82c0-434a-a486-961587265c4b.tmp</t>
  </si>
  <si>
    <t>84d61dd5-92e8-47a9-9960-c4795dbd9de0.tmp</t>
  </si>
  <si>
    <t>\\acsfs\profiles$\claudiajca\Downloads\84d61dd5-92e8-47a9-9960-c4795dbd9de0.tmp</t>
  </si>
  <si>
    <t>7caae8e7-bf56-4d54-846a-f22492e84d95.tmp</t>
  </si>
  <si>
    <t>\\acsfs\profiles$\rafaelamsv\Downloads\7caae8e7-bf56-4d54-846a-f22492e84d95.tmp</t>
  </si>
  <si>
    <t>a7bfb9fe-1948-4b99-99d2-ad5ffe0463cc.tmp</t>
  </si>
  <si>
    <t>\\acsfs\profiles$\rafaelamsv\Downloads\a7bfb9fe-1948-4b99-99d2-ad5ffe0463cc.tmp</t>
  </si>
  <si>
    <t>\\acsfs\profiles$\cintiadcf\My Documents\My Pictures\</t>
  </si>
  <si>
    <t>\\acsfs\profiles$\cintiadcf\My Documents\My Videos\desktop.ini</t>
  </si>
  <si>
    <t>\\acsfs\profiles$\cintiadcf\My Documents\My Videos\</t>
  </si>
  <si>
    <t>\\acsfs\profiles$\cintiadcf\My Documents\My Music\</t>
  </si>
  <si>
    <t>\\acsfs\profiles$\cintiadcf\My Documents\My Pictures\desktop.ini</t>
  </si>
  <si>
    <t>\\acsfs\profiles$\cintiadcf\Contacts\</t>
  </si>
  <si>
    <t>\\acsfs\profiles$\cintiadcf\Contacts\desktop.ini</t>
  </si>
  <si>
    <t>\\acsfs\profiles$\cintiadcf\My Documents\</t>
  </si>
  <si>
    <t>\\acsfs\profiles$\cintiadcf\Favorites\desktop.ini</t>
  </si>
  <si>
    <t>\\acsfs\profiles$\cintiadcf\My Documents\My Music\desktop.ini</t>
  </si>
  <si>
    <t>\\acsfs\profiles$\cintiadcf\Searches\</t>
  </si>
  <si>
    <t>\\acsfs\profiles$\cintiadcf\Searches\desktop.ini</t>
  </si>
  <si>
    <t>\\acsfs\profiles$\cintiadcf\Downloads\desktop.ini</t>
  </si>
  <si>
    <t>\\acsfs\profiles$\cintiadcf\Favorites\</t>
  </si>
  <si>
    <t>\\acsfs\profiles$\cintiadcf\My Documents\desktop.ini</t>
  </si>
  <si>
    <t>\\acsfs\profiles$\cintiadcf\Saved Games\desktop.ini</t>
  </si>
  <si>
    <t>winrt--{S-1-5-21-602162358-764733703-839522115-352721}-.searchconnector-ms</t>
  </si>
  <si>
    <t>\\acsfs\profiles$\cintiadcf\Searches\winrt--{S-1-5-21-602162358-764733703-839522115-352721}-.searchconnector-ms</t>
  </si>
  <si>
    <t>f362ff95-0b4d-4eac-8213-e802e22d527c.tmp</t>
  </si>
  <si>
    <t>\\acsfs\profiles$\cintiadcf\Downloads\f362ff95-0b4d-4eac-8213-e802e22d527c.tmp</t>
  </si>
  <si>
    <t>c3c6047d-bd45-421f-9bda-b892ea4d574d.tmp</t>
  </si>
  <si>
    <t>\\acsfs\profiles$\cintiadcf\Downloads\c3c6047d-bd45-421f-9bda-b892ea4d574d.tmp</t>
  </si>
  <si>
    <t>3a8b8b90-9fdb-4b06-a54f-f84f5815d0d3.tmp</t>
  </si>
  <si>
    <t>\\acsfs\profiles$\cintiadcf\Downloads\3a8b8b90-9fdb-4b06-a54f-f84f5815d0d3.tmp</t>
  </si>
  <si>
    <t>ba9cd88a-c1e6-47d4-968f-7f9cbad25012.tmp</t>
  </si>
  <si>
    <t>\\acsfs\profiles$\cintiadcf\Downloads\ba9cd88a-c1e6-47d4-968f-7f9cbad25012.tmp</t>
  </si>
  <si>
    <t>3352c9cb-1838-415c-9e49-a77f2114c3ae.tmp</t>
  </si>
  <si>
    <t>\\acsfs\profiles$\marcellewdl\Downloads\3352c9cb-1838-415c-9e49-a77f2114c3ae.tmp</t>
  </si>
  <si>
    <t>fd09dc59-6e48-4c21-bb40-2cee0780dfff.tmp</t>
  </si>
  <si>
    <t>\\acsfs\profiles$\marcellewdl\Downloads\fd09dc59-6e48-4c21-bb40-2cee0780dfff.tmp</t>
  </si>
  <si>
    <t>\\acsfs\DEPTOS\Operacao\PCP\5 - Comum\Mariana De Jesus\</t>
  </si>
  <si>
    <t>escala staff.xlsx</t>
  </si>
  <si>
    <t>\\acsfs\DEPTOS\Operacao\PCP\5 - Comum\Mariana De Jesus\escala staff.xlsx</t>
  </si>
  <si>
    <t>df33808d-e867-4e78-8558-a7b1cd666a0b.tmp</t>
  </si>
  <si>
    <t>\\acsfs\profiles$\rafaelamsv\Downloads\df33808d-e867-4e78-8558-a7b1cd666a0b.tmp</t>
  </si>
  <si>
    <t>03ecea55-c59d-454b-a3a0-a34b978e1e7e.tmp</t>
  </si>
  <si>
    <t>\\acsfs\profiles$\luanarda\Downloads\03ecea55-c59d-454b-a3a0-a34b978e1e7e.tmp</t>
  </si>
  <si>
    <t>d1cef49e-8710-45f9-b305-f96a144249b0.tmp</t>
  </si>
  <si>
    <t>\\acsfs\profiles$\luanarda\Downloads\d1cef49e-8710-45f9-b305-f96a144249b0.tmp</t>
  </si>
  <si>
    <t>\\acsfs\profiles$\dhiulliananads\My Documents\My Pictures\</t>
  </si>
  <si>
    <t>\\acsfs\profiles$\dhiulliananads\My Documents\My Videos\desktop.ini</t>
  </si>
  <si>
    <t>\\acsfs\profiles$\dhiulliananads\My Documents\My Videos\</t>
  </si>
  <si>
    <t>\\acsfs\profiles$\dhiulliananads\My Documents\My Music\</t>
  </si>
  <si>
    <t>\\acsfs\profiles$\dhiulliananads\My Documents\My Pictures\desktop.ini</t>
  </si>
  <si>
    <t>\\acsfs\profiles$\dhiulliananads\Contacts\</t>
  </si>
  <si>
    <t>\\acsfs\profiles$\dhiulliananads\Contacts\desktop.ini</t>
  </si>
  <si>
    <t>\\acsfs\profiles$\dhiulliananads\Favorites\desktop.ini</t>
  </si>
  <si>
    <t>\\acsfs\profiles$\dhiulliananads\My Documents\My Music\desktop.ini</t>
  </si>
  <si>
    <t>\\acsfs\profiles$\dhiulliananads\Searches\</t>
  </si>
  <si>
    <t>\\acsfs\profiles$\dhiulliananads\Searches\desktop.ini</t>
  </si>
  <si>
    <t>\\acsfs\profiles$\dhiulliananads\Downloads\desktop.ini</t>
  </si>
  <si>
    <t>\\acsfs\profiles$\dhiulliananads\Favorites\</t>
  </si>
  <si>
    <t>\\acsfs\profiles$\dhiulliananads\My Documents\desktop.ini</t>
  </si>
  <si>
    <t>\\acsfs\profiles$\dhiulliananads\Saved Games\desktop.ini</t>
  </si>
  <si>
    <t>winrt--{S-1-5-21-602162358-764733703-839522115-354119}-.searchconnector-ms</t>
  </si>
  <si>
    <t>\\acsfs\profiles$\dhiulliananads\Searches\winrt--{S-1-5-21-602162358-764733703-839522115-354119}-.searchconnector-ms</t>
  </si>
  <si>
    <t>b415a814-65e2-4bb6-b288-689e497e149e.tmp</t>
  </si>
  <si>
    <t>\\acsfs\profiles$\kellzylenneasr\Downloads\b415a814-65e2-4bb6-b288-689e497e149e.tmp</t>
  </si>
  <si>
    <t>8cdeb52c-b6f8-4242-8c23-da022859763c.tmp</t>
  </si>
  <si>
    <t>\\acsfs\profiles$\kellzylenneasr\Downloads\8cdeb52c-b6f8-4242-8c23-da022859763c.tmp</t>
  </si>
  <si>
    <t>ac211cdf-e59b-45fa-acde-774ad766225b.tmp</t>
  </si>
  <si>
    <t>\\acsfs\profiles$\dhiulliananads\Downloads\ac211cdf-e59b-45fa-acde-774ad766225b.tmp</t>
  </si>
  <si>
    <t>30a58d68-8516-4f87-80d9-b99cb433bec2.tmp</t>
  </si>
  <si>
    <t>\\acsfs\profiles$\dhiulliananads\Downloads\30a58d68-8516-4f87-80d9-b99cb433bec2.tmp</t>
  </si>
  <si>
    <t>70499af4-a0a4-45e6-896a-63560c7e5adb.tmp</t>
  </si>
  <si>
    <t>\\acsfs\profiles$\dhiulliananads\Downloads\70499af4-a0a4-45e6-896a-63560c7e5adb.tmp</t>
  </si>
  <si>
    <t>43dd5de7-67be-462d-8b27-f253720031fb.tmp</t>
  </si>
  <si>
    <t>\\acsfs\profiles$\dhiulliananads\Downloads\43dd5de7-67be-462d-8b27-f253720031fb.tmp</t>
  </si>
  <si>
    <t>lucasgpe</t>
  </si>
  <si>
    <t>\\acsfs\profiles$\lucasgpe\Contacts\</t>
  </si>
  <si>
    <t>LUCAS GUBERT PEREIRA (10).contact</t>
  </si>
  <si>
    <t>\\acsfs\profiles$\lucasgpe\Contacts\LUCAS GUBERT PEREIRA (10).contact</t>
  </si>
  <si>
    <t>\\acsfs\profiles$\lucasgpe\My Documents\My Videos\</t>
  </si>
  <si>
    <t>\\acsfs\profiles$\lucasgpe\My Documents\My Videos\desktop.ini</t>
  </si>
  <si>
    <t>\\acsfs\profiles$\lucasgpe\My Documents\My Pictures\</t>
  </si>
  <si>
    <t>\\acsfs\profiles$\lucasgpe\My Documents\My Pictures\desktop.ini</t>
  </si>
  <si>
    <t>\\acsfs\profiles$\lucasgpe\Contacts\desktop.ini</t>
  </si>
  <si>
    <t>\\acsfs\profiles$\lucasgpe\Favorites\</t>
  </si>
  <si>
    <t>\\acsfs\profiles$\lucasgpe\Favorites\desktop.ini</t>
  </si>
  <si>
    <t>\\acsfs\profiles$\lucasgpe\My Documents\My Music\</t>
  </si>
  <si>
    <t>\\acsfs\profiles$\lucasgpe\My Documents\My Music\desktop.ini</t>
  </si>
  <si>
    <t>alexandremm</t>
  </si>
  <si>
    <t>\\acsfs\profiles$\alexandremm\My Documents\My Pictures\</t>
  </si>
  <si>
    <t>\\acsfs\profiles$\alexandremm\My Documents\My Videos\desktop.ini</t>
  </si>
  <si>
    <t>\\acsfs\profiles$\alexandremm\My Documents\My Videos\</t>
  </si>
  <si>
    <t>\\acsfs\profiles$\alexandremm\My Documents\My Music\</t>
  </si>
  <si>
    <t>\\acsfs\profiles$\alexandremm\My Documents\My Pictures\desktop.ini</t>
  </si>
  <si>
    <t>\\acsfs\profiles$\alexandremm\Contacts\</t>
  </si>
  <si>
    <t>\\acsfs\profiles$\alexandremm\Contacts\desktop.ini</t>
  </si>
  <si>
    <t>\\acsfs\profiles$\alexandremm\My Documents\</t>
  </si>
  <si>
    <t>\\acsfs\profiles$\alexandremm\Favorites\desktop.ini</t>
  </si>
  <si>
    <t>\\acsfs\profiles$\alexandremm\My Documents\My Music\desktop.ini</t>
  </si>
  <si>
    <t>\\acsfs\profiles$\alexandremm\Searches\</t>
  </si>
  <si>
    <t>\\acsfs\profiles$\alexandremm\Searches\desktop.ini</t>
  </si>
  <si>
    <t>\\acsfs\profiles$\alexandremm\Downloads\</t>
  </si>
  <si>
    <t>\\acsfs\profiles$\alexandremm\Downloads\desktop.ini</t>
  </si>
  <si>
    <t>\\acsfs\profiles$\alexandremm\Favorites\</t>
  </si>
  <si>
    <t>\\acsfs\profiles$\alexandremm\My Documents\desktop.ini</t>
  </si>
  <si>
    <t>\\acsfs\profiles$\alexandremm\Saved Games\desktop.ini</t>
  </si>
  <si>
    <t>winrt--{S-1-5-21-602162358-764733703-839522115-352958}-.searchconnector-ms</t>
  </si>
  <si>
    <t>\\acsfs\profiles$\alexandremm\Searches\winrt--{S-1-5-21-602162358-764733703-839522115-352958}-.searchconnector-ms</t>
  </si>
  <si>
    <t>\\acsfs\profiles$\lucasgpe\Searches\</t>
  </si>
  <si>
    <t>\\acsfs\profiles$\lucasgpe\Searches\desktop.ini</t>
  </si>
  <si>
    <t>\\acsfs\profiles$\lucasgpe\Downloads\desktop.ini</t>
  </si>
  <si>
    <t>\\acsfs\profiles$\lucasgpe\My Documents\</t>
  </si>
  <si>
    <t>\\acsfs\profiles$\lucasgpe\My Documents\desktop.ini</t>
  </si>
  <si>
    <t>\\acsfs\profiles$\lucasgpe\Saved Games\</t>
  </si>
  <si>
    <t>\\acsfs\profiles$\lucasgpe\Saved Games\desktop.ini</t>
  </si>
  <si>
    <t>\\acsfs\profiles$\lucasgpe\Favorites\Links for Brasil\</t>
  </si>
  <si>
    <t>\\acsfs\profiles$\lucasgpe\Favorites\Links for Brasil\desktop.ini</t>
  </si>
  <si>
    <t>\\acsfs\profiles$\lucasgpe\Favorites\Links for Brasil\Microsoft Brasil.url</t>
  </si>
  <si>
    <t>\\acsfs\profiles$\lucasgpe\Favorites\Links for Brasil\Windows Brasil.url</t>
  </si>
  <si>
    <t>\\acsfs\profiles$\lucasgpe\Favorites\Links for Brasil\MSN Brasil.url</t>
  </si>
  <si>
    <t>ea62295b-948a-415a-81c8-bc157b5210e3.tmp</t>
  </si>
  <si>
    <t>\\acsfs\profiles$\lucasgpe\Downloads\ea62295b-948a-415a-81c8-bc157b5210e3.tmp</t>
  </si>
  <si>
    <t>Não confirmado 887729.crdownload</t>
  </si>
  <si>
    <t>\\acsfs\profiles$\lucasgpe\Downloads\Não confirmado 887729.crdownload</t>
  </si>
  <si>
    <t>e23d03bd-974f-4cd1-9e01-8bbef59ed1ee.tmp</t>
  </si>
  <si>
    <t>\\acsfs\profiles$\lucasgpe\Downloads\e23d03bd-974f-4cd1-9e01-8bbef59ed1ee.tmp</t>
  </si>
  <si>
    <t>Não confirmado 632624.crdownload</t>
  </si>
  <si>
    <t>\\acsfs\profiles$\lucasgpe\Downloads\Não confirmado 632624.crdownload</t>
  </si>
  <si>
    <t>36e28554-fd80-4c70-9a4c-f6604e760abe.tmp</t>
  </si>
  <si>
    <t>\\acsfs\profiles$\lucasgpe\Downloads\36e28554-fd80-4c70-9a4c-f6604e760abe.tmp</t>
  </si>
  <si>
    <t>bcadbcbd-d360-4114-8f37-23fcdd043d16.tmp</t>
  </si>
  <si>
    <t>\\acsfs\profiles$\lucasgpe\Downloads\bcadbcbd-d360-4114-8f37-23fcdd043d16.tmp</t>
  </si>
  <si>
    <t>968c4cc3-573d-4a8e-8501-e5c227c3d85b.tmp</t>
  </si>
  <si>
    <t>\\acsfs\profiles$\lucasgpe\Downloads\968c4cc3-573d-4a8e-8501-e5c227c3d85b.tmp</t>
  </si>
  <si>
    <t>\\acsfs\profiles$\yasminsc\My Documents\My Pictures\</t>
  </si>
  <si>
    <t>\\acsfs\profiles$\YASMINSC\My Documents\My Videos\desktop.ini</t>
  </si>
  <si>
    <t>\\acsfs\profiles$\YASMINSC\My Documents\My Videos\</t>
  </si>
  <si>
    <t>\\acsfs\profiles$\yasminsc\My Documents\My Music\</t>
  </si>
  <si>
    <t>\\acsfs\profiles$\YASMINSC\My Documents\My Pictures\desktop.ini</t>
  </si>
  <si>
    <t>\\acsfs\profiles$\yasminsc\My Documents\My Videos\</t>
  </si>
  <si>
    <t>\\acsfs\profiles$\YASMINSC\Contacts\</t>
  </si>
  <si>
    <t>\\acsfs\profiles$\YASMINSC\Contacts\desktop.ini</t>
  </si>
  <si>
    <t>\\acsfs\profiles$\yasminsc\My Documents\</t>
  </si>
  <si>
    <t>\\acsfs\profiles$\YASMINSC\Favorites\desktop.ini</t>
  </si>
  <si>
    <t>\\acsfs\profiles$\YASMINSC\My Documents\My Music\desktop.ini</t>
  </si>
  <si>
    <t>\\acsfs\profiles$\YASMINSC\My Documents\My Music\</t>
  </si>
  <si>
    <t>\\acsfs\profiles$\YASMINSC\Searches\</t>
  </si>
  <si>
    <t>\\acsfs\profiles$\YASMINSC\Searches\desktop.ini</t>
  </si>
  <si>
    <t>\\acsfs\profiles$\YASMINSC\Downloads\desktop.ini</t>
  </si>
  <si>
    <t>\\acsfs\profiles$\yasminsc\Favorites\</t>
  </si>
  <si>
    <t>\\acsfs\profiles$\YASMINSC\My Documents\desktop.ini</t>
  </si>
  <si>
    <t>\\acsfs\profiles$\YASMINSC\My Documents\</t>
  </si>
  <si>
    <t>\\acsfs\profiles$\yasminsc\Downloads\</t>
  </si>
  <si>
    <t>\\acsfs\profiles$\YASMINSC\Saved Games\desktop.ini</t>
  </si>
  <si>
    <t>winrt--{S-1-5-21-602162358-764733703-839522115-345805}-.searchconnector-ms</t>
  </si>
  <si>
    <t>\\acsfs\profiles$\YASMINSC\Searches\winrt--{S-1-5-21-602162358-764733703-839522115-345805}-.searchconnector-ms</t>
  </si>
  <si>
    <t>dcf22887-bf5c-4b41-b6cf-8647ae2040df.tmp</t>
  </si>
  <si>
    <t>\\acsfs\profiles$\YASMINSC\Downloads\dcf22887-bf5c-4b41-b6cf-8647ae2040df.tmp</t>
  </si>
  <si>
    <t>dfd3199e-d112-401c-809f-b7fa63253256.tmp</t>
  </si>
  <si>
    <t>\\acsfs\profiles$\YASMINSC\Downloads\dfd3199e-d112-401c-809f-b7fa63253256.tmp</t>
  </si>
  <si>
    <t>294fde0f-743a-4b15-aecf-c6cffa08cf47.tmp</t>
  </si>
  <si>
    <t>\\acsfs\profiles$\felipetds\Downloads\294fde0f-743a-4b15-aecf-c6cffa08cf47.tmp</t>
  </si>
  <si>
    <t>9baffa6f-242b-4b17-a130-0f0347bf8ebe.tmp</t>
  </si>
  <si>
    <t>\\acsfs\profiles$\felipetds\Downloads\9baffa6f-242b-4b17-a130-0f0347bf8ebe.tmp</t>
  </si>
  <si>
    <t>d9dc1e58-a057-4b24-ba88-19e00787f968.tmp</t>
  </si>
  <si>
    <t>\\acsfs\profiles$\kellzylenneasr\Downloads\d9dc1e58-a057-4b24-ba88-19e00787f968.tmp</t>
  </si>
  <si>
    <t>10.200.66.20</t>
  </si>
  <si>
    <t>74-86-7A-FD-D2-20</t>
  </si>
  <si>
    <t>VOTORANT-VB014</t>
  </si>
  <si>
    <t>jessicafc</t>
  </si>
  <si>
    <t>\\acsfs\profiles$\jessicafc\Downloads\</t>
  </si>
  <si>
    <t>e4c04da6-f887-4dd0-bf2f-8b7b6607265c.tmp</t>
  </si>
  <si>
    <t>\\acsfs\profiles$\jessicafc\Downloads\e4c04da6-f887-4dd0-bf2f-8b7b6607265c.tmp</t>
  </si>
  <si>
    <t>137b8e02-8cf4-4285-9121-bb5c2ac9bced.tmp</t>
  </si>
  <si>
    <t>\\acsfs\profiles$\felipetds\Downloads\137b8e02-8cf4-4285-9121-bb5c2ac9bced.tmp</t>
  </si>
  <si>
    <t>cb5a25c6-97f6-4ad8-8aaf-4d4464ffb481.tmp</t>
  </si>
  <si>
    <t>\\acsfs\profiles$\jessicafc\Downloads\cb5a25c6-97f6-4ad8-8aaf-4d4464ffb481.tmp</t>
  </si>
  <si>
    <t>97465db4-4743-41bf-8ce3-5e35fd9366ef.tmp</t>
  </si>
  <si>
    <t>\\acsfs\profiles$\jessicafc\Downloads\97465db4-4743-41bf-8ce3-5e35fd9366ef.tmp</t>
  </si>
  <si>
    <t>c7d0eb19-8abf-4699-a381-0944d28d0c42.tmp</t>
  </si>
  <si>
    <t>\\acsfs\profiles$\lucasgpe\Downloads\c7d0eb19-8abf-4699-a381-0944d28d0c42.tmp</t>
  </si>
  <si>
    <t>\\acsfs\profiles$\KELLZYLENNEASR\My Documents\</t>
  </si>
  <si>
    <t>.~lock.Nova 2019.ods#</t>
  </si>
  <si>
    <t>\\acsfs\profiles$\KELLZYLENNEASR\My Documents\.~lock.Nova 2019.ods#</t>
  </si>
  <si>
    <t>fa087923-2bae-496d-b3fe-d770a517ca9a.tmp</t>
  </si>
  <si>
    <t>\\acsfs\profiles$\marcellewdl\Downloads\fa087923-2bae-496d-b3fe-d770a517ca9a.tmp</t>
  </si>
  <si>
    <t>d7eb4dd4-6a5e-44ab-8c60-e321bbd21b56.tmp</t>
  </si>
  <si>
    <t>\\acsfs\profiles$\felipetds\Downloads\d7eb4dd4-6a5e-44ab-8c60-e321bbd21b56.tmp</t>
  </si>
  <si>
    <t>lu136966j86z.tmp</t>
  </si>
  <si>
    <t>\\acsfs\profiles$\dhiulliananads\My Documents\lu136966j86z.tmp</t>
  </si>
  <si>
    <t>\\acsfs\profiles$\dhiulliananads\My Documents\lu136966j86z.tmp\</t>
  </si>
  <si>
    <t>\\acsfs\profiles$\dhiulliananads\My Documents\lu136966j86z.tmp\META-INF\</t>
  </si>
  <si>
    <t>\\acsfs\profiles$\dhiulliananads\My Documents\lu136966j86z.tmp\Thumbnails\</t>
  </si>
  <si>
    <t>lu136966j873.tmp</t>
  </si>
  <si>
    <t>\\acsfs\profiles$\dhiulliananads\My Documents\lu136966j873.tmp</t>
  </si>
  <si>
    <t>\\acsfs\profiles$\dhiulliananads\My Documents\lu136966j873.tmp\</t>
  </si>
  <si>
    <t>\\acsfs\profiles$\dhiulliananads\My Documents\lu136966j873.tmp\META-INF\</t>
  </si>
  <si>
    <t>\\acsfs\profiles$\dhiulliananads\My Documents\lu136966j873.tmp\Thumbnails\</t>
  </si>
  <si>
    <t>4edc6e5a-b82b-4a0a-93f8-fe8a30a6ae44.tmp</t>
  </si>
  <si>
    <t>\\acsfs\profiles$\jessicafc\Downloads\4edc6e5a-b82b-4a0a-93f8-fe8a30a6ae44.tmp</t>
  </si>
  <si>
    <t>a8999205-031f-46d6-a155-9eea93885bc5.tmp</t>
  </si>
  <si>
    <t>\\acsfs\profiles$\dhiulliananads\Downloads\a8999205-031f-46d6-a155-9eea93885bc5.tmp</t>
  </si>
  <si>
    <t>f7557193-01f7-4a50-be01-e54999dbc0d0.tmp</t>
  </si>
  <si>
    <t>\\acsfs\profiles$\joycemmdl\Downloads\f7557193-01f7-4a50-be01-e54999dbc0d0.tmp</t>
  </si>
  <si>
    <t>a6a677a8-7c0c-449d-a587-06a572165e4c.tmp</t>
  </si>
  <si>
    <t>\\acsfs\profiles$\joycemmdl\Downloads\a6a677a8-7c0c-449d-a587-06a572165e4c.tmp</t>
  </si>
  <si>
    <t>33f966b6-d168-4541-8454-7d4e3d217d09.tmp</t>
  </si>
  <si>
    <t>\\acsfs\profiles$\LUCASNS\Downloads\33f966b6-d168-4541-8454-7d4e3d217d09.tmp</t>
  </si>
  <si>
    <t>c11fd632-895a-4808-a83a-d5811eb88439.tmp</t>
  </si>
  <si>
    <t>\\acsfs\profiles$\LUCASNS\Downloads\c11fd632-895a-4808-a83a-d5811eb88439.tmp</t>
  </si>
  <si>
    <t>b470daaa-e987-442f-917c-54fb781a2ad0.tmp</t>
  </si>
  <si>
    <t>\\acsfs\profiles$\LUCASNS\Downloads\b470daaa-e987-442f-917c-54fb781a2ad0.tmp</t>
  </si>
  <si>
    <t>10.200.67.22</t>
  </si>
  <si>
    <t>\\acsfs\profiles$\cristianodab\Contacts\</t>
  </si>
  <si>
    <t>CRISTIANO DE ANDRADE BARBOSA (4547).contact</t>
  </si>
  <si>
    <t>\\acsfs\profiles$\cristianodab\Contacts\CRISTIANO DE ANDRADE BARBOSA (4547).contact</t>
  </si>
  <si>
    <t>\\acsfs\profiles$\cristianodab\My Documents\My Videos\</t>
  </si>
  <si>
    <t>\\acsfs\profiles$\cristianodab\My Documents\My Videos\desktop.ini</t>
  </si>
  <si>
    <t>\\acsfs\profiles$\cristianodab\My Documents\My Pictures\</t>
  </si>
  <si>
    <t>\\acsfs\profiles$\cristianodab\My Documents\My Pictures\desktop.ini</t>
  </si>
  <si>
    <t>\\acsfs\profiles$\cristianodab\Contacts\desktop.ini</t>
  </si>
  <si>
    <t>\\acsfs\profiles$\cristianodab\Favorites\</t>
  </si>
  <si>
    <t>\\acsfs\profiles$\cristianodab\Favorites\desktop.ini</t>
  </si>
  <si>
    <t>\\acsfs\profiles$\cristianodab\My Documents\My Music\</t>
  </si>
  <si>
    <t>\\acsfs\profiles$\cristianodab\My Documents\My Music\desktop.ini</t>
  </si>
  <si>
    <t>\\acsfs\profiles$\cristianodab\Searches\</t>
  </si>
  <si>
    <t>\\acsfs\profiles$\cristianodab\Searches\desktop.ini</t>
  </si>
  <si>
    <t>\\acsfs\profiles$\cristianodab\Downloads\</t>
  </si>
  <si>
    <t>\\acsfs\profiles$\cristianodab\Downloads\desktop.ini</t>
  </si>
  <si>
    <t>\\acsfs\profiles$\cristianodab\My Documents\desktop.ini</t>
  </si>
  <si>
    <t>\\acsfs\profiles$\cristianodab\Saved Games\</t>
  </si>
  <si>
    <t>\\acsfs\profiles$\cristianodab\Saved Games\desktop.ini</t>
  </si>
  <si>
    <t>\\acsfs\profiles$\cristianodab\Favorites\Links for Brasil\</t>
  </si>
  <si>
    <t>\\acsfs\profiles$\cristianodab\Favorites\Links for Brasil\desktop.ini</t>
  </si>
  <si>
    <t>\\acsfs\profiles$\cristianodab\Favorites\Links for Brasil\Microsoft Brasil.url</t>
  </si>
  <si>
    <t>\\acsfs\profiles$\cristianodab\Favorites\Links for Brasil\Windows Brasil.url</t>
  </si>
  <si>
    <t>\\acsfs\profiles$\cristianodab\Favorites\Links for Brasil\MSN Brasil.url</t>
  </si>
  <si>
    <t>\\acsfs\profiles$\lucasns\My Documents\My Pictures\</t>
  </si>
  <si>
    <t>\\acsfs\profiles$\LUCASNS\My Documents\My Videos\desktop.ini</t>
  </si>
  <si>
    <t>\\acsfs\profiles$\LUCASNS\My Documents\My Videos\</t>
  </si>
  <si>
    <t>\\acsfs\profiles$\lucasns\My Documents\My Music\</t>
  </si>
  <si>
    <t>\\acsfs\profiles$\LUCASNS\My Documents\My Pictures\desktop.ini</t>
  </si>
  <si>
    <t>\\acsfs\profiles$\lucasns\My Documents\My Videos\</t>
  </si>
  <si>
    <t>\\acsfs\profiles$\LUCASNS\Contacts\</t>
  </si>
  <si>
    <t>\\acsfs\profiles$\LUCASNS\Contacts\desktop.ini</t>
  </si>
  <si>
    <t>\\acsfs\profiles$\lucasns\My Documents\</t>
  </si>
  <si>
    <t>\\acsfs\profiles$\LUCASNS\Favorites\desktop.ini</t>
  </si>
  <si>
    <t>\\acsfs\profiles$\LUCASNS\My Documents\My Music\desktop.ini</t>
  </si>
  <si>
    <t>\\acsfs\profiles$\LUCASNS\My Documents\My Music\</t>
  </si>
  <si>
    <t>\\acsfs\profiles$\LUCASNS\Searches\</t>
  </si>
  <si>
    <t>\\acsfs\profiles$\LUCASNS\Searches\desktop.ini</t>
  </si>
  <si>
    <t>\\acsfs\profiles$\LUCASNS\Downloads\desktop.ini</t>
  </si>
  <si>
    <t>\\acsfs\profiles$\lucasns\Favorites\</t>
  </si>
  <si>
    <t>\\acsfs\profiles$\LUCASNS\My Documents\desktop.ini</t>
  </si>
  <si>
    <t>\\acsfs\profiles$\LUCASNS\My Documents\</t>
  </si>
  <si>
    <t>\\acsfs\profiles$\lucasns\Downloads\</t>
  </si>
  <si>
    <t>\\acsfs\profiles$\LUCASNS\Saved Games\desktop.ini</t>
  </si>
  <si>
    <t>winrt--{S-1-5-21-602162358-764733703-839522115-340716}-.searchconnector-ms</t>
  </si>
  <si>
    <t>\\acsfs\profiles$\LUCASNS\Searches\winrt--{S-1-5-21-602162358-764733703-839522115-340716}-.searchconnector-ms</t>
  </si>
  <si>
    <t>0966ddf6-ec4d-4420-a2a3-27c6ded7a325.tmp</t>
  </si>
  <si>
    <t>\\acsfs\profiles$\LUCASNS\Downloads\0966ddf6-ec4d-4420-a2a3-27c6ded7a325.tmp</t>
  </si>
  <si>
    <t>Unconfirmed 853928.crdownload</t>
  </si>
  <si>
    <t>\\acsfs\profiles$\LUCASNS\Downloads\Unconfirmed 853928.crdownload</t>
  </si>
  <si>
    <t>0eb0adeb-2a95-4532-b4c8-9117898571ae.tmp</t>
  </si>
  <si>
    <t>\\acsfs\profiles$\cintiadjl\Downloads\0eb0adeb-2a95-4532-b4c8-9117898571ae.tmp</t>
  </si>
  <si>
    <t>7726e626-ac12-42f7-9f20-a5029880aca7.tmp</t>
  </si>
  <si>
    <t>\\acsfs\profiles$\LUCASNS\Downloads\7726e626-ac12-42f7-9f20-a5029880aca7.tmp</t>
  </si>
  <si>
    <t>4a9db880-c801-4a0e-a4ef-a9defe8bf38b.tmp</t>
  </si>
  <si>
    <t>\\acsfs\profiles$\LUCASNS\Downloads\4a9db880-c801-4a0e-a4ef-a9defe8bf38b.tmp</t>
  </si>
  <si>
    <t>0ffdd406-af4b-4181-85ae-231c095d330d.tmp</t>
  </si>
  <si>
    <t>\\acsfs\profiles$\cintiadjl\Downloads\0ffdd406-af4b-4181-85ae-231c095d330d.tmp</t>
  </si>
  <si>
    <t>135f6981-e59b-44fe-bf95-d9a8a2c40be9.tmp</t>
  </si>
  <si>
    <t>\\acsfs\profiles$\joycemmdl\Downloads\135f6981-e59b-44fe-bf95-d9a8a2c40be9.tmp</t>
  </si>
  <si>
    <t>ed48f23b-ec72-40eb-88ab-0ed4801b56f3.tmp</t>
  </si>
  <si>
    <t>\\acsfs\profiles$\joycemmdl\Downloads\ed48f23b-ec72-40eb-88ab-0ed4801b56f3.tmp</t>
  </si>
  <si>
    <t>12/31/2019 15:35:39</t>
  </si>
  <si>
    <t>a7e23de7-26b6-4189-8d88-a5d6b1b2a3e7.tmp</t>
  </si>
  <si>
    <t>\\acsfs\profiles$\YASMINSC\Downloads\a7e23de7-26b6-4189-8d88-a5d6b1b2a3e7.tmp</t>
  </si>
  <si>
    <t>32b74c3d-19c8-416f-95d1-e72a873b4b67.tmp</t>
  </si>
  <si>
    <t>\\acsfs\profiles$\laylaams\Downloads\32b74c3d-19c8-416f-95d1-e72a873b4b67.tmp</t>
  </si>
  <si>
    <t>aeb3ff68-bf0a-4ca1-8109-1088d17bcce6.tmp</t>
  </si>
  <si>
    <t>\\acsfs\profiles$\laylaams\Downloads\aeb3ff68-bf0a-4ca1-8109-1088d17bcce6.tmp</t>
  </si>
  <si>
    <t>c9b9859d-9314-45b5-9136-1b2a4aaa5339.tmp</t>
  </si>
  <si>
    <t>\\acsfs\profiles$\YASMINSC\Downloads\c9b9859d-9314-45b5-9136-1b2a4aaa5339.tmp</t>
  </si>
  <si>
    <t>1fb2230a-5480-43bb-8836-70fdd63890b2.tmp</t>
  </si>
  <si>
    <t>\\acsfs\profiles$\laylaams\Downloads\1fb2230a-5480-43bb-8836-70fdd63890b2.tmp</t>
  </si>
  <si>
    <t>lu136966j877.tmp</t>
  </si>
  <si>
    <t>\\acsfs\profiles$\dhiulliananads\My Documents\lu136966j877.tmp</t>
  </si>
  <si>
    <t>\\acsfs\profiles$\dhiulliananads\My Documents\lu136966j877.tmp\</t>
  </si>
  <si>
    <t>\\acsfs\profiles$\dhiulliananads\My Documents\lu136966j877.tmp\META-INF\</t>
  </si>
  <si>
    <t>\\acsfs\profiles$\dhiulliananads\My Documents\lu136966j877.tmp\Thumbnails\</t>
  </si>
  <si>
    <t>lu13248ayjc4.tmp</t>
  </si>
  <si>
    <t>\\acsfs\profiles$\dhiulliananads\My Documents\lu13248ayjc4.tmp</t>
  </si>
  <si>
    <t>\\acsfs\profiles$\dhiulliananads\My Documents\lu13248ayjc4.tmp\</t>
  </si>
  <si>
    <t>\\acsfs\profiles$\dhiulliananads\My Documents\lu13248ayjc4.tmp\META-INF\</t>
  </si>
  <si>
    <t>\\acsfs\profiles$\dhiulliananads\My Documents\lu13248ayjc4.tmp\Thumbnails\</t>
  </si>
  <si>
    <t>e19542df-6132-4d4b-a590-4f822bdef105.tmp</t>
  </si>
  <si>
    <t>\\acsfs\profiles$\laylaams\Downloads\e19542df-6132-4d4b-a590-4f822bdef105.tmp</t>
  </si>
  <si>
    <t>603610d7-6276-4283-8c66-9600626e489a; tp_stylesheet=light_blue; tp_layout_mode=wide; footer_bg=dark; .aspxformsauth=e4238f6cc371bd70ee0abcdda2016d416a71094bea28bd5d6e1e1437237f2ad65e824539261c9e26380fa7783613ce130a48ff80b0a8f475d51b8bfa9af5f0a8f5ef5cf39626</t>
  </si>
  <si>
    <t>603610d7-6276-4283-8c66-9600626e489a; tp_stylesheet=light_blue; tp_layout_mode=wide; footer_bg=dark; .aspxformsauth=65a320663210b79ee5aa0b60e28f1ed209e5b509ad6c73e212cfeca33ab80c0ba796c02df9bb3c60954be76cb0b22740da13c1c903fec4ac6505b4003cb88373775b3fa16ac8</t>
  </si>
  <si>
    <t>b3f184e3-d567-4d94-8a29-4c30a5fe421f.tmp</t>
  </si>
  <si>
    <t>\\acsfs\profiles$\lucasgpe\Downloads\b3f184e3-d567-4d94-8a29-4c30a5fe421f.tmp</t>
  </si>
  <si>
    <t>.~lock.vendas de janeiro.ods#</t>
  </si>
  <si>
    <t>\\acsfs\profiles$\marcellewdl\My Documents\.~lock.vendas de janeiro.ods#</t>
  </si>
  <si>
    <t>lu285602ei8hd.tmp</t>
  </si>
  <si>
    <t>\\acsfs\profiles$\marcellewdl\My Documents\lu285602ei8hd.tmp</t>
  </si>
  <si>
    <t>\\acsfs\profiles$\marcellewdl\My Documents\lu285602ei8hd.tmp\</t>
  </si>
  <si>
    <t>\\acsfs\profiles$\marcellewdl\My Documents\lu285602ei8hd.tmp\META-INF\</t>
  </si>
  <si>
    <t>\\acsfs\profiles$\marcellewdl\My Documents\lu285602ei8hd.tmp\Thumbnails\</t>
  </si>
  <si>
    <t>10.200.66.133</t>
  </si>
  <si>
    <t>74-86-7A-FB-16-FB</t>
  </si>
  <si>
    <t>VOTORANT-IB019</t>
  </si>
  <si>
    <t>8a465cfa-c36b-4692-83fa-c1cfcd0b3ab0.tmp</t>
  </si>
  <si>
    <t>\\acsfs\profiles$\matheushds\Downloads\8a465cfa-c36b-4692-83fa-c1cfcd0b3ab0.tmp</t>
  </si>
  <si>
    <t>25a403ef-3e1f-4a9b-92b5-a96888c56737.tmp</t>
  </si>
  <si>
    <t>\\acsfs\profiles$\matheushds\Downloads\25a403ef-3e1f-4a9b-92b5-a96888c56737.tmp</t>
  </si>
  <si>
    <t>2f6bdad8-5c55-4fcd-91aa-0740a6af6bd1.tmp</t>
  </si>
  <si>
    <t>\\acsfs\profiles$\matheushds\Downloads\2f6bdad8-5c55-4fcd-91aa-0740a6af6bd1.tmp</t>
  </si>
  <si>
    <t>244b3fe2-89f8-446b-b2f1-3bfc611ee271.tmp</t>
  </si>
  <si>
    <t>\\acsfs\profiles$\matheushds\Downloads\244b3fe2-89f8-446b-b2f1-3bfc611ee271.tmp</t>
  </si>
  <si>
    <t>42c5431e-cfab-490b-b5fc-e8fa5ce834a7.tmp</t>
  </si>
  <si>
    <t>\\acsfs\profiles$\matheushds\Downloads\42c5431e-cfab-490b-b5fc-e8fa5ce834a7.tmp</t>
  </si>
  <si>
    <t>50654779-0e47-4c02-9501-7726ee65141f.tmp</t>
  </si>
  <si>
    <t>\\acsfs\profiles$\matheusmax\Downloads\50654779-0e47-4c02-9501-7726ee65141f.tmp</t>
  </si>
  <si>
    <t>23218d36-2c9a-44d0-94af-861aeb3159ec.tmp</t>
  </si>
  <si>
    <t>\\acsfs\profiles$\matheusmax\Downloads\23218d36-2c9a-44d0-94af-861aeb3159ec.tmp</t>
  </si>
  <si>
    <t>https://outlook.office365.com/mapi/emsmdb/?mailboxid=62fbec23-6abc-4188-9ff8-31c473fb057b@algartech.com</t>
  </si>
  <si>
    <t>5ae6de11-34f0-4d07-bfd7-9277e1283ab1.tmp</t>
  </si>
  <si>
    <t>\\acsfs\profiles$\matheusmax\Downloads\5ae6de11-34f0-4d07-bfd7-9277e1283ab1.tmp</t>
  </si>
  <si>
    <t>6889f8aa-79b8-4538-8a0c-f99fc97751b5.tmp</t>
  </si>
  <si>
    <t>\\acsfs\profiles$\matheusmax\Downloads\6889f8aa-79b8-4538-8a0c-f99fc97751b5.tmp</t>
  </si>
  <si>
    <t>f05c88ea-11f3-44b0-8b33-879e41982442.tmp</t>
  </si>
  <si>
    <t>\\acsfs\profiles$\joycemmdl\Downloads\f05c88ea-11f3-44b0-8b33-879e41982442.tmp</t>
  </si>
  <si>
    <t>214dd79b-d177-4eed-b51e-afaf89912108.tmp</t>
  </si>
  <si>
    <t>\\acsfs\profiles$\lucasgpe\Downloads\214dd79b-d177-4eed-b51e-afaf89912108.tmp</t>
  </si>
  <si>
    <t>4244a5d3-51e1-4b8d-bb1e-edc8e3cb3b9a.tmp</t>
  </si>
  <si>
    <t>\\acsfs\profiles$\brunalas\Downloads\4244a5d3-51e1-4b8d-bb1e-edc8e3cb3b9a.tmp</t>
  </si>
  <si>
    <t>9c2a2e61-445b-4376-8949-c1d59d8ea58b.tmp</t>
  </si>
  <si>
    <t>\\acsfs\profiles$\rosileiam\Downloads\9c2a2e61-445b-4376-8949-c1d59d8ea58b.tmp</t>
  </si>
  <si>
    <t>cdda5812-68f8-4596-bc44-1ada05b012c7.tmp</t>
  </si>
  <si>
    <t>\\acsfs\profiles$\rosileiam\Downloads\cdda5812-68f8-4596-bc44-1ada05b012c7.tmp</t>
  </si>
  <si>
    <t>acac73bf-a22d-4561-89b0-90a7714b3f71.tmp</t>
  </si>
  <si>
    <t>\\acsfs\profiles$\brunalas\Downloads\acac73bf-a22d-4561-89b0-90a7714b3f71.tmp</t>
  </si>
  <si>
    <t>100035125381406;joaogvc@algartech.com;josiascdsj@algartech.com;marianadjc@algartech.com;rafaelggs@algartech.com;taysdss@algartech.com;viniciussg@algartech.com;</t>
  </si>
  <si>
    <t>100035125381406,joaogvc@algartech.com,josiascdsj@algartech.com,marianadjc@algartech.com,rafaelggs@algartech.com,taysdss@algartech.com,viniciussg@algartech.com</t>
  </si>
  <si>
    <t>mail.google.com/sync/u/0/i/s?hl=pt-BR&amp;c=61</t>
  </si>
  <si>
    <t>mail.google.com/sync/u/0/i/s?hl=pt-BR&amp;c=83</t>
  </si>
  <si>
    <t>\\acsfs\profiles$\laylaams\My Documents\</t>
  </si>
  <si>
    <t>.~lock.Novo Documento RTF.rtf#</t>
  </si>
  <si>
    <t>\\acsfs\profiles$\laylaams\My Documents\.~lock.Novo Documento RTF.rtf#</t>
  </si>
  <si>
    <t>CIELO ARV</t>
  </si>
  <si>
    <t>karlabds</t>
  </si>
  <si>
    <t>\\acsfs\profiles$\karlabds\My Documents\My Pictures\</t>
  </si>
  <si>
    <t>\\acsfs\profiles$\KARLABDS\My Documents\My Videos\desktop.ini</t>
  </si>
  <si>
    <t>\\acsfs\profiles$\KARLABDS\My Documents\My Videos\</t>
  </si>
  <si>
    <t>\\acsfs\profiles$\karlabds\My Documents\My Music\</t>
  </si>
  <si>
    <t>\\acsfs\profiles$\KARLABDS\My Documents\My Pictures\desktop.ini</t>
  </si>
  <si>
    <t>\\acsfs\profiles$\karlabds\My Documents\My Videos\</t>
  </si>
  <si>
    <t>\\acsfs\profiles$\KARLABDS\Contacts\</t>
  </si>
  <si>
    <t>\\acsfs\profiles$\KARLABDS\Contacts\desktop.ini</t>
  </si>
  <si>
    <t>\\acsfs\profiles$\karlabds\My Documents\</t>
  </si>
  <si>
    <t>\\acsfs\profiles$\KARLABDS\Favorites\desktop.ini</t>
  </si>
  <si>
    <t>\\acsfs\profiles$\KARLABDS\My Documents\My Music\desktop.ini</t>
  </si>
  <si>
    <t>\\acsfs\profiles$\KARLABDS\My Documents\My Music\</t>
  </si>
  <si>
    <t>\\acsfs\profiles$\KARLABDS\Searches\</t>
  </si>
  <si>
    <t>\\acsfs\profiles$\KARLABDS\Searches\desktop.ini</t>
  </si>
  <si>
    <t>\\acsfs\profiles$\KARLABDS\Downloads\</t>
  </si>
  <si>
    <t>\\acsfs\profiles$\KARLABDS\Downloads\desktop.ini</t>
  </si>
  <si>
    <t>\\acsfs\profiles$\karlabds\Favorites\</t>
  </si>
  <si>
    <t>\\acsfs\profiles$\KARLABDS\My Documents\desktop.ini</t>
  </si>
  <si>
    <t>\\acsfs\profiles$\KARLABDS\My Documents\</t>
  </si>
  <si>
    <t>\\acsfs\profiles$\karlabds\Downloads\</t>
  </si>
  <si>
    <t>\\acsfs\profiles$\KARLABDS\Saved Games\desktop.ini</t>
  </si>
  <si>
    <t>winrt--{S-1-5-21-602162358-764733703-839522115-330470}-.searchconnector-ms</t>
  </si>
  <si>
    <t>\\acsfs\profiles$\KARLABDS\Searches\winrt--{S-1-5-21-602162358-764733703-839522115-330470}-.searchconnector-ms</t>
  </si>
  <si>
    <t>https://100035125381406,joaogvc@algartech.com,josiascdsj@algartech.com,marianadjc@algartech.com,rafaelggs@algartech.com,taysdss@algartech.com,viniciussg@algartech.com</t>
  </si>
  <si>
    <t>1cef38ca-006e-4454-bb7d-44038da1af5a.tmp</t>
  </si>
  <si>
    <t>\\acsfs\profiles$\erichds\Downloads\1cef38ca-006e-4454-bb7d-44038da1af5a.tmp</t>
  </si>
  <si>
    <t>770b9346-c129-425e-b6e7-20f2cb90f1af.tmp</t>
  </si>
  <si>
    <t>\\acsfs\profiles$\erichds\Downloads\770b9346-c129-425e-b6e7-20f2cb90f1af.tmp</t>
  </si>
  <si>
    <t>10.200.66.148</t>
  </si>
  <si>
    <t>\\acsfs\profiles$\flaviacdst\Favorites\NetScaler Gateway.url\</t>
  </si>
  <si>
    <t>\\acsfs\profiles$\flaviacdst\Favorites\NetScaler Gateway.url\:favicon:$DATA</t>
  </si>
  <si>
    <t>\\acsfs\profiles$\flaviacdst\Favorites\NetScaler Gateway.url</t>
  </si>
  <si>
    <t>\\acsfs\DEPTOS\Operacao\PCP\5 - Comum\PLANEJAMENTO BV\14 - ACOMPANHAMENTO\1 - REPORT ACOMPANHAMENTO\2020\1 - JANEIRO\CARTÕES\</t>
  </si>
  <si>
    <t>d71c4015-05da-47da-a9fe-f5b41f39763c.tmp</t>
  </si>
  <si>
    <t>\\acsfs\profiles$\matheusmax\Downloads\d71c4015-05da-47da-a9fe-f5b41f39763c.tmp</t>
  </si>
  <si>
    <t>nathaliaos</t>
  </si>
  <si>
    <t>\\acsfs\profiles$\nathaliaos\My Documents\My Pictures\</t>
  </si>
  <si>
    <t>\\acsfs\profiles$\nathaliaos\My Documents\My Videos\desktop.ini</t>
  </si>
  <si>
    <t>\\acsfs\profiles$\nathaliaos\My Documents\My Videos\</t>
  </si>
  <si>
    <t>\\acsfs\profiles$\nathaliaos\My Documents\My Music\</t>
  </si>
  <si>
    <t>\\acsfs\profiles$\nathaliaos\My Documents\My Pictures\desktop.ini</t>
  </si>
  <si>
    <t>\\acsfs\profiles$\nathaliaos\Contacts\</t>
  </si>
  <si>
    <t>\\acsfs\profiles$\nathaliaos\Contacts\desktop.ini</t>
  </si>
  <si>
    <t>\\acsfs\profiles$\nathaliaos\My Documents\</t>
  </si>
  <si>
    <t>\\acsfs\profiles$\nathaliaos\Favorites\desktop.ini</t>
  </si>
  <si>
    <t>\\acsfs\profiles$\nathaliaos\My Documents\My Music\desktop.ini</t>
  </si>
  <si>
    <t>\\acsfs\profiles$\nathaliaos\Searches\</t>
  </si>
  <si>
    <t>\\acsfs\profiles$\nathaliaos\Searches\desktop.ini</t>
  </si>
  <si>
    <t>\\acsfs\profiles$\nathaliaos\Downloads\</t>
  </si>
  <si>
    <t>\\acsfs\profiles$\nathaliaos\Downloads\desktop.ini</t>
  </si>
  <si>
    <t>\\acsfs\profiles$\nathaliaos\Favorites\</t>
  </si>
  <si>
    <t>\\acsfs\profiles$\nathaliaos\My Documents\desktop.ini</t>
  </si>
  <si>
    <t>\\acsfs\profiles$\nathaliaos\Saved Games\desktop.ini</t>
  </si>
  <si>
    <t>ee202f80-a152-43d7-a1fe-171a8b02a9e6.tmp</t>
  </si>
  <si>
    <t>\\acsfs\profiles$\nathaliaos\Downloads\ee202f80-a152-43d7-a1fe-171a8b02a9e6.tmp</t>
  </si>
  <si>
    <t>2f121b86-acea-49a7-bfff-e193752fed62.tmp</t>
  </si>
  <si>
    <t>\\acsfs\profiles$\nathaliaos\Downloads\2f121b86-acea-49a7-bfff-e193752fed62.tmp</t>
  </si>
  <si>
    <t>32f5b6f1-e7b9-4680-82f9-afc3dff32af4.tmp</t>
  </si>
  <si>
    <t>\\acsfs\profiles$\matheusmax\Downloads\32f5b6f1-e7b9-4680-82f9-afc3dff32af4.tmp</t>
  </si>
  <si>
    <t>de03c8e3-c0ce-4c65-9f2d-0855c0be113b.tmp</t>
  </si>
  <si>
    <t>\\acsfs\profiles$\brunalas\Downloads\de03c8e3-c0ce-4c65-9f2d-0855c0be113b.tmp</t>
  </si>
  <si>
    <t>8a192501-8ec3-4fb7-a824-02931425e901.tmp</t>
  </si>
  <si>
    <t>\\acsfs\profiles$\brunalas\Downloads\8a192501-8ec3-4fb7-a824-02931425e901.tmp</t>
  </si>
  <si>
    <t>b707eee1-0b7e-40b4-8e91-9fe19976eace.tmp</t>
  </si>
  <si>
    <t>\\acsfs\profiles$\Adrieledgc\Downloads\b707eee1-0b7e-40b4-8e91-9fe19976eace.tmp</t>
  </si>
  <si>
    <t>85eecf76-c861-4000-bd0c-6fb52d7384fd.tmp</t>
  </si>
  <si>
    <t>\\acsfs\profiles$\Adrieledgc\Downloads\85eecf76-c861-4000-bd0c-6fb52d7384fd.tmp</t>
  </si>
  <si>
    <t>d8d797f9-cce7-472a-aa93-323281fdc6e6.tmp</t>
  </si>
  <si>
    <t>\\acsfs\profiles$\rogeriofd\Downloads\d8d797f9-cce7-472a-aa93-323281fdc6e6.tmp</t>
  </si>
  <si>
    <t>a32c9274-aec6-4463-b9ba-9dee46b6bd27.tmp</t>
  </si>
  <si>
    <t>\\acsfs\profiles$\marlyannegdls\Downloads\a32c9274-aec6-4463-b9ba-9dee46b6bd27.tmp</t>
  </si>
  <si>
    <t>af365091-3bf4-4f32-8b98-c75870d0202b.tmp</t>
  </si>
  <si>
    <t>\\acsfs\profiles$\marlyannegdls\Downloads\af365091-3bf4-4f32-8b98-c75870d0202b.tmp</t>
  </si>
  <si>
    <t>8ed76c52-1ab3-4d47-a0e2-8c752fdc03d9.tmp</t>
  </si>
  <si>
    <t>\\acsfs\profiles$\rogeriofd\Downloads\8ed76c52-1ab3-4d47-a0e2-8c752fdc03d9.tmp</t>
  </si>
  <si>
    <t>d2b595de-1725-4cd0-8f9d-166dca4cae07.tmp</t>
  </si>
  <si>
    <t>\\acsfs\profiles$\rogeriofd\Downloads\d2b595de-1725-4cd0-8f9d-166dca4cae07.tmp</t>
  </si>
  <si>
    <t>f6347ed4-9263-4fdc-ba0f-05db6aae8905.tmp</t>
  </si>
  <si>
    <t>\\acsfs\profiles$\Adrieledgc\Downloads\f6347ed4-9263-4fdc-ba0f-05db6aae8905.tmp</t>
  </si>
  <si>
    <t>d7e83a76-1918-4d38-8d80-3d25bf243448.tmp</t>
  </si>
  <si>
    <t>\\acsfs\profiles$\Adrieledgc\Downloads\d7e83a76-1918-4d38-8d80-3d25bf243448.tmp</t>
  </si>
  <si>
    <t>aea88d5b-8e56-483a-93e2-38b03566e7df.tmp</t>
  </si>
  <si>
    <t>\\acsfs\profiles$\Adrieledgc\Downloads\aea88d5b-8e56-483a-93e2-38b03566e7df.tmp</t>
  </si>
  <si>
    <t>e1682baa-cfa9-49ba-ba35-a6cc0f5136a2.tmp</t>
  </si>
  <si>
    <t>\\acsfs\profiles$\Adrieledgc\Downloads\e1682baa-cfa9-49ba-ba35-a6cc0f5136a2.tmp</t>
  </si>
  <si>
    <t>7d72f55d-96a2-4319-9753-bd319e274f3f.tmp</t>
  </si>
  <si>
    <t>\\acsfs\profiles$\marlyannegdls\Downloads\7d72f55d-96a2-4319-9753-bd319e274f3f.tmp</t>
  </si>
  <si>
    <t>c7beabd2-6dfd-47a7-a097-f1f17a673dd6.tmp</t>
  </si>
  <si>
    <t>\\acsfs\profiles$\marlyannegdls\Downloads\c7beabd2-6dfd-47a7-a097-f1f17a673dd6.tmp</t>
  </si>
  <si>
    <t>cb25277f-2a89-44b4-acf3-658fb7ede48f.tmp</t>
  </si>
  <si>
    <t>\\acsfs\profiles$\lucasqdss\Downloads\cb25277f-2a89-44b4-acf3-658fb7ede48f.tmp</t>
  </si>
  <si>
    <t>10.200.66.157</t>
  </si>
  <si>
    <t>cf32dbf4-59db-4575-ae8d-6e1d8a10ef6d.tmp</t>
  </si>
  <si>
    <t>\\acsfs\profiles$\andressagr\Downloads\cf32dbf4-59db-4575-ae8d-6e1d8a10ef6d.tmp</t>
  </si>
  <si>
    <t>585963aa-ead5-43ca-82b2-d17f040186a0.tmp</t>
  </si>
  <si>
    <t>\\acsfs\profiles$\andressagr\Downloads\585963aa-ead5-43ca-82b2-d17f040186a0.tmp</t>
  </si>
  <si>
    <t>10.200.66.158</t>
  </si>
  <si>
    <t>rozencam</t>
  </si>
  <si>
    <t>\\acsfs\profiles$\ROZENCAM\Downloads\</t>
  </si>
  <si>
    <t>6dd871f0-de09-4c1f-9696-d7833af75d08.tmp</t>
  </si>
  <si>
    <t>\\acsfs\profiles$\ROZENCAM\Downloads\6dd871f0-de09-4c1f-9696-d7833af75d08.tmp</t>
  </si>
  <si>
    <t>cac66503-d6b6-400c-9c93-884ccfcb88cf.tmp</t>
  </si>
  <si>
    <t>\\acsfs\profiles$\lucasqdss\Downloads\cac66503-d6b6-400c-9c93-884ccfcb88cf.tmp</t>
  </si>
  <si>
    <t>6d3cfabe-9fa6-41db-aa0c-230a414ce7e9.tmp</t>
  </si>
  <si>
    <t>\\acsfs\profiles$\andressagr\Downloads\6d3cfabe-9fa6-41db-aa0c-230a414ce7e9.tmp</t>
  </si>
  <si>
    <t>576f016f-a149-4d29-bf2e-0c1c27e5b74e.tmp</t>
  </si>
  <si>
    <t>\\acsfs\profiles$\ROZENCAM\Downloads\576f016f-a149-4d29-bf2e-0c1c27e5b74e.tmp</t>
  </si>
  <si>
    <t>7b57ce04-8b10-43e5-b5a6-83563a5095fe.tmp</t>
  </si>
  <si>
    <t>\\acsfs\profiles$\mariellecs\Downloads\7b57ce04-8b10-43e5-b5a6-83563a5095fe.tmp</t>
  </si>
  <si>
    <t>1fa0f8e8-e78c-4440-8e42-a0eb926b5b66.tmp</t>
  </si>
  <si>
    <t>\\acsfs\profiles$\mariellecs\Downloads\1fa0f8e8-e78c-4440-8e42-a0eb926b5b66.tmp</t>
  </si>
  <si>
    <t>42d6f410-0c6f-4510-a9ab-d6434ad6e5ab.tmp</t>
  </si>
  <si>
    <t>\\acsfs\profiles$\claudiajca\Downloads\42d6f410-0c6f-4510-a9ab-d6434ad6e5ab.tmp</t>
  </si>
  <si>
    <t>b95c28f3-c2f9-4413-a602-8bad6995cab3.tmp</t>
  </si>
  <si>
    <t>\\acsfs\profiles$\deboraaa\Downloads\b95c28f3-c2f9-4413-a602-8bad6995cab3.tmp</t>
  </si>
  <si>
    <t>9bff1ecc-de20-4aff-9652-e235be1d4b0f.tmp</t>
  </si>
  <si>
    <t>\\acsfs\profiles$\deboraaa\Downloads\9bff1ecc-de20-4aff-9652-e235be1d4b0f.tmp</t>
  </si>
  <si>
    <t>a63efb4a-718f-42f3-a05a-a236b5365278.tmp</t>
  </si>
  <si>
    <t>\\acsfs\profiles$\vivianealda\Downloads\a63efb4a-718f-42f3-a05a-a236b5365278.tmp</t>
  </si>
  <si>
    <t>7f289e9e-1bc6-46a4-9f77-aa014eee2afb.tmp</t>
  </si>
  <si>
    <t>\\acsfs\profiles$\vivianealda\Downloads\7f289e9e-1bc6-46a4-9f77-aa014eee2afb.tmp</t>
  </si>
  <si>
    <t>dd6c687f-af40-4c18-a33d-181bc770db51.tmp</t>
  </si>
  <si>
    <t>\\acsfs\profiles$\vivianealda\Downloads\dd6c687f-af40-4c18-a33d-181bc770db51.tmp</t>
  </si>
  <si>
    <t>f371620e-03af-4935-bb16-636759f1f321.tmp</t>
  </si>
  <si>
    <t>\\acsfs\profiles$\vivianealda\Downloads\f371620e-03af-4935-bb16-636759f1f321.tmp</t>
  </si>
  <si>
    <t>4df42d34-a1e0-494d-8f0c-8f6ec4531f24.tmp</t>
  </si>
  <si>
    <t>\\acsfs\profiles$\vivianealda\Downloads\4df42d34-a1e0-494d-8f0c-8f6ec4531f24.tmp</t>
  </si>
  <si>
    <t>b7b38fb8-46f9-4685-a865-d198dd652eb5.tmp</t>
  </si>
  <si>
    <t>\\acsfs\profiles$\mariellecs\Downloads\b7b38fb8-46f9-4685-a865-d198dd652eb5.tmp</t>
  </si>
  <si>
    <t>1e021814-36eb-4e6c-a209-abd20dc4c37f.tmp</t>
  </si>
  <si>
    <t>\\acsfs\profiles$\mariellecs\Downloads\1e021814-36eb-4e6c-a209-abd20dc4c37f.tmp</t>
  </si>
  <si>
    <t>8638c446-fc3e-443c-9020-2b41f9ab1b01.tmp</t>
  </si>
  <si>
    <t>\\acsfs\profiles$\mariellecs\Downloads\8638c446-fc3e-443c-9020-2b41f9ab1b01.tmp</t>
  </si>
  <si>
    <t>8db1cce1-55cc-4290-a37f-b2e20a58de8f.tmp</t>
  </si>
  <si>
    <t>\\acsfs\profiles$\claudiajca\Downloads\8db1cce1-55cc-4290-a37f-b2e20a58de8f.tmp</t>
  </si>
  <si>
    <t>483e28c9-d8a1-4be3-968a-b9418525f6c5.tmp</t>
  </si>
  <si>
    <t>\\acsfs\profiles$\BRUNAAR\Downloads\483e28c9-d8a1-4be3-968a-b9418525f6c5.tmp</t>
  </si>
  <si>
    <t>4a72095b-97d3-4bf5-8c67-22a73f762915.tmp</t>
  </si>
  <si>
    <t>\\acsfs\profiles$\BRUNAAR\Downloads\4a72095b-97d3-4bf5-8c67-22a73f762915.tmp</t>
  </si>
  <si>
    <t>03de8aa5-a79a-4b11-9079-2bf468f29449.tmp</t>
  </si>
  <si>
    <t>\\acsfs\profiles$\deboraaa\Downloads\03de8aa5-a79a-4b11-9079-2bf468f29449.tmp</t>
  </si>
  <si>
    <t>8d583dd7-2e4c-4ce9-a11c-6a1c2e89f265.tmp</t>
  </si>
  <si>
    <t>\\acsfs\profiles$\deboraaa\Downloads\8d583dd7-2e4c-4ce9-a11c-6a1c2e89f265.tmp</t>
  </si>
  <si>
    <t>AMEX HOTEL CARD</t>
  </si>
  <si>
    <t>10.200.66.170</t>
  </si>
  <si>
    <t>74-86-7A-FB-19-8D</t>
  </si>
  <si>
    <t>VOTORANT-ABB009</t>
  </si>
  <si>
    <t>anapfdj</t>
  </si>
  <si>
    <t>https://udpwfmniceap02/pt_br/web/guest/home?p_auth=hsynh6bu&amp;p_p_id=58&amp;p_p_lifecycle=1&amp;p_p_state=maximized&amp;p_p_mode=view&amp;savelastpath=0&amp;_58_struts_action=/login/forgot_password</t>
  </si>
  <si>
    <t>82ed46f5-9d27-48d3-8ddc-6e34d1aca721.tmp</t>
  </si>
  <si>
    <t>\\acsfs\profiles$\vivianealda\Downloads\82ed46f5-9d27-48d3-8ddc-6e34d1aca721.tmp</t>
  </si>
  <si>
    <t>.~lock.EVENTOS.odt#</t>
  </si>
  <si>
    <t>\\acsfs\profiles$\CLAUDIAJCA\.~lock.EVENTOS.odt#</t>
  </si>
  <si>
    <t>.~lock.VENDAS.ods#</t>
  </si>
  <si>
    <t>\\acsfs\profiles$\CLAUDIAJCA\.~lock.VENDAS.ods#</t>
  </si>
  <si>
    <t>elianegr</t>
  </si>
  <si>
    <t>\\acsfs\DEPTOS\Operacao\Banco_Votorantim\Qualidade\Eliane\Monitorias DEZEMBRO\</t>
  </si>
  <si>
    <t>3° CICLO DEZEMBRO.txt</t>
  </si>
  <si>
    <t>\\acsfs\DEPTOS\Operacao\Banco_Votorantim\Qualidade\Eliane\Monitorias DEZEMBRO\3° CICLO DEZEMBRO.txt</t>
  </si>
  <si>
    <t>CBB COORD FIELD SERVICE</t>
  </si>
  <si>
    <t>192.168.1.102</t>
  </si>
  <si>
    <t>A0-88-69-CF-66-BF</t>
  </si>
  <si>
    <t>NBBHE-MARCELOF</t>
  </si>
  <si>
    <t>marcelof</t>
  </si>
  <si>
    <t>mail.google.com/_/upload?authuser=1&amp;dcp=asu-n&amp;upload_id=AEnB2UrdsUZfXovwfD7tYcvtTENiWuIpC4U2pE-fFCa_Lhxk900ezZtaHgSO0JMxEHPhYSiDlUQv01n2kayo_lsFUiTCiGO50Q&amp;upload_protocol=resumable</t>
  </si>
  <si>
    <t>C:\Users\marcelof\Desktop\Marcos Pereira pendencias TIM\</t>
  </si>
  <si>
    <t>Orçamentos executados PENDENTES INFORMAÇÃO 30_12.xlsx</t>
  </si>
  <si>
    <t>937a6963-674b-4aae-ac7e-f3d1c53b9cff.tmp</t>
  </si>
  <si>
    <t>\\acsfs\profiles$\sarahbal\Downloads\937a6963-674b-4aae-ac7e-f3d1c53b9cff.tmp</t>
  </si>
  <si>
    <t>6c8cb456-0fe8-40b7-97b0-5739282a21e6.tmp</t>
  </si>
  <si>
    <t>\\acsfs\profiles$\cintiadcf\Downloads\6c8cb456-0fe8-40b7-97b0-5739282a21e6.tmp</t>
  </si>
  <si>
    <t>f49326fa-0b9d-41a8-a489-966531db5805.tmp</t>
  </si>
  <si>
    <t>\\acsfs\profiles$\cintiadcf\Downloads\f49326fa-0b9d-41a8-a489-966531db5805.tmp</t>
  </si>
  <si>
    <t>fe087c46-241f-4d25-93ff-44d5645be153.tmp</t>
  </si>
  <si>
    <t>\\acsfs\profiles$\cintiadcf\Downloads\fe087c46-241f-4d25-93ff-44d5645be153.tmp</t>
  </si>
  <si>
    <t>79483c49-f0c4-4a8b-9c87-a4797f87bfc7.tmp</t>
  </si>
  <si>
    <t>\\acsfs\profiles$\inarajst\Downloads\79483c49-f0c4-4a8b-9c87-a4797f87bfc7.tmp</t>
  </si>
  <si>
    <t>a39a949d-cbcb-46db-811d-defc17c9f002.tmp</t>
  </si>
  <si>
    <t>\\acsfs\profiles$\inarajst\Downloads\a39a949d-cbcb-46db-811d-defc17c9f002.tmp</t>
  </si>
  <si>
    <t>3733df0e-86e7-44e8-86f0-d1db67cd8a8f.tmp</t>
  </si>
  <si>
    <t>\\acsfs\profiles$\inarajst\Downloads\3733df0e-86e7-44e8-86f0-d1db67cd8a8f.tmp</t>
  </si>
  <si>
    <t>67a1755a-2003-4d7a-8451-68765b12bca1.tmp</t>
  </si>
  <si>
    <t>\\acsfs\profiles$\andressagr\Downloads\67a1755a-2003-4d7a-8451-68765b12bca1.tmp</t>
  </si>
  <si>
    <t>mail.google.com/sync/u/0/i/s?hl=pt-BR&amp;c=132</t>
  </si>
  <si>
    <t>mail.google.com/sync/u/0/i/s?hl=pt-BR&amp;c=135</t>
  </si>
  <si>
    <t>mail.google.com/sync/u/0/i/s?hl=pt-BR&amp;c=137</t>
  </si>
  <si>
    <t>mail.google.com/sync/u/0/i/s?hl=pt-BR&amp;c=139</t>
  </si>
  <si>
    <t>mail.google.com/sync/u/0/i/s?hl=pt-BR&amp;c=141</t>
  </si>
  <si>
    <t>joaogvc@algartech.com;marianadjc@algartech.com;paulacn@algartech.com;rafaelggs@algartech.com;taysdss@algartech.com;viniciussg@algartech.com;</t>
  </si>
  <si>
    <t>joaogvc@algartech.com,marianadjc@algartech.com,paulacn@algartech.com,rafaelggs@algartech.com,taysdss@algartech.com,viniciussg@algartech.com</t>
  </si>
  <si>
    <t>mail.google.com/sync/u/0/i/s?hl=pt-BR&amp;c=147</t>
  </si>
  <si>
    <t>mail.google.com/sync/u/0/i/s?hl=pt-BR&amp;c=151</t>
  </si>
  <si>
    <t>alynya</t>
  </si>
  <si>
    <t>\\acsfs\profiles$\ALYNYA\Downloads\</t>
  </si>
  <si>
    <t>f32529d1-9ffb-4bb2-96a6-8b8ec1928691.tmp</t>
  </si>
  <si>
    <t>\\acsfs\profiles$\ALYNYA\Downloads\f32529d1-9ffb-4bb2-96a6-8b8ec1928691.tmp</t>
  </si>
  <si>
    <t>danielac</t>
  </si>
  <si>
    <t>\\acsfs\profiles$\danielac\Downloads\</t>
  </si>
  <si>
    <t>515db2d4-0068-443a-9ce9-d8ef3df96a3d.tmp</t>
  </si>
  <si>
    <t>\\acsfs\profiles$\danielac\Downloads\515db2d4-0068-443a-9ce9-d8ef3df96a3d.tmp</t>
  </si>
  <si>
    <t>97d7475f-3a45-436b-bd49-7d6852c8b348.tmp</t>
  </si>
  <si>
    <t>\\acsfs\profiles$\danielac\Downloads\97d7475f-3a45-436b-bd49-7d6852c8b348.tmp</t>
  </si>
  <si>
    <t>1ee08225-e2fc-4a07-b077-9d1c8a754154.tmp</t>
  </si>
  <si>
    <t>\\acsfs\profiles$\sarahbal\Downloads\1ee08225-e2fc-4a07-b077-9d1c8a754154.tmp</t>
  </si>
  <si>
    <t>2f582ad7-e4af-4ff8-9991-660af3be77ca.tmp</t>
  </si>
  <si>
    <t>\\acsfs\profiles$\sarahbal\Downloads\2f582ad7-e4af-4ff8-9991-660af3be77ca.tmp</t>
  </si>
  <si>
    <t>4cad026b-62db-4fb2-af29-8487e81188eb.tmp</t>
  </si>
  <si>
    <t>\\acsfs\profiles$\sarahbal\Downloads\4cad026b-62db-4fb2-af29-8487e81188eb.tmp</t>
  </si>
  <si>
    <t>35f0e14d-d476-4548-9abc-e4095c264758.tmp</t>
  </si>
  <si>
    <t>\\acsfs\profiles$\sarahbal\Downloads\35f0e14d-d476-4548-9abc-e4095c264758.tmp</t>
  </si>
  <si>
    <t>f992ef08-ff24-4a7b-9aa9-e5bb9ca0c627.tmp</t>
  </si>
  <si>
    <t>\\acsfs\profiles$\websondsa\Downloads\f992ef08-ff24-4a7b-9aa9-e5bb9ca0c627.tmp</t>
  </si>
  <si>
    <t>3333b193-5824-42fa-ba3d-4f4dcaf37a14.tmp</t>
  </si>
  <si>
    <t>\\acsfs\profiles$\websondsa\Downloads\3333b193-5824-42fa-ba3d-4f4dcaf37a14.tmp</t>
  </si>
  <si>
    <t>6be26c18-7101-4764-bd96-c2b4b705bce3.tmp</t>
  </si>
  <si>
    <t>\\acsfs\profiles$\websondsa\Downloads\6be26c18-7101-4764-bd96-c2b4b705bce3.tmp</t>
  </si>
  <si>
    <t>3509f535-139a-451f-aa0d-e0eeb12dbeec.tmp</t>
  </si>
  <si>
    <t>\\acsfs\profiles$\dhiulliananads\Downloads\3509f535-139a-451f-aa0d-e0eeb12dbeec.tmp</t>
  </si>
  <si>
    <t>495adbec-efed-43df-940d-319927eb4c71.tmp</t>
  </si>
  <si>
    <t>\\acsfs\profiles$\dhiulliananads\Downloads\495adbec-efed-43df-940d-319927eb4c71.tmp</t>
  </si>
  <si>
    <t>f58e5aa1-08c6-465a-92a4-7db1bd0f4c32.tmp</t>
  </si>
  <si>
    <t>\\acsfs\profiles$\dhiulliananads\Downloads\f58e5aa1-08c6-465a-92a4-7db1bd0f4c32.tmp</t>
  </si>
  <si>
    <t>7a8e80df-7014-4f87-9903-d51f1695f86e.tmp</t>
  </si>
  <si>
    <t>\\acsfs\profiles$\inarajst\Downloads\7a8e80df-7014-4f87-9903-d51f1695f86e.tmp</t>
  </si>
  <si>
    <t>f8a7cd08-19d1-46b9-b963-be3e58eed2b6.tmp</t>
  </si>
  <si>
    <t>\\acsfs\profiles$\inarajst\Downloads\f8a7cd08-19d1-46b9-b963-be3e58eed2b6.tmp</t>
  </si>
  <si>
    <t>93398b20-cbec-4410-9dd2-1b824f99148b.tmp</t>
  </si>
  <si>
    <t>\\acsfs\profiles$\inarajst\Downloads\93398b20-cbec-4410-9dd2-1b824f99148b.tmp</t>
  </si>
  <si>
    <t>10.200.67.187</t>
  </si>
  <si>
    <t>74-86-7A-FC-CE-A9</t>
  </si>
  <si>
    <t>VOTORANT-GB005</t>
  </si>
  <si>
    <t>diosquellysc</t>
  </si>
  <si>
    <t>\\acsfs\profiles$\diosquellysc\</t>
  </si>
  <si>
    <t>Memo.txt</t>
  </si>
  <si>
    <t>\\acsfs\profiles$\diosquellysc\Memo.txt</t>
  </si>
  <si>
    <t>1ee20d60-0dc1-4ab6-916e-6b35152b9f63.tmp</t>
  </si>
  <si>
    <t>\\acsfs\profiles$\ALYNYA\Downloads\1ee20d60-0dc1-4ab6-916e-6b35152b9f63.tmp</t>
  </si>
  <si>
    <t>\\acsfs\profiles$\ALYNYA\My Documents\</t>
  </si>
  <si>
    <t>.~lock.controle de vendas alyny.ods#</t>
  </si>
  <si>
    <t>\\acsfs\profiles$\ALYNYA\My Documents\.~lock.controle de vendas alyny.ods#</t>
  </si>
  <si>
    <t>00bd578c-236b-410d-9533-1f9045f58185.tmp</t>
  </si>
  <si>
    <t>\\acsfs\profiles$\ALYNYA\Downloads\00bd578c-236b-410d-9533-1f9045f58185.tmp</t>
  </si>
  <si>
    <t>f422e39c-878b-4efb-984d-13f79d6bf164.tmp</t>
  </si>
  <si>
    <t>\\acsfs\profiles$\vivianalds\Downloads\f422e39c-878b-4efb-984d-13f79d6bf164.tmp</t>
  </si>
  <si>
    <t>c10a82d0-9a7c-4987-80e1-46877e6f47e3.tmp</t>
  </si>
  <si>
    <t>\\acsfs\profiles$\websondsa\Downloads\c10a82d0-9a7c-4987-80e1-46877e6f47e3.tmp</t>
  </si>
  <si>
    <t>2455bd11-8709-4dcd-ac1c-1144c86a0e7e.tmp</t>
  </si>
  <si>
    <t>\\acsfs\profiles$\vivianalds\Downloads\2455bd11-8709-4dcd-ac1c-1144c86a0e7e.tmp</t>
  </si>
  <si>
    <t>d374a96a-ba46-42b3-b8ee-d9f4fb29eef4.tmp</t>
  </si>
  <si>
    <t>\\acsfs\profiles$\BRUNAAR\Downloads\d374a96a-ba46-42b3-b8ee-d9f4fb29eef4.tmp</t>
  </si>
  <si>
    <t>10.200.67.11</t>
  </si>
  <si>
    <t>74-86-7A-FC-CF-37</t>
  </si>
  <si>
    <t>VOTORANT-IB005</t>
  </si>
  <si>
    <t>veronicalsr</t>
  </si>
  <si>
    <t>\\acsfs\profiles$\veronicalsr\My Documents\</t>
  </si>
  <si>
    <t>Colinha.txt</t>
  </si>
  <si>
    <t>\\acsfs\profiles$\veronicalsr\My Documents\Colinha.txt</t>
  </si>
  <si>
    <t>12/31/2019 19:17:45</t>
  </si>
  <si>
    <t>CTIC - COORDENAÇÃO GOVERNANÇA DE TI</t>
  </si>
  <si>
    <t>10.200.57.30</t>
  </si>
  <si>
    <t>F8-16-54-BA-67-1F</t>
  </si>
  <si>
    <t>NB-DANILOMA</t>
  </si>
  <si>
    <t>daniloma</t>
  </si>
  <si>
    <t>C:\Users\daniloma\Desktop\</t>
  </si>
  <si>
    <t>vocabulario atualizado- 31-12-19.xlsx</t>
  </si>
  <si>
    <t>Cloud Storage (Google Drive)</t>
  </si>
  <si>
    <t>ancestorhasaugmen,ancestorhasaugmentedpermissions,containsunsubscribedchildren,displ,display,displaynam,displayname,domain,emailaddress,emailaddress�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eu_3hqm0iehc0jvc_qsut_k7anixligwg9dggj8v8vaic9_1e4xzzbnaj5ik0dhl84d6e7ecredhfot-wafhsowc7xzl7_ltbwqu5zcbo8o-kr_8dyv0mbpkrejitnaulg69g==&amp;maxresults=21000&amp;supportsteamdrives=true&amp;includeteamdriveitems=true&amp;corpora=default&amp;key=aizasyay9vvxhsps2ijpptzytgblp3-3_l0abk4 http/1.1 authorization: sapisidhash 1577830628_f91d87ac0ade8d20ba0ea7c0689633b7e61ce416_u x-goog-authuser: 1 --=====dtib2seje9m4=====-- ql��!o�,picture,quotabytesused,rpermissions,shar,shared,sharedwithmedate,thumbnailversion,thumbnailversion�,title,userpermission(role)</t>
  </si>
  <si>
    <t>Google Drive</t>
  </si>
  <si>
    <t>Consolidado Login Cartões.xlsx</t>
  </si>
  <si>
    <t>\\acsfs\DEPTOS\Operacao\PCP\5 - Comum\PLANEJAMENTO BV\14 - ACOMPANHAMENTO\1 - REPORT ACOMPANHAMENTO\2020\1 - JANEIRO\CARTÕES\Login Logout Cartões\Consolidado Login Cartões.xlsx</t>
  </si>
  <si>
    <t>RELATORIO DE LOGIN - BV CARTÕES 12-12.xlsm</t>
  </si>
  <si>
    <t>\\acsfs\DEPTOS\Operacao\PCP\5 - Comum\PLANEJAMENTO BV\14 - ACOMPANHAMENTO\1 - REPORT ACOMPANHAMENTO\2020\1 - JANEIRO\CARTÕES\Login Logout Cartões\RELATORIO DE LOGIN - BV CARTÕES 12-12.xlsm</t>
  </si>
  <si>
    <t>\\acsfs\DEPTOS\Operacao\PCP\5 - Comum\PLANEJAMENTO BV\14 - ACOMPANHAMENTO\1 - REPORT ACOMPANHAMENTO\2020\1 - JANEIRO\CARTÕES\Login Logout Cartões\RELATORIO DE LOGIN - BV CARTÕES 12-12.xlsm\</t>
  </si>
  <si>
    <t>\\acsfs\DEPTOS\Operacao\PCP\5 - Comum\PLANEJAMENTO BV\14 - ACOMPANHAMENTO\1 - REPORT ACOMPANHAMENTO\2020\1 - JANEIRO\CARTÕES\Login Logout Cartões\RELATORIO DE LOGIN - BV CARTÕES 12-12.xlsm\:Zone.Identifier:$DATA</t>
  </si>
  <si>
    <t>RELATORIO DE LOGIN - BV CARTÕES 16-12.xlsm</t>
  </si>
  <si>
    <t>\\acsfs\DEPTOS\Operacao\PCP\5 - Comum\PLANEJAMENTO BV\14 - ACOMPANHAMENTO\1 - REPORT ACOMPANHAMENTO\2020\1 - JANEIRO\CARTÕES\Login Logout Cartões\RELATORIO DE LOGIN - BV CARTÕES 16-12.xlsm</t>
  </si>
  <si>
    <t>RELATORIO DE LOGIN - BV CARTÕES 18-12.xlsm</t>
  </si>
  <si>
    <t>\\acsfs\DEPTOS\Operacao\PCP\5 - Comum\PLANEJAMENTO BV\14 - ACOMPANHAMENTO\1 - REPORT ACOMPANHAMENTO\2020\1 - JANEIRO\CARTÕES\Login Logout Cartões\RELATORIO DE LOGIN - BV CARTÕES 18-12.xlsm</t>
  </si>
  <si>
    <t>RELATORIO DE LOGIN - BV CARTÕES 22-12.xlsm</t>
  </si>
  <si>
    <t>\\acsfs\DEPTOS\Operacao\PCP\5 - Comum\PLANEJAMENTO BV\14 - ACOMPANHAMENTO\1 - REPORT ACOMPANHAMENTO\2020\1 - JANEIRO\CARTÕES\Login Logout Cartões\RELATORIO DE LOGIN - BV CARTÕES 22-12.xlsm</t>
  </si>
  <si>
    <t>RELATORIO DE LOGIN - BV CARTÕES 25-12.xlsm</t>
  </si>
  <si>
    <t>\\acsfs\DEPTOS\Operacao\PCP\5 - Comum\PLANEJAMENTO BV\14 - ACOMPANHAMENTO\1 - REPORT ACOMPANHAMENTO\2020\1 - JANEIRO\CARTÕES\Login Logout Cartões\RELATORIO DE LOGIN - BV CARTÕES 25-12.xlsm</t>
  </si>
  <si>
    <t>RELATORIO DE LOGIN - BV CARTÕES 26-12.xlsm</t>
  </si>
  <si>
    <t>\\acsfs\DEPTOS\Operacao\PCP\5 - Comum\PLANEJAMENTO BV\14 - ACOMPANHAMENTO\1 - REPORT ACOMPANHAMENTO\2020\1 - JANEIRO\CARTÕES\Login Logout Cartões\RELATORIO DE LOGIN - BV CARTÕES 26-12.xlsm</t>
  </si>
  <si>
    <t>RELATORIO DE LOGIN - BV CARTÕES 29-12.xlsm</t>
  </si>
  <si>
    <t>\\acsfs\DEPTOS\Operacao\PCP\5 - Comum\PLANEJAMENTO BV\14 - ACOMPANHAMENTO\1 - REPORT ACOMPANHAMENTO\2020\1 - JANEIRO\CARTÕES\Login Logout Cartões\RELATORIO DE LOGIN - BV CARTÕES 29-12.xlsm</t>
  </si>
  <si>
    <t>\\acsfs\DEPTOS\Operacao\PCP\5 - Comum\PLANEJAMENTO BV\14 - ACOMPANHAMENTO\1 - REPORT ACOMPANHAMENTO\2020\1 - JANEIRO\CARTÕES\Login Logout Cartões\RELATORIO DE LOGIN - BV CARTÕES 30-12.xlsm</t>
  </si>
  <si>
    <t>RELATORIO DE LOGIN - BV CARTÕES - 02 - 12.xlsm</t>
  </si>
  <si>
    <t>\\acsfs\DEPTOS\Operacao\PCP\5 - Comum\PLANEJAMENTO BV\14 - ACOMPANHAMENTO\1 - REPORT ACOMPANHAMENTO\2020\1 - JANEIRO\CARTÕES\Login Logout Cartões\RELATORIO DE LOGIN - BV CARTÕES - 02 - 12.xlsm</t>
  </si>
  <si>
    <t>\\acsfs\DEPTOS\Operacao\PCP\5 - Comum\PLANEJAMENTO BV\14 - ACOMPANHAMENTO\1 - REPORT ACOMPANHAMENTO\2020\1 - JANEIRO\CARTÕES\Login Logout Cartões\RELATORIO DE LOGIN - BV CARTÕES - 02 - 12.xlsm\</t>
  </si>
  <si>
    <t>\\acsfs\DEPTOS\Operacao\PCP\5 - Comum\PLANEJAMENTO BV\14 - ACOMPANHAMENTO\1 - REPORT ACOMPANHAMENTO\2020\1 - JANEIRO\CARTÕES\Login Logout Cartões\RELATORIO DE LOGIN - BV CARTÕES - 02 - 12.xlsm\:Zone.Identifier:$DATA</t>
  </si>
  <si>
    <t>RELATORIO DE LOGIN - BV CARTÕES - 03 - 12.xlsm</t>
  </si>
  <si>
    <t>\\acsfs\DEPTOS\Operacao\PCP\5 - Comum\PLANEJAMENTO BV\14 - ACOMPANHAMENTO\1 - REPORT ACOMPANHAMENTO\2020\1 - JANEIRO\CARTÕES\Login Logout Cartões\RELATORIO DE LOGIN - BV CARTÕES - 03 - 12.xlsm</t>
  </si>
  <si>
    <t>\\acsfs\DEPTOS\Operacao\PCP\5 - Comum\PLANEJAMENTO BV\14 - ACOMPANHAMENTO\1 - REPORT ACOMPANHAMENTO\2020\1 - JANEIRO\CARTÕES\Login Logout Cartões\RELATORIO DE LOGIN - BV CARTÕES - 03 - 12.xlsm\</t>
  </si>
  <si>
    <t>\\acsfs\DEPTOS\Operacao\PCP\5 - Comum\PLANEJAMENTO BV\14 - ACOMPANHAMENTO\1 - REPORT ACOMPANHAMENTO\2020\1 - JANEIRO\CARTÕES\Login Logout Cartões\RELATORIO DE LOGIN - BV CARTÕES - 03 - 12.xlsm\:Zone.Identifier:$DATA</t>
  </si>
  <si>
    <t>RELATORIO DE LOGIN - BV CARTÕES - 04 - 12.xlsm</t>
  </si>
  <si>
    <t>\\acsfs\DEPTOS\Operacao\PCP\5 - Comum\PLANEJAMENTO BV\14 - ACOMPANHAMENTO\1 - REPORT ACOMPANHAMENTO\2020\1 - JANEIRO\CARTÕES\Login Logout Cartões\RELATORIO DE LOGIN - BV CARTÕES - 04 - 12.xlsm</t>
  </si>
  <si>
    <t>\\acsfs\DEPTOS\Operacao\PCP\5 - Comum\PLANEJAMENTO BV\14 - ACOMPANHAMENTO\1 - REPORT ACOMPANHAMENTO\2020\1 - JANEIRO\CARTÕES\Login Logout Cartões\RELATORIO DE LOGIN - BV CARTÕES - 04 - 12.xlsm\</t>
  </si>
  <si>
    <t>\\acsfs\DEPTOS\Operacao\PCP\5 - Comum\PLANEJAMENTO BV\14 - ACOMPANHAMENTO\1 - REPORT ACOMPANHAMENTO\2020\1 - JANEIRO\CARTÕES\Login Logout Cartões\RELATORIO DE LOGIN - BV CARTÕES - 04 - 12.xlsm\:Zone.Identifier:$DATA</t>
  </si>
  <si>
    <t>RELATORIO DE LOGIN - BV CARTÕES - 05 - 12.xlsm</t>
  </si>
  <si>
    <t>\\acsfs\DEPTOS\Operacao\PCP\5 - Comum\PLANEJAMENTO BV\14 - ACOMPANHAMENTO\1 - REPORT ACOMPANHAMENTO\2020\1 - JANEIRO\CARTÕES\Login Logout Cartões\RELATORIO DE LOGIN - BV CARTÕES - 05 - 12.xlsm</t>
  </si>
  <si>
    <t>\\acsfs\DEPTOS\Operacao\PCP\5 - Comum\PLANEJAMENTO BV\14 - ACOMPANHAMENTO\1 - REPORT ACOMPANHAMENTO\2020\1 - JANEIRO\CARTÕES\Login Logout Cartões\RELATORIO DE LOGIN - BV CARTÕES - 05 - 12.xlsm\</t>
  </si>
  <si>
    <t>\\acsfs\DEPTOS\Operacao\PCP\5 - Comum\PLANEJAMENTO BV\14 - ACOMPANHAMENTO\1 - REPORT ACOMPANHAMENTO\2020\1 - JANEIRO\CARTÕES\Login Logout Cartões\RELATORIO DE LOGIN - BV CARTÕES - 05 - 12.xlsm\:Zone.Identifier:$DATA</t>
  </si>
  <si>
    <t>RELATORIO DE LOGIN - BV CARTÕES - 06 - 12.xlsm</t>
  </si>
  <si>
    <t>\\acsfs\DEPTOS\Operacao\PCP\5 - Comum\PLANEJAMENTO BV\14 - ACOMPANHAMENTO\1 - REPORT ACOMPANHAMENTO\2020\1 - JANEIRO\CARTÕES\Login Logout Cartões\RELATORIO DE LOGIN - BV CARTÕES - 06 - 12.xlsm</t>
  </si>
  <si>
    <t>\\acsfs\DEPTOS\Operacao\PCP\5 - Comum\PLANEJAMENTO BV\14 - ACOMPANHAMENTO\1 - REPORT ACOMPANHAMENTO\2020\1 - JANEIRO\CARTÕES\Login Logout Cartões\RELATORIO DE LOGIN - BV CARTÕES - 06 - 12.xlsm\</t>
  </si>
  <si>
    <t>\\acsfs\DEPTOS\Operacao\PCP\5 - Comum\PLANEJAMENTO BV\14 - ACOMPANHAMENTO\1 - REPORT ACOMPANHAMENTO\2020\1 - JANEIRO\CARTÕES\Login Logout Cartões\RELATORIO DE LOGIN - BV CARTÕES - 06 - 12.xlsm\:Zone.Identifier:$DATA</t>
  </si>
  <si>
    <t>RELATORIO DE LOGIN - BV CARTÕES - 09- 12.xlsm</t>
  </si>
  <si>
    <t>\\acsfs\DEPTOS\Operacao\PCP\5 - Comum\PLANEJAMENTO BV\14 - ACOMPANHAMENTO\1 - REPORT ACOMPANHAMENTO\2020\1 - JANEIRO\CARTÕES\Login Logout Cartões\RELATORIO DE LOGIN - BV CARTÕES - 09- 12.xlsm</t>
  </si>
  <si>
    <t>\\acsfs\DEPTOS\Operacao\PCP\5 - Comum\PLANEJAMENTO BV\14 - ACOMPANHAMENTO\1 - REPORT ACOMPANHAMENTO\2020\1 - JANEIRO\CARTÕES\Login Logout Cartões\RELATORIO DE LOGIN - BV CARTÕES - 09- 12.xlsm\</t>
  </si>
  <si>
    <t>\\acsfs\DEPTOS\Operacao\PCP\5 - Comum\PLANEJAMENTO BV\14 - ACOMPANHAMENTO\1 - REPORT ACOMPANHAMENTO\2020\1 - JANEIRO\CARTÕES\Login Logout Cartões\RELATORIO DE LOGIN - BV CARTÕES - 09- 12.xlsm\:Zone.Identifier:$DATA</t>
  </si>
  <si>
    <t>RELATORIO DE LOGIN - BV CARTÕES - 10 - 12.xlsm</t>
  </si>
  <si>
    <t>\\acsfs\DEPTOS\Operacao\PCP\5 - Comum\PLANEJAMENTO BV\14 - ACOMPANHAMENTO\1 - REPORT ACOMPANHAMENTO\2020\1 - JANEIRO\CARTÕES\Login Logout Cartões\RELATORIO DE LOGIN - BV CARTÕES - 10 - 12.xlsm</t>
  </si>
  <si>
    <t>\\acsfs\DEPTOS\Operacao\PCP\5 - Comum\PLANEJAMENTO BV\14 - ACOMPANHAMENTO\1 - REPORT ACOMPANHAMENTO\2020\1 - JANEIRO\CARTÕES\Login Logout Cartões\RELATORIO DE LOGIN - BV CARTÕES - 10 - 12.xlsm\</t>
  </si>
  <si>
    <t>\\acsfs\DEPTOS\Operacao\PCP\5 - Comum\PLANEJAMENTO BV\14 - ACOMPANHAMENTO\1 - REPORT ACOMPANHAMENTO\2020\1 - JANEIRO\CARTÕES\Login Logout Cartões\RELATORIO DE LOGIN - BV CARTÕES - 10 - 12.xlsm\:Zone.Identifier:$DATA</t>
  </si>
  <si>
    <t>RELATORIO DE LOGIN - BV CARTÕES - 11 - 12.xlsm</t>
  </si>
  <si>
    <t>\\acsfs\DEPTOS\Operacao\PCP\5 - Comum\PLANEJAMENTO BV\14 - ACOMPANHAMENTO\1 - REPORT ACOMPANHAMENTO\2020\1 - JANEIRO\CARTÕES\Login Logout Cartões\RELATORIO DE LOGIN - BV CARTÕES - 11 - 12.xlsm</t>
  </si>
  <si>
    <t>\\acsfs\DEPTOS\Operacao\PCP\5 - Comum\PLANEJAMENTO BV\14 - ACOMPANHAMENTO\1 - REPORT ACOMPANHAMENTO\2020\1 - JANEIRO\CARTÕES\Login Logout Cartões\RELATORIO DE LOGIN - BV CARTÕES - 11 - 12.xlsm\</t>
  </si>
  <si>
    <t>\\acsfs\DEPTOS\Operacao\PCP\5 - Comum\PLANEJAMENTO BV\14 - ACOMPANHAMENTO\1 - REPORT ACOMPANHAMENTO\2020\1 - JANEIRO\CARTÕES\Login Logout Cartões\RELATORIO DE LOGIN - BV CARTÕES - 11 - 12.xlsm\:Zone.Identifier:$DATA</t>
  </si>
  <si>
    <t>\\acsfs\DEPTOS\Operacao\PCP\5 - Comum\PLANEJAMENTO BV\14 - ACOMPANHAMENTO\1 - REPORT ACOMPANHAMENTO\2020\1 - JANEIRO\CARTÕES\Pausas CARTÕES\Pausas.xlsx</t>
  </si>
  <si>
    <t>\\acsfs\DEPTOS\Operacao\PCP\5 - Comum\PLANEJAMENTO BV\14 - ACOMPANHAMENTO\1 - REPORT ACOMPANHAMENTO\2020\1 - JANEIRO\CARTÕES\SHORTCALLS\Shortcalls.xlsx</t>
  </si>
  <si>
    <t>Acompanhamento improdutividade BV Cartões.xlsx</t>
  </si>
  <si>
    <t>\\acsfs\DEPTOS\Operacao\PCP\5 - Comum\PLANEJAMENTO BV\14 - ACOMPANHAMENTO\1 - REPORT ACOMPANHAMENTO\2020\1 - JANEIRO\CARTÕES\Acompanhamento improdutividade BV Cartões.xlsx</t>
  </si>
  <si>
    <t>INTRA BV CARTÕES.xlsm</t>
  </si>
  <si>
    <t>\\acsfs\DEPTOS\Operacao\PCP\5 - Comum\PLANEJAMENTO BV\14 - ACOMPANHAMENTO\1 - REPORT ACOMPANHAMENTO\2020\1 - JANEIRO\CARTÕES\INTRA BV CARTÕES.xlsm</t>
  </si>
  <si>
    <t>NR 17.xlsx</t>
  </si>
  <si>
    <t>\\acsfs\DEPTOS\Operacao\PCP\5 - Comum\PLANEJAMENTO BV\14 - ACOMPANHAMENTO\1 - REPORT ACOMPANHAMENTO\2020\1 - JANEIRO\CARTÕES\NR 17.xlsx</t>
  </si>
  <si>
    <t>Range.xlsx</t>
  </si>
  <si>
    <t>\\acsfs\DEPTOS\Operacao\PCP\5 - Comum\PLANEJAMENTO BV\14 - ACOMPANHAMENTO\1 - REPORT ACOMPANHAMENTO\2020\1 - JANEIRO\CARTÕES\Range.xlsx</t>
  </si>
  <si>
    <t>RELATORIO DE LOGIN - BV CARTÕES.xlsm</t>
  </si>
  <si>
    <t>\\acsfs\DEPTOS\Operacao\PCP\5 - Comum\PLANEJAMENTO BV\14 - ACOMPANHAMENTO\1 - REPORT ACOMPANHAMENTO\2020\1 - JANEIRO\CARTÕES\RELATORIO DE LOGIN - BV CARTÕES.xlsm</t>
  </si>
  <si>
    <t>\\acsfs\DEPTOS\Operacao\PCP\5 - Comum\PLANEJAMENTO BV\14 - ACOMPANHAMENTO\1 - REPORT ACOMPANHAMENTO\2020\1 - JANEIRO\CARTÕES\RELATORIO DE LOGIN - BV CARTÕES.xlsm\</t>
  </si>
  <si>
    <t>\\acsfs\DEPTOS\Operacao\PCP\5 - Comum\PLANEJAMENTO BV\14 - ACOMPANHAMENTO\1 - REPORT ACOMPANHAMENTO\2020\1 - JANEIRO\CARTÕES\RELATORIO DE LOGIN - BV CARTÕES.xlsm\:Zone.Identifier:$DATA</t>
  </si>
  <si>
    <t>a2994b57-35e7-4d0f-827a-1beb3ff9e7d2.tmp</t>
  </si>
  <si>
    <t>\\acsfs\profiles$\claudiajca\Downloads\a2994b57-35e7-4d0f-827a-1beb3ff9e7d2.tmp</t>
  </si>
  <si>
    <t>e626dab2-ef87-411a-8f50-565b2378887b.tmp</t>
  </si>
  <si>
    <t>\\acsfs\profiles$\anafsb\Downloads\e626dab2-ef87-411a-8f50-565b2378887b.tmp</t>
  </si>
  <si>
    <t>ca7e3a1e-914b-4135-a7b3-5e28d640b3d3.tmp</t>
  </si>
  <si>
    <t>\\acsfs\profiles$\anafsb\Downloads\ca7e3a1e-914b-4135-a7b3-5e28d640b3d3.tmp</t>
  </si>
  <si>
    <t>5694a935-d38e-4337-bab8-75b666d3d6c1.tmp</t>
  </si>
  <si>
    <t>\\acsfs\profiles$\anafsb\Downloads\5694a935-d38e-4337-bab8-75b666d3d6c1.tmp</t>
  </si>
  <si>
    <t>54cff82f-62ba-4d4b-aa93-2e23275ad637.tmp</t>
  </si>
  <si>
    <t>\\acsfs\profiles$\luanarda\Downloads\54cff82f-62ba-4d4b-aa93-2e23275ad637.tmp</t>
  </si>
  <si>
    <t>f50de7b1-e43f-40de-84e5-d18325ead9af.tmp</t>
  </si>
  <si>
    <t>\\acsfs\profiles$\claudiajca\Downloads\f50de7b1-e43f-40de-84e5-d18325ead9af.tmp</t>
  </si>
  <si>
    <t>068cb1cc-1dde-496a-a6fb-3b9da70db19b.tmp</t>
  </si>
  <si>
    <t>\\acsfs\profiles$\mariajra\Downloads\068cb1cc-1dde-496a-a6fb-3b9da70db19b.tmp</t>
  </si>
  <si>
    <t>d836b590-ecbb-433f-9e21-40ca0ee21a0b.tmp</t>
  </si>
  <si>
    <t>\\acsfs\profiles$\ROZENCAM\Downloads\d836b590-ecbb-433f-9e21-40ca0ee21a0b.tmp</t>
  </si>
  <si>
    <t>e52dea51-3b62-48dc-8d2e-5f6730695bf9.tmp</t>
  </si>
  <si>
    <t>\\acsfs\profiles$\felipetds\Downloads\e52dea51-3b62-48dc-8d2e-5f6730695bf9.tmp</t>
  </si>
  <si>
    <t>7aa74d2e-a010-4534-85c7-e6fc48ac3957.tmp</t>
  </si>
  <si>
    <t>\\acsfs\profiles$\felipetds\Downloads\7aa74d2e-a010-4534-85c7-e6fc48ac3957.tmp</t>
  </si>
  <si>
    <t>4861a628-6382-488d-a44d-b3bc877e7e9e.tmp</t>
  </si>
  <si>
    <t>\\acsfs\profiles$\marcellewdl\Downloads\4861a628-6382-488d-a44d-b3bc877e7e9e.tmp</t>
  </si>
  <si>
    <t>3f160569-8614-4c08-8963-334a102bd80a.tmp</t>
  </si>
  <si>
    <t>\\acsfs\profiles$\YASMINSC\Downloads\3f160569-8614-4c08-8963-334a102bd80a.tmp</t>
  </si>
  <si>
    <t>c711d3fa-f61e-4f64-b2ee-d1dba6bff7d7.tmp</t>
  </si>
  <si>
    <t>\\acsfs\profiles$\anafsb\Downloads\c711d3fa-f61e-4f64-b2ee-d1dba6bff7d7.tmp</t>
  </si>
  <si>
    <t>4a7c2cb4-ca0b-438f-b217-72b402390d4a.tmp</t>
  </si>
  <si>
    <t>\\acsfs\profiles$\anafsb\Downloads\4a7c2cb4-ca0b-438f-b217-72b402390d4a.tmp</t>
  </si>
  <si>
    <t>4612d0c2-1968-4371-8182-dafaffd666bc.tmp</t>
  </si>
  <si>
    <t>\\acsfs\profiles$\anafsb\Downloads\4612d0c2-1968-4371-8182-dafaffd666bc.tmp</t>
  </si>
  <si>
    <t>10.200.66.43</t>
  </si>
  <si>
    <t>luanaagl</t>
  </si>
  <si>
    <t>\\acsfs\profiles$\luanaagl\Downloads\</t>
  </si>
  <si>
    <t>808e1669-4d0f-4743-a5c5-58a19a225e3e.tmp</t>
  </si>
  <si>
    <t>\\acsfs\profiles$\luanaagl\Downloads\808e1669-4d0f-4743-a5c5-58a19a225e3e.tmp</t>
  </si>
  <si>
    <t>1fdae35c-919f-4525-9f1d-73c0782c5bd5.tmp</t>
  </si>
  <si>
    <t>\\acsfs\profiles$\luanaagl\Downloads\1fdae35c-919f-4525-9f1d-73c0782c5bd5.tmp</t>
  </si>
  <si>
    <t>25b7fc7b-f7f9-4f07-a599-786b932c8371.tmp</t>
  </si>
  <si>
    <t>\\acsfs\profiles$\luanaagl\Downloads\25b7fc7b-f7f9-4f07-a599-786b932c8371.tmp</t>
  </si>
  <si>
    <t>fe537e45-1db2-41ef-adf7-16de2481081f.tmp</t>
  </si>
  <si>
    <t>\\acsfs\profiles$\luanaagl\Downloads\fe537e45-1db2-41ef-adf7-16de2481081f.tmp</t>
  </si>
  <si>
    <t>176312e2-062b-4088-9361-488a16ecd43a.tmp</t>
  </si>
  <si>
    <t>\\acsfs\profiles$\luanaagl\Downloads\176312e2-062b-4088-9361-488a16ecd43a.tmp</t>
  </si>
  <si>
    <t>172da73c-9d72-4419-954f-7997c75dc9a7.tmp</t>
  </si>
  <si>
    <t>\\acsfs\profiles$\luanarda\Downloads\172da73c-9d72-4419-954f-7997c75dc9a7.tmp</t>
  </si>
  <si>
    <t>paulotdsf</t>
  </si>
  <si>
    <t>\\acsfs\ACS\</t>
  </si>
  <si>
    <t>Q29udHJvbGxlci5FeHBsb3Jlcl8x.ica.crdownload</t>
  </si>
  <si>
    <t>\\acsfs\ACS\Q29udHJvbGxlci5FeHBsb3Jlcl8x.ica.crdownload</t>
  </si>
  <si>
    <t>Q29udHJvbGxlci5FeHBsb3Jlcl8x.ica:Zone.Identifier</t>
  </si>
  <si>
    <t>\\acsfs\ACS\Q29udHJvbGxlci5FeHBsb3Jlcl8x.ica:Zone.Identifier</t>
  </si>
  <si>
    <t>Q29udHJvbGxlci5TQUNBLVNBQw-- (1).ica.crdownload</t>
  </si>
  <si>
    <t>\\acsfs\ACS\Q29udHJvbGxlci5TQUNBLVNBQw-- (1).ica.crdownload</t>
  </si>
  <si>
    <t>Q29udHJvbGxlci5TQUNBLVNBQw-- (1).ica:Zone.Identifier</t>
  </si>
  <si>
    <t>\\acsfs\ACS\Q29udHJvbGxlci5TQUNBLVNBQw-- (1).ica:Zone.Identifier</t>
  </si>
  <si>
    <t>10.200.66.156</t>
  </si>
  <si>
    <t>henriquehmdo</t>
  </si>
  <si>
    <t>\\acsfs\profiles$\henriquehmdo\Downloads\</t>
  </si>
  <si>
    <t>b3321280-eb7c-4d48-80b5-e42a8ab8a320.tmp</t>
  </si>
  <si>
    <t>\\acsfs\profiles$\henriquehmdo\Downloads\b3321280-eb7c-4d48-80b5-e42a8ab8a320.tmp</t>
  </si>
  <si>
    <t>d8e6ac89-88ea-4d25-9367-ce1aee9a7088.tmp</t>
  </si>
  <si>
    <t>\\acsfs\profiles$\henriquehmdo\Downloads\d8e6ac89-88ea-4d25-9367-ce1aee9a7088.tmp</t>
  </si>
  <si>
    <t>62f0d8b8-6a59-4ffc-a091-7149a996aaad.tmp</t>
  </si>
  <si>
    <t>\\acsfs\profiles$\mariajra\Downloads\62f0d8b8-6a59-4ffc-a091-7149a996aaad.tmp</t>
  </si>
  <si>
    <t>192b00c8-926f-4b0a-b897-5fc92526426b.tmp</t>
  </si>
  <si>
    <t>\\acsfs\profiles$\mariajra\Downloads\192b00c8-926f-4b0a-b897-5fc92526426b.tmp</t>
  </si>
  <si>
    <t>a75c4fcc-66bf-4486-83c9-e6be5100cbb0.tmp</t>
  </si>
  <si>
    <t>\\acsfs\profiles$\mariajra\Downloads\a75c4fcc-66bf-4486-83c9-e6be5100cbb0.tmp</t>
  </si>
  <si>
    <t>eeac13b4-8e9b-4dd4-ae8d-1188c0aad9e6.tmp</t>
  </si>
  <si>
    <t>\\acsfs\profiles$\ERICALSR\Downloads\eeac13b4-8e9b-4dd4-ae8d-1188c0aad9e6.tmp</t>
  </si>
  <si>
    <t>117f2781-909c-4371-a52b-bf7e350a02b4.tmp</t>
  </si>
  <si>
    <t>\\acsfs\profiles$\ERICALSR\Downloads\117f2781-909c-4371-a52b-bf7e350a02b4.tmp</t>
  </si>
  <si>
    <t>b34c21a1-de26-42b9-96c1-f10b8d294b36.tmp</t>
  </si>
  <si>
    <t>\\acsfs\profiles$\gabrielarb\Downloads\b34c21a1-de26-42b9-96c1-f10b8d294b36.tmp</t>
  </si>
  <si>
    <t>b0348214-8770-49c3-896f-3c3a8480f2ec.tmp</t>
  </si>
  <si>
    <t>\\acsfs\profiles$\gabrielarb\Downloads\b0348214-8770-49c3-896f-3c3a8480f2ec.tmp</t>
  </si>
  <si>
    <t>9e672c02-5020-41ba-9870-07a32c2e8a91.tmp</t>
  </si>
  <si>
    <t>\\acsfs\profiles$\gabrielarb\Downloads\9e672c02-5020-41ba-9870-07a32c2e8a91.tmp</t>
  </si>
  <si>
    <t>1430c092-6f43-4cd3-822d-2c25723abf7f.tmp</t>
  </si>
  <si>
    <t>\\acsfs\profiles$\gabrielarb\Downloads\1430c092-6f43-4cd3-822d-2c25723abf7f.tmp</t>
  </si>
  <si>
    <t>a6c95e19-363e-4dcc-b704-473439b09c94.tmp</t>
  </si>
  <si>
    <t>\\acsfs\profiles$\marcellewdl\Downloads\a6c95e19-363e-4dcc-b704-473439b09c94.tmp</t>
  </si>
  <si>
    <t>f158eedf-b719-477f-a91d-7eb1d8b7cfbb.tmp</t>
  </si>
  <si>
    <t>\\acsfs\profiles$\YASMINSC\Downloads\f158eedf-b719-477f-a91d-7eb1d8b7cfbb.tmp</t>
  </si>
  <si>
    <t>paulovadc</t>
  </si>
  <si>
    <t>\\acsfs\profiles$\paulovadc\Downloads\</t>
  </si>
  <si>
    <t>76ff62d7-d58d-4a06-9385-be8c7fb58fb2.tmp</t>
  </si>
  <si>
    <t>\\acsfs\profiles$\paulovadc\Downloads\76ff62d7-d58d-4a06-9385-be8c7fb58fb2.tmp</t>
  </si>
  <si>
    <t>\\acsfs\profiles$\luanarda\</t>
  </si>
  <si>
    <t>.~lock.VENDAS 12-2019.ods#</t>
  </si>
  <si>
    <t>\\acsfs\profiles$\luanarda\.~lock.VENDAS 12-2019.ods#</t>
  </si>
  <si>
    <t>10.200.66.17</t>
  </si>
  <si>
    <t>ulog_AcroARM2_Reader_22bb18ef-a0cc-4985-b2f1-d8449a05e1d0_0ff4403e-1377-4472-9575-02e96c857399_0.log</t>
  </si>
  <si>
    <t>C:\Users\Jordanarb\AppData\Roaming\Adobe\LogTransport2\Logs\ulog_AcroARM2_Reader_22bb18ef-a0cc-4985-b2f1-d8449a05e1d0_0ff4403e-1377-4472-9575-02e96c857399_0.log\</t>
  </si>
  <si>
    <t>9f8d3353-b927-4fac-9fa3-748d8de2e098.tmp</t>
  </si>
  <si>
    <t>\\acsfs\profiles$\wenderbnm\Downloads\9f8d3353-b927-4fac-9fa3-748d8de2e098.tmp</t>
  </si>
  <si>
    <t>589e650b-89a1-4278-9177-8fbbb51b531d.tmp</t>
  </si>
  <si>
    <t>\\acsfs\profiles$\wenderbnm\Downloads\589e650b-89a1-4278-9177-8fbbb51b531d.tmp</t>
  </si>
  <si>
    <t>Vendas - Copia.ods</t>
  </si>
  <si>
    <t>\\acsfs\profiles$\VIVIANALDS\My Documents\Vendas - Copia.ods</t>
  </si>
  <si>
    <t>\\acsfs\profiles$\VIVIANALDS\My Documents\Vendas - Copia.ods\</t>
  </si>
  <si>
    <t>\\acsfs\profiles$\VIVIANALDS\My Documents\Vendas - Copia.ods\META-INF\</t>
  </si>
  <si>
    <t>\\acsfs\profiles$\VIVIANALDS\My Documents\Vendas - Copia.ods\Thumbnails\</t>
  </si>
  <si>
    <t>.~lock.Vendas - Janeiro.ods#</t>
  </si>
  <si>
    <t>\\acsfs\profiles$\VIVIANALDS\My Documents\.~lock.Vendas - Janeiro.ods#</t>
  </si>
  <si>
    <t>31fd69f4-a8cb-425c-8b7c-890a20bb8446.tmp</t>
  </si>
  <si>
    <t>\\acsfs\profiles$\milenaas\Downloads\31fd69f4-a8cb-425c-8b7c-890a20bb8446.tmp</t>
  </si>
  <si>
    <t>649e8c00-d133-477d-84bf-0660970e3ee2.tmp</t>
  </si>
  <si>
    <t>\\acsfs\profiles$\jonatanls\Downloads\649e8c00-d133-477d-84bf-0660970e3ee2.tmp</t>
  </si>
  <si>
    <t>421a50e1-ded5-4d4f-a873-68b635ef5d4f.tmp</t>
  </si>
  <si>
    <t>\\acsfs\profiles$\paulovadc\Downloads\421a50e1-ded5-4d4f-a873-68b635ef5d4f.tmp</t>
  </si>
  <si>
    <t>Q29udHJvbGxlci5JRS1Qb3J0YWw-.ica.crdownload</t>
  </si>
  <si>
    <t>\\acsfs\ACS\Q29udHJvbGxlci5JRS1Qb3J0YWw-.ica.crdownload</t>
  </si>
  <si>
    <t>Q29udHJvbGxlci5JRS1Qb3J0YWw-.ica:Zone.Identifier</t>
  </si>
  <si>
    <t>\\acsfs\ACS\Q29udHJvbGxlci5JRS1Qb3J0YWw-.ica:Zone.Identifier</t>
  </si>
  <si>
    <t>30752cff-7e02-4e45-af6e-fe823f5dac78.tmp</t>
  </si>
  <si>
    <t>\\acsfs\profiles$\LUCASNS\Downloads\30752cff-7e02-4e45-af6e-fe823f5dac78.tmp</t>
  </si>
  <si>
    <t>cb42e15f-432a-4813-90f8-9422feb3c1d8.tmp</t>
  </si>
  <si>
    <t>\\acsfs\profiles$\LUCASNS\Downloads\cb42e15f-432a-4813-90f8-9422feb3c1d8.tmp</t>
  </si>
  <si>
    <t>lorraynevam</t>
  </si>
  <si>
    <t>\\acsfs\profiles$\lorraynevam\Downloads\</t>
  </si>
  <si>
    <t>4349fd32-2477-4710-848c-6978c67eda51.tmp</t>
  </si>
  <si>
    <t>\\acsfs\profiles$\lorraynevam\Downloads\4349fd32-2477-4710-848c-6978c67eda51.tmp</t>
  </si>
  <si>
    <t>10.200.67.137</t>
  </si>
  <si>
    <t>10.200.66.145</t>
  </si>
  <si>
    <t>74-86-7A-FB-18-6A</t>
  </si>
  <si>
    <t>VOTORANT-ABB011</t>
  </si>
  <si>
    <t>adrielecds</t>
  </si>
  <si>
    <t>C:\Users\adrielecds\AppData\Roaming\Adobe\LogTransport2\Logs\</t>
  </si>
  <si>
    <t>ulog_HeadlightsOptinProductFamily_HeadlightsOptinProduct_00000000-0000-0000-0000-000000000000_8c1369c6-fdee-404d-850a-e10366dc7492.log</t>
  </si>
  <si>
    <t>C:\Users\adrielecds\AppData\Roaming\Adobe\LogTransport2\Logs\ulog_HeadlightsOptinProductFamily_HeadlightsOptinProduct_00000000-0000-0000-0000-000000000000_8c1369c6-fdee-404d-850a-e10366dc7492.log\</t>
  </si>
  <si>
    <t>e6df6818-3b7a-4735-a149-58fa7aa3a059.tmp</t>
  </si>
  <si>
    <t>\\acsfs\profiles$\ERICALSR\Downloads\e6df6818-3b7a-4735-a149-58fa7aa3a059.tmp</t>
  </si>
  <si>
    <t>lu1408419812.tmp</t>
  </si>
  <si>
    <t>\\acsfs\profiles$\VIVIANALDS\My Documents\lu1408419812.tmp</t>
  </si>
  <si>
    <t>\\acsfs\profiles$\VIVIANALDS\My Documents\lu1408419812.tmp\</t>
  </si>
  <si>
    <t>\\acsfs\profiles$\VIVIANALDS\My Documents\lu1408419812.tmp\META-INF\</t>
  </si>
  <si>
    <t>\\acsfs\profiles$\VIVIANALDS\My Documents\lu1408419812.tmp\Thumbnails\</t>
  </si>
  <si>
    <t>08de6f56-83a1-4fb1-a6ad-5deb7e9b42c6.tmp</t>
  </si>
  <si>
    <t>\\acsfs\profiles$\milenaas\Downloads\08de6f56-83a1-4fb1-a6ad-5deb7e9b42c6.tmp</t>
  </si>
  <si>
    <t>413f537f-b214-4163-8eca-6ad1685b4f7a.tmp</t>
  </si>
  <si>
    <t>\\acsfs\profiles$\milenaas\Downloads\413f537f-b214-4163-8eca-6ad1685b4f7a.tmp</t>
  </si>
  <si>
    <t>7e32048f-4552-4460-99d9-12ca186fc337.tmp</t>
  </si>
  <si>
    <t>\\acsfs\profiles$\milenaas\Downloads\7e32048f-4552-4460-99d9-12ca186fc337.tmp</t>
  </si>
  <si>
    <t>80fa9ed0-1adb-4168-8511-16c48e82d4df.tmp</t>
  </si>
  <si>
    <t>\\acsfs\profiles$\cintiadcf\Downloads\80fa9ed0-1adb-4168-8511-16c48e82d4df.tmp</t>
  </si>
  <si>
    <t>8ec155e4-8569-4672-b613-8e08573400df.tmp</t>
  </si>
  <si>
    <t>\\acsfs\profiles$\deborahsi\Downloads\8ec155e4-8569-4672-b613-8e08573400df.tmp</t>
  </si>
  <si>
    <t>a77f28c7-9011-401a-9498-427622dd1b21.tmp</t>
  </si>
  <si>
    <t>\\acsfs\profiles$\lorraynevam\Downloads\a77f28c7-9011-401a-9498-427622dd1b21.tmp</t>
  </si>
  <si>
    <t>\\acsfs\profiles$\LORRAYNEVAM\</t>
  </si>
  <si>
    <t>.~lock.CONTROLE DE VENDAS NOVO.ods#</t>
  </si>
  <si>
    <t>\\acsfs\profiles$\LORRAYNEVAM\.~lock.CONTROLE DE VENDAS NOVO.ods#</t>
  </si>
  <si>
    <t>930aafff-771d-43a8-8643-6fc0e7cf1efc.tmp</t>
  </si>
  <si>
    <t>\\acsfs\profiles$\THYAGOSP\Downloads\930aafff-771d-43a8-8643-6fc0e7cf1efc.tmp</t>
  </si>
  <si>
    <t>f01df79f-a2ac-4f96-b692-9cfb25928484.tmp</t>
  </si>
  <si>
    <t>\\acsfs\profiles$\THYAGOSP\Downloads\f01df79f-a2ac-4f96-b692-9cfb25928484.tmp</t>
  </si>
  <si>
    <t>\\acsfs\profiles$\THYAGOSP\My Documents\</t>
  </si>
  <si>
    <t>.~lock.Planilha 2019 CR.ods#</t>
  </si>
  <si>
    <t>\\acsfs\profiles$\THYAGOSP\My Documents\.~lock.Planilha 2019 CR.ods#</t>
  </si>
  <si>
    <t>mail.google.com/sync/u/0/i/s?hl=pt-BR&amp;c=15</t>
  </si>
  <si>
    <t>mail.google.com/sync/u/0/i/s?hl=pt-BR&amp;c=21</t>
  </si>
  <si>
    <t>\\acsfs\profiles$\CINTIADCF\</t>
  </si>
  <si>
    <t>.~lock.RETENCAO SEGUROS CINTIA.ods#</t>
  </si>
  <si>
    <t>\\acsfs\profiles$\CINTIADCF\.~lock.RETENCAO SEGUROS CINTIA.ods#</t>
  </si>
  <si>
    <t>ec32de9e-0f3d-41d0-b809-63821101ea91.tmp</t>
  </si>
  <si>
    <t>\\acsfs\profiles$\deborahsi\Downloads\ec32de9e-0f3d-41d0-b809-63821101ea91.tmp</t>
  </si>
  <si>
    <t>http://qlikview.algartecnologia.com.br/qvajaxzfc/accesspoint.aspx?mark=&amp;platform=browser.&amp;dpi=96</t>
  </si>
  <si>
    <t>HTTP</t>
  </si>
  <si>
    <t>f531c873-fa1d-4dc3-bdae-6d8ff89fcd80.tmp</t>
  </si>
  <si>
    <t>\\acsfs\profiles$\nayarasds\Downloads\f531c873-fa1d-4dc3-bdae-6d8ff89fcd80.tmp</t>
  </si>
  <si>
    <t>3df62921-d00b-4a81-9c82-d2ef755dd50f.tmp</t>
  </si>
  <si>
    <t>\\acsfs\profiles$\nayarasds\Downloads\3df62921-d00b-4a81-9c82-d2ef755dd50f.tmp</t>
  </si>
  <si>
    <t>0920dfb5-ad98-4a43-9246-e4cb5dfbc603.tmp</t>
  </si>
  <si>
    <t>\\acsfs\profiles$\nayarasds\Downloads\0920dfb5-ad98-4a43-9246-e4cb5dfbc603.tmp</t>
  </si>
  <si>
    <t>0c214b58-a38e-4c37-9aae-d3c5225afda5.tmp</t>
  </si>
  <si>
    <t>\\acsfs\profiles$\nayarasds\Downloads\0c214b58-a38e-4c37-9aae-d3c5225afda5.tmp</t>
  </si>
  <si>
    <t>66ef9878-5af4-45e4-8521-56aba1173732.tmp</t>
  </si>
  <si>
    <t>\\acsfs\profiles$\geovannasm\Downloads\66ef9878-5af4-45e4-8521-56aba1173732.tmp</t>
  </si>
  <si>
    <t>e71250e5-aa81-4299-b9da-3835cf09ec33.tmp</t>
  </si>
  <si>
    <t>\\acsfs\profiles$\geovannasm\Downloads\e71250e5-aa81-4299-b9da-3835cf09ec33.tmp</t>
  </si>
  <si>
    <t>3d978582-d9db-41a0-b083-06b122377b11.tmp</t>
  </si>
  <si>
    <t>\\acsfs\profiles$\geovannasm\Downloads\3d978582-d9db-41a0-b083-06b122377b11.tmp</t>
  </si>
  <si>
    <t>citrix.url:favicon</t>
  </si>
  <si>
    <t>\\acsfs\profiles$\milennyss\Favorites\citrix.url:favicon</t>
  </si>
  <si>
    <t>e63b8046-1887-408b-9728-ab18cb915069.tmp</t>
  </si>
  <si>
    <t>\\acsfs\profiles$\deborahsi\Downloads\e63b8046-1887-408b-9728-ab18cb915069.tmp</t>
  </si>
  <si>
    <t>3e3c7141-9331-4a1f-9e30-c01399cb1bf8.tmp</t>
  </si>
  <si>
    <t>\\acsfs\profiles$\quindaizaagds\Downloads\3e3c7141-9331-4a1f-9e30-c01399cb1bf8.tmp</t>
  </si>
  <si>
    <t>99bc4b59-6993-4884-97fd-d7eaa7a931cd.tmp</t>
  </si>
  <si>
    <t>\\acsfs\profiles$\quindaizaagds\Downloads\99bc4b59-6993-4884-97fd-d7eaa7a931cd.tmp</t>
  </si>
  <si>
    <t>68ca499e-4f06-4b9b-a8e9-e946454b98ca.tmp</t>
  </si>
  <si>
    <t>\\acsfs\profiles$\quindaizaagds\Downloads\68ca499e-4f06-4b9b-a8e9-e946454b98ca.tmp</t>
  </si>
  <si>
    <t>592553ac-bc40-4438-a758-bd0b04f7e794.tmp</t>
  </si>
  <si>
    <t>\\acsfs\profiles$\dhiulliananads\Downloads\592553ac-bc40-4438-a758-bd0b04f7e794.tmp</t>
  </si>
  <si>
    <t>mail.google.com/_/upload?authuser=0&amp;dcp=asu-n&amp;upload_id=AEnB2UoYQPRs_Oac4naZ58hGeI4wOyJhO1L_P0jMwK4gJyVNBQYVe_nmTN9z15ZvpWNtFxeVrqF1WVtmYZSioTlHoDGB-5t03gzPU3aBbWwPNB4PCJlswr0&amp;upload_protocol=resumable</t>
  </si>
  <si>
    <t>01- INTRADIÁRIOS_JANEIRO_2020 2.xlsx</t>
  </si>
  <si>
    <t>0ae11637-84c2-4563-9356-eabaa08c8591.tmp</t>
  </si>
  <si>
    <t>\\acsfs\profiles$\nayarasds\Downloads\0ae11637-84c2-4563-9356-eabaa08c8591.tmp</t>
  </si>
  <si>
    <t>71a2b96c-5042-466d-a5f6-1ac1e09fb767.tmp</t>
  </si>
  <si>
    <t>\\acsfs\profiles$\nayarasds\Downloads\71a2b96c-5042-466d-a5f6-1ac1e09fb767.tmp</t>
  </si>
  <si>
    <t>karinefg</t>
  </si>
  <si>
    <t>8c901fe9-8f0c-42a0-b3bc-4a9f30d06a23.tmp</t>
  </si>
  <si>
    <t>\\acsfs\profiles$\danielmlds\Downloads\8c901fe9-8f0c-42a0-b3bc-4a9f30d06a23.tmp</t>
  </si>
  <si>
    <t>12538260-6f0d-4817-8cc8-5b36b784857e.tmp</t>
  </si>
  <si>
    <t>\\acsfs\profiles$\danielmlds\Downloads\12538260-6f0d-4817-8cc8-5b36b784857e.tmp</t>
  </si>
  <si>
    <t>67943101-d299-49eb-b392-ac93d0781911.tmp</t>
  </si>
  <si>
    <t>\\acsfs\profiles$\eduardofss\Downloads\67943101-d299-49eb-b392-ac93d0781911.tmp</t>
  </si>
  <si>
    <t>Q29udHJvbGxlci5QYXl3YXJlXzEtMg-- (40).ica</t>
  </si>
  <si>
    <t>\\acsfs\profiles$\eduardofss\Downloads\Q29udHJvbGxlci5QYXl3YXJlXzEtMg-- (40).ica</t>
  </si>
  <si>
    <t>ca53086e-3478-4054-97d8-76b2ca3af3fc.tmp</t>
  </si>
  <si>
    <t>\\acsfs\profiles$\eduardofss\Downloads\ca53086e-3478-4054-97d8-76b2ca3af3fc.tmp</t>
  </si>
  <si>
    <t>377bc08c-e975-48b9-bc46-e8c481fd1cec.tmp</t>
  </si>
  <si>
    <t>\\acsfs\profiles$\claudiajca\Downloads\377bc08c-e975-48b9-bc46-e8c481fd1cec.tmp</t>
  </si>
  <si>
    <t>Planilha 2019 CR.ods</t>
  </si>
  <si>
    <t>\\acsfs\profiles$\THYAGOSP\My Documents\Planilha 2019 CR.ods</t>
  </si>
  <si>
    <t>\\acsfs\profiles$\THYAGOSP\My Documents\Planilha 2019 CR.ods\</t>
  </si>
  <si>
    <t>\\acsfs\profiles$\THYAGOSP\My Documents\Planilha 2019 CR.ods\META-INF\</t>
  </si>
  <si>
    <t>\\acsfs\profiles$\THYAGOSP\My Documents\Planilha 2019 CR.ods\Object 1\</t>
  </si>
  <si>
    <t>\\acsfs\profiles$\THYAGOSP\My Documents\Planilha 2019 CR.ods\Object 2\</t>
  </si>
  <si>
    <t>\\acsfs\profiles$\THYAGOSP\My Documents\Planilha 2019 CR.ods\Object 3\</t>
  </si>
  <si>
    <t>\\acsfs\profiles$\THYAGOSP\My Documents\Planilha 2019 CR.ods\Object 4\</t>
  </si>
  <si>
    <t>\\acsfs\profiles$\THYAGOSP\My Documents\Planilha 2019 CR.ods\Thumbnails\</t>
  </si>
  <si>
    <t>26aef850-2ea1-4138-aa90-420d052373e1.tmp</t>
  </si>
  <si>
    <t>\\acsfs\profiles$\ayalabfi\Downloads\26aef850-2ea1-4138-aa90-420d052373e1.tmp</t>
  </si>
  <si>
    <t>61289c33-9b1a-4511-b3a3-2d300091f013.tmp</t>
  </si>
  <si>
    <t>\\acsfs\profiles$\ERICALSR\Downloads\61289c33-9b1a-4511-b3a3-2d300091f013.tmp</t>
  </si>
  <si>
    <t>ALEXANDRE MILHOMEM MARACAIPE (14).contact</t>
  </si>
  <si>
    <t>\\acsfs\profiles$\alexandremm\Contacts\ALEXANDRE MILHOMEM MARACAIPE (14).contact</t>
  </si>
  <si>
    <t>\\acsfs\profiles$\alexandremm\Saved Games\</t>
  </si>
  <si>
    <t>\\acsfs\profiles$\ALEXANDREMM\Favorites\Links for Brasil\</t>
  </si>
  <si>
    <t>\\acsfs\profiles$\ALEXANDREMM\Favorites\Links for Brasil\desktop.ini</t>
  </si>
  <si>
    <t>\\acsfs\profiles$\ALEXANDREMM\Favorites\Links for Brasil\Microsoft Brasil.url</t>
  </si>
  <si>
    <t>\\acsfs\profiles$\ALEXANDREMM\Favorites\Links for Brasil\Windows Brasil.url</t>
  </si>
  <si>
    <t>\\acsfs\profiles$\ALEXANDREMM\Favorites\Links for Brasil\MSN Brasil.url</t>
  </si>
  <si>
    <t>e382f168-6652-48e9-a18a-ccf1396ff076.tmp</t>
  </si>
  <si>
    <t>\\acsfs\profiles$\nayarasds\Downloads\e382f168-6652-48e9-a18a-ccf1396ff076.tmp</t>
  </si>
  <si>
    <t>lu381803uvy8m.tmp</t>
  </si>
  <si>
    <t>\\acsfs\profiles$\marcellewdl\My Documents\lu381803uvy8m.tmp</t>
  </si>
  <si>
    <t>\\acsfs\profiles$\marcellewdl\My Documents\lu381803uvy8m.tmp\</t>
  </si>
  <si>
    <t>\\acsfs\profiles$\marcellewdl\My Documents\lu381803uvy8m.tmp\META-INF\</t>
  </si>
  <si>
    <t>\\acsfs\profiles$\marcellewdl\My Documents\lu381803uvy8m.tmp\Thumbnails\</t>
  </si>
  <si>
    <t>9c4f6aa2-0974-455e-af1a-38001ce0ddba.tmp</t>
  </si>
  <si>
    <t>\\acsfs\profiles$\nataliacsl\Downloads\9c4f6aa2-0974-455e-af1a-38001ce0ddba.tmp</t>
  </si>
  <si>
    <t>10.200.67.50</t>
  </si>
  <si>
    <t>D0-67-E5-FF-1C-3B</t>
  </si>
  <si>
    <t>VOTORANT-FB003</t>
  </si>
  <si>
    <t>cinthiacsda</t>
  </si>
  <si>
    <t>\\acsfs\profiles$\cinthiacsda\My Documents\</t>
  </si>
  <si>
    <t>cinthiaa.txt</t>
  </si>
  <si>
    <t>\\acsfs\profiles$\cinthiacsda\My Documents\cinthiaa.txt</t>
  </si>
  <si>
    <t>10.200.67.56</t>
  </si>
  <si>
    <t>74-86-7A-FC-CF-D9</t>
  </si>
  <si>
    <t>VOTORANT-OB017</t>
  </si>
  <si>
    <t>lorrainerdl</t>
  </si>
  <si>
    <t>\\acsfs\profiles$\lorrainerdl\Contacts\</t>
  </si>
  <si>
    <t>LORRAINE RODRIGUES DE LIMA (15475).contact</t>
  </si>
  <si>
    <t>\\acsfs\profiles$\lorrainerdl\Contacts\LORRAINE RODRIGUES DE LIMA (15475).contact</t>
  </si>
  <si>
    <t>\\acsfs\profiles$\lorrainerdl\My Documents\My Videos\</t>
  </si>
  <si>
    <t>\\acsfs\profiles$\lorrainerdl\My Documents\My Videos\desktop.ini</t>
  </si>
  <si>
    <t>\\acsfs\profiles$\lorrainerdl\My Documents\My Pictures\</t>
  </si>
  <si>
    <t>\\acsfs\profiles$\lorrainerdl\My Documents\My Pictures\desktop.ini</t>
  </si>
  <si>
    <t>\\acsfs\profiles$\lorrainerdl\Contacts\desktop.ini</t>
  </si>
  <si>
    <t>\\acsfs\profiles$\lorrainerdl\Favorites\</t>
  </si>
  <si>
    <t>\\acsfs\profiles$\lorrainerdl\Favorites\desktop.ini</t>
  </si>
  <si>
    <t>\\acsfs\profiles$\lorrainerdl\My Documents\My Music\</t>
  </si>
  <si>
    <t>\\acsfs\profiles$\lorrainerdl\My Documents\My Music\desktop.ini</t>
  </si>
  <si>
    <t>\\acsfs\profiles$\lorrainerdl\Searches\</t>
  </si>
  <si>
    <t>\\acsfs\profiles$\lorrainerdl\Searches\desktop.ini</t>
  </si>
  <si>
    <t>\\acsfs\profiles$\lorrainerdl\Downloads\</t>
  </si>
  <si>
    <t>\\acsfs\profiles$\lorrainerdl\Downloads\desktop.ini</t>
  </si>
  <si>
    <t>\\acsfs\profiles$\lorrainerdl\My Documents\</t>
  </si>
  <si>
    <t>\\acsfs\profiles$\lorrainerdl\My Documents\desktop.ini</t>
  </si>
  <si>
    <t>\\acsfs\profiles$\lorrainerdl\Saved Games\</t>
  </si>
  <si>
    <t>\\acsfs\profiles$\lorrainerdl\Saved Games\desktop.ini</t>
  </si>
  <si>
    <t>\\acsfs\profiles$\lorrainerdl\Favorites\Links for Brasil\</t>
  </si>
  <si>
    <t>\\acsfs\profiles$\lorrainerdl\Favorites\Links for Brasil\desktop.ini</t>
  </si>
  <si>
    <t>\\acsfs\profiles$\lorrainerdl\Favorites\Links for Brasil\Microsoft Brasil.url</t>
  </si>
  <si>
    <t>\\acsfs\profiles$\lorrainerdl\Favorites\Links for Brasil\Windows Brasil.url</t>
  </si>
  <si>
    <t>\\acsfs\profiles$\lorrainerdl\Favorites\Links for Brasil\MSN Brasil.url</t>
  </si>
  <si>
    <t>\\acsfs\profiles$\talitafdc\Downloads\</t>
  </si>
  <si>
    <t>866164d8-4cda-46b3-a1c9-162516d11437.tmp</t>
  </si>
  <si>
    <t>\\acsfs\profiles$\talitafdc\Downloads\866164d8-4cda-46b3-a1c9-162516d11437.tmp</t>
  </si>
  <si>
    <t>10.200.67.218</t>
  </si>
  <si>
    <t>D0-94-66-B5-52-D0</t>
  </si>
  <si>
    <t>VOTORANT-SB019</t>
  </si>
  <si>
    <t>b92a8574-c0c9-49c5-ae0f-4cfc10d3b528.tmp</t>
  </si>
  <si>
    <t>\\acsfs\profiles$\lucasgpe\Downloads\b92a8574-c0c9-49c5-ae0f-4cfc10d3b528.tmp</t>
  </si>
  <si>
    <t>8d7e1906-8bb0-438d-85e0-ca113c0dc1e3.tmp</t>
  </si>
  <si>
    <t>\\acsfs\profiles$\andressagr\Downloads\8d7e1906-8bb0-438d-85e0-ca113c0dc1e3.tmp</t>
  </si>
  <si>
    <t>0a03df3e-f606-4509-b0c1-8aa0514f023a.tmp</t>
  </si>
  <si>
    <t>\\acsfs\profiles$\ayalabfi\Downloads\0a03df3e-f606-4509-b0c1-8aa0514f023a.tmp</t>
  </si>
  <si>
    <t>3f4c1cb2-72b8-4648-b5d3-50bdafb55111.tmp</t>
  </si>
  <si>
    <t>\\acsfs\profiles$\ayalabfi\Downloads\3f4c1cb2-72b8-4648-b5d3-50bdafb55111.tmp</t>
  </si>
  <si>
    <t>86c64c0d-dbeb-4914-8d34-d74e6bf38eb2.tmp</t>
  </si>
  <si>
    <t>\\acsfs\profiles$\rafaelamsv\Downloads\86c64c0d-dbeb-4914-8d34-d74e6bf38eb2.tmp</t>
  </si>
  <si>
    <t>35f51342-8485-47e9-98ee-5a918df477fd.tmp</t>
  </si>
  <si>
    <t>\\acsfs\profiles$\rafaelamsv\Downloads\35f51342-8485-47e9-98ee-5a918df477fd.tmp</t>
  </si>
  <si>
    <t>9aaf940d-4a26-44af-bea2-4fccdb049750.tmp</t>
  </si>
  <si>
    <t>\\acsfs\profiles$\victoriaksr\Downloads\9aaf940d-4a26-44af-bea2-4fccdb049750.tmp</t>
  </si>
  <si>
    <t>4ed2b1b7-32ba-4da9-a1f2-cf63250344c7.tmp</t>
  </si>
  <si>
    <t>\\acsfs\profiles$\nataliacsl\Downloads\4ed2b1b7-32ba-4da9-a1f2-cf63250344c7.tmp</t>
  </si>
  <si>
    <t>Unconfirmed 799055.crdownload</t>
  </si>
  <si>
    <t>\\acsfs\profiles$\talitafdc\Downloads\Unconfirmed 799055.crdownload</t>
  </si>
  <si>
    <t>1b88f208-6ba3-4cd6-946c-911f63825efd.tmp</t>
  </si>
  <si>
    <t>\\acsfs\profiles$\jonatanls\Downloads\1b88f208-6ba3-4cd6-946c-911f63825efd.tmp</t>
  </si>
  <si>
    <t>5bf359e0-50b3-47f5-9e78-32f21ced99dd.tmp</t>
  </si>
  <si>
    <t>\\acsfs\profiles$\lucasgpe\Downloads\5bf359e0-50b3-47f5-9e78-32f21ced99dd.tmp</t>
  </si>
  <si>
    <t>cc7f536a-f36b-4e0c-b636-4f639fcf8d18.tmp</t>
  </si>
  <si>
    <t>\\acsfs\profiles$\ayalabfi\Downloads\cc7f536a-f36b-4e0c-b636-4f639fcf8d18.tmp</t>
  </si>
  <si>
    <t>64f3200e-1664-4c02-906d-02194dce74d9.tmp</t>
  </si>
  <si>
    <t>\\acsfs\profiles$\larissaad\Downloads\64f3200e-1664-4c02-906d-02194dce74d9.tmp</t>
  </si>
  <si>
    <t>16a0577b-eaa2-4c56-96f6-3dacf9353e68.tmp</t>
  </si>
  <si>
    <t>\\acsfs\profiles$\larissaad\Downloads\16a0577b-eaa2-4c56-96f6-3dacf9353e68.tmp</t>
  </si>
  <si>
    <t>carlosrcos</t>
  </si>
  <si>
    <t>COORDENACAO DE GERENCIAMENTO INFRAESTRUTURA</t>
  </si>
  <si>
    <t>10.200.59.43</t>
  </si>
  <si>
    <t>78-2B-CB-C0-F9-86</t>
  </si>
  <si>
    <t>NB-TULLYOLS</t>
  </si>
  <si>
    <t>tullyols</t>
  </si>
  <si>
    <t>\\acsfs\deptos\cei - coordenação de engenharia e infraestrutura\cei – manutenção\48 - pcm\manutenção\10. controle\</t>
  </si>
  <si>
    <t>preventivas - 2019.xlsm</t>
  </si>
  <si>
    <t>.~lock.TABELA VENDAS.ods#</t>
  </si>
  <si>
    <t>\\acsfs\profiles$\lucasgpe\Desktop\.~lock.TABELA VENDAS.ods#</t>
  </si>
  <si>
    <t>3f95e0aa-902b-423f-aefa-778e4877ec6c.tmp</t>
  </si>
  <si>
    <t>\\acsfs\profiles$\adelvinsonle\Downloads\3f95e0aa-902b-423f-aefa-778e4877ec6c.tmp</t>
  </si>
  <si>
    <t>ee07b4ce-5b15-4118-9200-a41cbd64a8de.tmp</t>
  </si>
  <si>
    <t>\\acsfs\profiles$\adelvinsonle\Downloads\ee07b4ce-5b15-4118-9200-a41cbd64a8de.tmp</t>
  </si>
  <si>
    <t>lu139322oim0.tmp</t>
  </si>
  <si>
    <t>\\acsfs\profiles$\dhiulliananads\My Documents\lu139322oim0.tmp</t>
  </si>
  <si>
    <t>\\acsfs\profiles$\dhiulliananads\My Documents\lu139322oim0.tmp\</t>
  </si>
  <si>
    <t>\\acsfs\profiles$\dhiulliananads\My Documents\lu139322oim0.tmp\META-INF\</t>
  </si>
  <si>
    <t>\\acsfs\profiles$\dhiulliananads\My Documents\lu139322oim0.tmp\Thumbnails\</t>
  </si>
  <si>
    <t>lu139322oim5.tmp</t>
  </si>
  <si>
    <t>\\acsfs\profiles$\dhiulliananads\My Documents\lu139322oim5.tmp</t>
  </si>
  <si>
    <t>\\acsfs\profiles$\dhiulliananads\My Documents\lu139322oim5.tmp\</t>
  </si>
  <si>
    <t>\\acsfs\profiles$\dhiulliananads\My Documents\lu139322oim5.tmp\META-INF\</t>
  </si>
  <si>
    <t>\\acsfs\profiles$\dhiulliananads\My Documents\lu139322oim5.tmp\Thumbnails\</t>
  </si>
  <si>
    <t>10.200.67.66</t>
  </si>
  <si>
    <t>74-86-7A-FB-17-24</t>
  </si>
  <si>
    <t>VOTORANT-IB010</t>
  </si>
  <si>
    <t>leydianeamd</t>
  </si>
  <si>
    <t>\\acsfs\profiles$\leydianeamd\My Documents\</t>
  </si>
  <si>
    <t>Leydiane Aparecida.txt</t>
  </si>
  <si>
    <t>\\acsfs\profiles$\leydianeamd\My Documents\Leydiane Aparecida.txt</t>
  </si>
  <si>
    <t>4d2f3937-7c0e-483c-8af1-028e86913f08.tmp</t>
  </si>
  <si>
    <t>\\acsfs\profiles$\lucasqdss\Downloads\4d2f3937-7c0e-483c-8af1-028e86913f08.tmp</t>
  </si>
  <si>
    <t>10.200.66.53</t>
  </si>
  <si>
    <t>74-86-7A-FD-D8-6F</t>
  </si>
  <si>
    <t>VOTORANTO-AA024</t>
  </si>
  <si>
    <t>joaogvc</t>
  </si>
  <si>
    <t>https://outlook.office365.com/mapi/emsmdb/?mailboxid=086f92b3-1e92-49c8-a661-f590b6fe19d1@algartech.com</t>
  </si>
  <si>
    <t>03163762-492f-4c80-8842-bc7ca4f6221c.tmp</t>
  </si>
  <si>
    <t>\\acsfs\profiles$\larissaad\Downloads\03163762-492f-4c80-8842-bc7ca4f6221c.tmp</t>
  </si>
  <si>
    <t>d5ed8d17-90f8-4a2b-a93a-bec646d8d5f0.tmp</t>
  </si>
  <si>
    <t>\\acsfs\profiles$\larissaad\Downloads\d5ed8d17-90f8-4a2b-a93a-bec646d8d5f0.tmp</t>
  </si>
  <si>
    <t>64d9c1fd-21a0-412e-ad63-4fdc79e270cc.tmp</t>
  </si>
  <si>
    <t>\\acsfs\profiles$\geovanaasa\Downloads\64d9c1fd-21a0-412e-ad63-4fdc79e270cc.tmp</t>
  </si>
  <si>
    <t>10.200.67.173</t>
  </si>
  <si>
    <t>74-86-7A-FB-17-6D</t>
  </si>
  <si>
    <t>VOTORANT-MB010</t>
  </si>
  <si>
    <t>LAIANEAR</t>
  </si>
  <si>
    <t>12743b56-8f78-480e-94dd-04c8d0a27014.tmp</t>
  </si>
  <si>
    <t>\\acsfs\profiles$\laianear\Downloads\12743b56-8f78-480e-94dd-04c8d0a27014.tmp</t>
  </si>
  <si>
    <t>acee85da-ed32-42f4-8c24-6d5f4e3e8fe7.tmp</t>
  </si>
  <si>
    <t>\\acsfs\profiles$\laianear\Downloads\acee85da-ed32-42f4-8c24-6d5f4e3e8fe7.tmp</t>
  </si>
  <si>
    <t>6f1703e2-e747-46d3-a106-e0e027f548fc.tmp</t>
  </si>
  <si>
    <t>\\acsfs\profiles$\laianear\Downloads\6f1703e2-e747-46d3-a106-e0e027f548fc.tmp</t>
  </si>
  <si>
    <t>0f4eab27-ca54-4b37-8140-ad0d90f79aa3.tmp</t>
  </si>
  <si>
    <t>\\acsfs\profiles$\felipetds\Downloads\0f4eab27-ca54-4b37-8140-ad0d90f79aa3.tmp</t>
  </si>
  <si>
    <t>912cc6d8-d7f5-4ff2-924c-6bb1ca058d4c.tmp</t>
  </si>
  <si>
    <t>\\acsfs\profiles$\lorrainerdl\Downloads\912cc6d8-d7f5-4ff2-924c-6bb1ca058d4c.tmp</t>
  </si>
  <si>
    <t>Não confirmado 528515.crdownload</t>
  </si>
  <si>
    <t>\\acsfs\profiles$\lorrainerdl\Downloads\Não confirmado 528515.crdownload</t>
  </si>
  <si>
    <t>e47d1ad1-a46b-415a-a7f7-bb23ec2c839f.tmp</t>
  </si>
  <si>
    <t>\\acsfs\profiles$\lorrainerdl\Downloads\e47d1ad1-a46b-415a-a7f7-bb23ec2c839f.tmp</t>
  </si>
  <si>
    <t>2c314ada-e0a8-4949-8aa6-783870bb7099.tmp</t>
  </si>
  <si>
    <t>\\acsfs\profiles$\PEDROHAB\Downloads\2c314ada-e0a8-4949-8aa6-783870bb7099.tmp</t>
  </si>
  <si>
    <t>5d1fa108-6b33-4adb-b035-6b920eba78ed.tmp</t>
  </si>
  <si>
    <t>\\acsfs\profiles$\PEDROHAB\Downloads\5d1fa108-6b33-4adb-b035-6b920eba78ed.tmp</t>
  </si>
  <si>
    <t>51687b96-8f1a-4015-9e38-4cf34263f101.tmp</t>
  </si>
  <si>
    <t>\\acsfs\profiles$\PEDROHAB\Downloads\51687b96-8f1a-4015-9e38-4cf34263f101.tmp</t>
  </si>
  <si>
    <t>f580f3a4-ea1d-4efd-a960-c2b279487a5d.tmp</t>
  </si>
  <si>
    <t>\\acsfs\profiles$\larissaad\Downloads\f580f3a4-ea1d-4efd-a960-c2b279487a5d.tmp</t>
  </si>
  <si>
    <t>258e733d-6de2-4125-8d67-b59e7210c448.tmp</t>
  </si>
  <si>
    <t>\\acsfs\profiles$\geovanaasa\Downloads\258e733d-6de2-4125-8d67-b59e7210c448.tmp</t>
  </si>
  <si>
    <t>\\acsfs\Engeset\FINANCEIRO_ULA\CONTROLA\Viviane_Ecitania\Desktop\</t>
  </si>
  <si>
    <t>Prestacao_De_Contas_Residencial_Luiza_112019.xls</t>
  </si>
  <si>
    <t>yfztmueed0iaauxywfkcywbcearcfsnmruveuuqrvkomva8wwuzwxhxccl8mt1cidfxyveq=;yfztmueed0iaauxywfkcywbcearcfsnmruveuuqrvkomva8wwuzwxhxdclqmdx8oel1f;yfztmueed0iaauxywfkcywbcearcfsnmruveuuqrvkomva8wwuzwxhxtefccbevpbfddwmnbuataawrd;yfztmueed0iaauxywfkcywbcearcfsnmruveuuqrvkomva8wwuzwxhxzcl4a;</t>
  </si>
  <si>
    <t>Prestacao_De_Contas_Residencial_Luiza_122019.xls</t>
  </si>
  <si>
    <t>yfztmueed0iaauxywfkcywbcearcfsnmruveuuqrvkomva8wwuzwxhxccl8mt1cidfxyveq=,yfztmueed0iaauxywfkcywbcearcfsnmruveuuqrvkomva8wwuzwxhxdclqmdx8oel1f,yfztmueed0iaauxywfkcywbcearcfsnmruveuuqrvkomva8wwuzwxhxtefccbevpbfddwmnbuataawrd,yfztmueed0iaauxywfkcywbcearcfsnmruveuuqrvkomva8wwuzwxhxzcl4a</t>
  </si>
  <si>
    <t>mail.google.com/sync/u/0/i/s?hl=pt-BR&amp;c=33</t>
  </si>
  <si>
    <t>mail.google.com/sync/u/0/i/s?hl=pt-BR&amp;c=35</t>
  </si>
  <si>
    <t>mail.google.com/sync/u/0/i/s?hl=pt-BR&amp;c=37</t>
  </si>
  <si>
    <t>mail.google.com/sync/u/0/i/s?hl=pt-BR&amp;c=39</t>
  </si>
  <si>
    <t>mail.google.com/sync/u/0/i/s?hl=pt-BR&amp;c=41</t>
  </si>
  <si>
    <t>1b3916a2-0c6d-47c5-b1f8-0274dfea50db.tmp</t>
  </si>
  <si>
    <t>\\acsfs\profiles$\lorrainerdl\Downloads\1b3916a2-0c6d-47c5-b1f8-0274dfea50db.tmp</t>
  </si>
  <si>
    <t>67da9ae4-4739-489f-9ca8-19f16e3252a1.tmp</t>
  </si>
  <si>
    <t>\\acsfs\profiles$\lorrainerdl\Downloads\67da9ae4-4739-489f-9ca8-19f16e3252a1.tmp</t>
  </si>
  <si>
    <t>DTH SAUDE, SEGURANÇA E MEIO AMBIENTE</t>
  </si>
  <si>
    <t>10.200.60.114</t>
  </si>
  <si>
    <t>64-1C-67-9C-32-11</t>
  </si>
  <si>
    <t>NB-CLAIDSONE</t>
  </si>
  <si>
    <t>claidsones</t>
  </si>
  <si>
    <t>claidsones@algartech.com</t>
  </si>
  <si>
    <t>diegorbo@algartech.com;giseleclss@algartech.com;</t>
  </si>
  <si>
    <t>\\acsfs\DEPTOS\Sustentabilidade\40 - Responsabilidade social\8 - Associados\Indicadores\12- Indicadores Dezembro\</t>
  </si>
  <si>
    <t>Dezembro 19- Tech.xlsm</t>
  </si>
  <si>
    <t>diegorbo@algartech.com,giseleclss@algartech.com</t>
  </si>
  <si>
    <t>10.200.66.38</t>
  </si>
  <si>
    <t>74-86-7A-FB-1A-73</t>
  </si>
  <si>
    <t>VOTORANT-IB021</t>
  </si>
  <si>
    <t>karendsr</t>
  </si>
  <si>
    <t>\\acsfs\profiles$\KARENDSR\Downloads\</t>
  </si>
  <si>
    <t>32afa189-9acd-4d09-9953-d739fe7a2012.tmp</t>
  </si>
  <si>
    <t>\\acsfs\profiles$\KARENDSR\Downloads\32afa189-9acd-4d09-9953-d739fe7a2012.tmp</t>
  </si>
  <si>
    <t>c8ea268e-a9f8-4ef5-82d4-05e984f3e6c4.tmp</t>
  </si>
  <si>
    <t>\\acsfs\profiles$\KARENDSR\Downloads\c8ea268e-a9f8-4ef5-82d4-05e984f3e6c4.tmp</t>
  </si>
  <si>
    <t>f9831c16-5fc3-4206-a0d3-6861978f06bd.tmp</t>
  </si>
  <si>
    <t>\\acsfs\profiles$\KARENDSR\Downloads\f9831c16-5fc3-4206-a0d3-6861978f06bd.tmp</t>
  </si>
  <si>
    <t>CERRADO QUALIDADE, TREINAMENTO E ENGAJ OPER</t>
  </si>
  <si>
    <t>10.200.59.253</t>
  </si>
  <si>
    <t>FC-01-7C-B3-BE-FF</t>
  </si>
  <si>
    <t>NB-LORRAYNECB</t>
  </si>
  <si>
    <t>amandafdcs</t>
  </si>
  <si>
    <t>amandafdcs@algartech.com.br</t>
  </si>
  <si>
    <t>elidapol@algartech.com.br;equipefabi@algartech.com.br;fabianapm@algartech.com;ideniraa@algartech.com.br;tecnicospj@algartech.com.br;</t>
  </si>
  <si>
    <t>RES: FILAS DE RETORNO</t>
  </si>
  <si>
    <t>Vol Filas de Retorno.xlsx</t>
  </si>
  <si>
    <t>elidapol@algartech.com.br,equipefabi@algartech.com.br,fabianapm@algartech.com,ideniraa@algartech.com.br,tecnicospj@algartech.com.br</t>
  </si>
  <si>
    <t>07348ada-1d85-4104-bcec-496193431f0f.tmp</t>
  </si>
  <si>
    <t>\\acsfs\profiles$\gabrielhca\Downloads\07348ada-1d85-4104-bcec-496193431f0f.tmp</t>
  </si>
  <si>
    <t>ac9be3d5-946c-4100-8d83-ef86e07675eb.tmp</t>
  </si>
  <si>
    <t>\\acsfs\profiles$\paulovadc\Downloads\ac9be3d5-946c-4100-8d83-ef86e07675eb.tmp</t>
  </si>
  <si>
    <t>10.200.66.146</t>
  </si>
  <si>
    <t>74-86-7A-FB-17-F1</t>
  </si>
  <si>
    <t>VOTORANT-AFB003</t>
  </si>
  <si>
    <t>wedersonbadr</t>
  </si>
  <si>
    <t>\\acsfs\profiles$\wedersonbadr\Downloads\</t>
  </si>
  <si>
    <t>.~lock.Chamado cadeiras.ods#</t>
  </si>
  <si>
    <t>\\acsfs\profiles$\wedersonbadr\Downloads\.~lock.Chamado cadeiras.ods#</t>
  </si>
  <si>
    <t>Chamado cadeiras.ods</t>
  </si>
  <si>
    <t>\\acsfs\profiles$\wedersonbadr\Downloads\Chamado cadeiras.ods</t>
  </si>
  <si>
    <t>\\acsfs\profiles$\wedersonbadr\Downloads\Chamado cadeiras.ods\</t>
  </si>
  <si>
    <t>\\acsfs\profiles$\wedersonbadr\Downloads\Chamado cadeiras.ods\META-INF\</t>
  </si>
  <si>
    <t>\\acsfs\profiles$\wedersonbadr\Downloads\Chamado cadeiras.ods\Thumbnails\</t>
  </si>
  <si>
    <t>\\acsfs\profiles$\wedersonbadr\My Documents\My Music\</t>
  </si>
  <si>
    <t>a7355a81-b273-4cdc-a5f0-218645bbdd5b.tmp</t>
  </si>
  <si>
    <t>\\acsfs\profiles$\wedersonbadr\My Documents\My Music\a7355a81-b273-4cdc-a5f0-218645bbdd5b.tmp</t>
  </si>
  <si>
    <t>025d85dd-64b9-4478-b457-2a3d930fa16d.tmp</t>
  </si>
  <si>
    <t>\\acsfs\profiles$\wedersonbadr\My Documents\My Music\025d85dd-64b9-4478-b457-2a3d930fa16d.tmp</t>
  </si>
  <si>
    <t>e9c8a228-02ae-4617-8fbd-7d127edade36.tmp</t>
  </si>
  <si>
    <t>\\acsfs\profiles$\geovanaasa\Downloads\e9c8a228-02ae-4617-8fbd-7d127edade36.tmp</t>
  </si>
  <si>
    <t>michelerds</t>
  </si>
  <si>
    <t>\\acsfs\profiles$\michelerds\Downloads\</t>
  </si>
  <si>
    <t>b4fca589-cb71-4797-a640-615c7d4b5644.tmp</t>
  </si>
  <si>
    <t>\\acsfs\profiles$\michelerds\Downloads\b4fca589-cb71-4797-a640-615c7d4b5644.tmp</t>
  </si>
  <si>
    <t>66fb79af-3b95-4b38-81f4-e1a17684aea0.tmp</t>
  </si>
  <si>
    <t>\\acsfs\profiles$\michelerds\Downloads\66fb79af-3b95-4b38-81f4-e1a17684aea0.tmp</t>
  </si>
  <si>
    <t>90b29fb5-8b42-4ebf-a32f-8a869144f0b4.tmp</t>
  </si>
  <si>
    <t>\\acsfs\profiles$\michelerds\Downloads\90b29fb5-8b42-4ebf-a32f-8a869144f0b4.tmp</t>
  </si>
  <si>
    <t>e092b287-1051-4c96-b18b-8422c04bc75b.tmp</t>
  </si>
  <si>
    <t>\\acsfs\profiles$\michelerds\Downloads\e092b287-1051-4c96-b18b-8422c04bc75b.tmp</t>
  </si>
  <si>
    <t>3de36650-4773-4060-b404-bd01b848b416.tmp</t>
  </si>
  <si>
    <t>\\acsfs\profiles$\michelerds\Downloads\3de36650-4773-4060-b404-bd01b848b416.tmp</t>
  </si>
  <si>
    <t>10.200.32.20</t>
  </si>
  <si>
    <t>78-2B-CB-C1-07-01</t>
  </si>
  <si>
    <t>VOTORANT-CB015</t>
  </si>
  <si>
    <t>kesiadof</t>
  </si>
  <si>
    <t>kesiadof@algartech.com</t>
  </si>
  <si>
    <t>mail.google.com/sync/u/0/i/s?hl=pt-BR&amp;c=129</t>
  </si>
  <si>
    <t>fernandaab@algartech.com;larisacc@algartech.com;marianerdo@algartech.com;mirianppb@algartech.com;thiagord@algartech.com;</t>
  </si>
  <si>
    <t>fernandaab@algartech.com,larisacc@algartech.com,marianerdo@algartech.com,mirianppb@algartech.com,thiagord@algartech.com</t>
  </si>
  <si>
    <t>bfbe53b2-089e-47db-a8c7-8af2b4ab4c94.tmp</t>
  </si>
  <si>
    <t>\\acsfs\profiles$\gabrielhca\Downloads\bfbe53b2-089e-47db-a8c7-8af2b4ab4c94.tmp</t>
  </si>
  <si>
    <t>1fd3d240-8c01-450b-8321-4e41a3edf5c3.tmp</t>
  </si>
  <si>
    <t>\\acsfs\profiles$\gabrielhca\Downloads\1fd3d240-8c01-450b-8321-4e41a3edf5c3.tmp</t>
  </si>
  <si>
    <t>50eb60c1-56c4-4c53-92c2-efbfd5f4b113.tmp</t>
  </si>
  <si>
    <t>\\acsfs\profiles$\gabrielhca\Downloads\50eb60c1-56c4-4c53-92c2-efbfd5f4b113.tmp</t>
  </si>
  <si>
    <t>0656d012-cb34-4715-bfa2-6bcf7ff2e91e.tmp</t>
  </si>
  <si>
    <t>\\acsfs\profiles$\gabrielhca\Downloads\0656d012-cb34-4715-bfa2-6bcf7ff2e91e.tmp</t>
  </si>
  <si>
    <t>756aa7e0-39fc-4f8f-a68a-fc2a0d909bed.tmp</t>
  </si>
  <si>
    <t>\\acsfs\profiles$\gabrielhca\Downloads\756aa7e0-39fc-4f8f-a68a-fc2a0d909bed.tmp</t>
  </si>
  <si>
    <t>409e00a9-d10f-43d3-b022-cc2a067a4e9d.tmp</t>
  </si>
  <si>
    <t>\\acsfs\profiles$\isabellegtds\Downloads\409e00a9-d10f-43d3-b022-cc2a067a4e9d.tmp</t>
  </si>
  <si>
    <t>c54274bf-2691-49db-a0aa-aa8f1fc942fd.tmp</t>
  </si>
  <si>
    <t>\\acsfs\profiles$\isabellegtds\Downloads\c54274bf-2691-49db-a0aa-aa8f1fc942fd.tmp</t>
  </si>
  <si>
    <t>e8afff26-c8e3-4f4d-ac70-6148c19cba6a.tmp</t>
  </si>
  <si>
    <t>\\acsfs\profiles$\lucasqdss\Downloads\e8afff26-c8e3-4f4d-ac70-6148c19cba6a.tmp</t>
  </si>
  <si>
    <t>mail.google.com/_/upload?authuser=0&amp;dcp=asu-n&amp;upload_id=AEnB2Up3qxDj8-0D3BmQebvnH32oiBKtOpNRzke7ZEahYjD2pDoeIsrN7tfmy6ChSaHtl2sE0xjCyXsusamMhzqSUfDy52m7Tw&amp;upload_protocol=resumable</t>
  </si>
  <si>
    <t>fa0f2e6e-a13e-468b-8a41-ac6cd67332f7.tmp</t>
  </si>
  <si>
    <t>\\acsfs\profiles$\ayalabfi\Downloads\fa0f2e6e-a13e-468b-8a41-ac6cd67332f7.tmp</t>
  </si>
  <si>
    <t>\\acsfs\DEPTOS\Operacao\PCP\5 - Comum\PLANEJAMENTO BV\14 - ACOMPANHAMENTO\1 - REPORT ACOMPANHAMENTO\2019\12 - Dezembro\FINANCEIRA\</t>
  </si>
  <si>
    <t>REPORT ACOMPANHAMENTO - BV - DEZEMBRO.xlsb</t>
  </si>
  <si>
    <t>\\acsfs\DEPTOS\Operacao\PCP\5 - Comum\PLANEJAMENTO BV\14 - ACOMPANHAMENTO\1 - REPORT ACOMPANHAMENTO\2019\12 - Dezembro\FINANCEIRA\REPORT ACOMPANHAMENTO - BV - DEZEMBRO.xlsb</t>
  </si>
  <si>
    <t>f216b34b-e0af-4c11-b9bc-0525111450f8.tmp</t>
  </si>
  <si>
    <t>\\acsfs\profiles$\ERICALSR\Downloads\f216b34b-e0af-4c11-b9bc-0525111450f8.tmp</t>
  </si>
  <si>
    <t>rafaelahpn</t>
  </si>
  <si>
    <t>\\acsfs\profiles$\rafaelahpn\Downloads\</t>
  </si>
  <si>
    <t>1e836458-d9fa-4a1c-9476-561a5d3c1ed9.tmp</t>
  </si>
  <si>
    <t>\\acsfs\profiles$\rafaelahpn\Downloads\1e836458-d9fa-4a1c-9476-561a5d3c1ed9.tmp</t>
  </si>
  <si>
    <t>a2a3a89c-0e24-4d35-b80f-37069fcf04b8.tmp</t>
  </si>
  <si>
    <t>\\acsfs\profiles$\michelerds\Downloads\a2a3a89c-0e24-4d35-b80f-37069fcf04b8.tmp</t>
  </si>
  <si>
    <t>BLOCO DE ANOTAÇÃO (1) (1).txt</t>
  </si>
  <si>
    <t>\\acsfs\profiles$\michelerds\Downloads\BLOCO DE ANOTAÇÃO (1) (1).txt</t>
  </si>
  <si>
    <t>9eb07e16-7deb-4996-aa2b-12d65b4886ca.tmp</t>
  </si>
  <si>
    <t>\\acsfs\profiles$\LUCASBS\Downloads\9eb07e16-7deb-4996-aa2b-12d65b4886ca.tmp</t>
  </si>
  <si>
    <t>e078a8f4-8813-4823-af5b-8e8d6c3379ff.tmp</t>
  </si>
  <si>
    <t>\\acsfs\profiles$\LUCASBS\Downloads\e078a8f4-8813-4823-af5b-8e8d6c3379ff.tmp</t>
  </si>
  <si>
    <t>preventivas - 2020.xlsm</t>
  </si>
  <si>
    <t>d419c2f1-da68-4013-a636-b83d5f2d85cc.tmp</t>
  </si>
  <si>
    <t>\\acsfs\profiles$\mariellecs\Downloads\d419c2f1-da68-4013-a636-b83d5f2d85cc.tmp</t>
  </si>
  <si>
    <t>383fdc57-4b10-42e0-bab5-33f94975ac10.tmp</t>
  </si>
  <si>
    <t>\\acsfs\profiles$\quindaizaagds\Downloads\383fdc57-4b10-42e0-bab5-33f94975ac10.tmp</t>
  </si>
  <si>
    <t>e40ffe84-0d16-4070-a203-2b6c6666eaed.tmp</t>
  </si>
  <si>
    <t>\\acsfs\profiles$\isabellegtds\Downloads\e40ffe84-0d16-4070-a203-2b6c6666eaed.tmp</t>
  </si>
  <si>
    <t>ef7e39b8-5d9b-4ad6-ba10-9c750170fd2e.tmp</t>
  </si>
  <si>
    <t>\\acsfs\profiles$\isabellegtds\Downloads\ef7e39b8-5d9b-4ad6-ba10-9c750170fd2e.tmp</t>
  </si>
  <si>
    <t>lu139322oimg.tmp</t>
  </si>
  <si>
    <t>\\acsfs\profiles$\dhiulliananads\My Documents\lu139322oimg.tmp</t>
  </si>
  <si>
    <t>\\acsfs\profiles$\dhiulliananads\My Documents\lu139322oimg.tmp\</t>
  </si>
  <si>
    <t>\\acsfs\profiles$\dhiulliananads\My Documents\lu139322oimg.tmp\META-INF\</t>
  </si>
  <si>
    <t>\\acsfs\profiles$\dhiulliananads\My Documents\lu139322oimg.tmp\Thumbnails\</t>
  </si>
  <si>
    <t>lu139322oimm.tmp</t>
  </si>
  <si>
    <t>\\acsfs\profiles$\dhiulliananads\My Documents\lu139322oimm.tmp</t>
  </si>
  <si>
    <t>\\acsfs\profiles$\dhiulliananads\My Documents\lu139322oimm.tmp\</t>
  </si>
  <si>
    <t>\\acsfs\profiles$\dhiulliananads\My Documents\lu139322oimm.tmp\META-INF\</t>
  </si>
  <si>
    <t>\\acsfs\profiles$\dhiulliananads\My Documents\lu139322oimm.tmp\Thumbnails\</t>
  </si>
  <si>
    <t>22136a44-04c2-448f-85a2-8e75236b279f.tmp</t>
  </si>
  <si>
    <t>\\acsfs\profiles$\ayalabfi\Downloads\22136a44-04c2-448f-85a2-8e75236b279f.tmp</t>
  </si>
  <si>
    <t>d4edfaa7-b965-4d6e-a399-c9d52ba124a9.tmp</t>
  </si>
  <si>
    <t>\\acsfs\profiles$\victoriaksr\Downloads\d4edfaa7-b965-4d6e-a399-c9d52ba124a9.tmp</t>
  </si>
  <si>
    <t>deboractr</t>
  </si>
  <si>
    <t>\\acsfs\profiles$\deboractr\My Documents\My Music\</t>
  </si>
  <si>
    <t>\\acsfs\profiles$\deboractr\My Documents\My Pictures\desktop.ini</t>
  </si>
  <si>
    <t>\\acsfs\profiles$\deboractr\My Documents\My Pictures\</t>
  </si>
  <si>
    <t>\\acsfs\profiles$\deboractr\Contacts\</t>
  </si>
  <si>
    <t>\\acsfs\profiles$\deboractr\Contacts\desktop.ini</t>
  </si>
  <si>
    <t>\\acsfs\profiles$\deboractr\My Documents\</t>
  </si>
  <si>
    <t>\\acsfs\profiles$\deboractr\Favorites\desktop.ini</t>
  </si>
  <si>
    <t>\\acsfs\profiles$\deboractr\My Documents\My Music\desktop.ini</t>
  </si>
  <si>
    <t>\\acsfs\profiles$\deboractr\Searches\</t>
  </si>
  <si>
    <t>\\acsfs\profiles$\deboractr\Searches\desktop.ini</t>
  </si>
  <si>
    <t>\\acsfs\profiles$\deboractr\Downloads\</t>
  </si>
  <si>
    <t>\\acsfs\profiles$\deboractr\Downloads\desktop.ini</t>
  </si>
  <si>
    <t>\\acsfs\profiles$\deboractr\Favorites\</t>
  </si>
  <si>
    <t>\\acsfs\profiles$\deboractr\My Documents\desktop.ini</t>
  </si>
  <si>
    <t>\\acsfs\profiles$\deboractr\Saved Games\desktop.ini</t>
  </si>
  <si>
    <t>winrt--{S-1-5-21-602162358-764733703-839522115-354166}-.searchconnector-ms</t>
  </si>
  <si>
    <t>\\acsfs\profiles$\deboractr\Searches\winrt--{S-1-5-21-602162358-764733703-839522115-354166}-.searchconnector-ms</t>
  </si>
  <si>
    <t>\\acsfs\profiles$\deboractr\Downloads\WavesAudio.MaxxAudioProforDell2019_fh4rh281wavaa!App\</t>
  </si>
  <si>
    <t>\\acsfs\profiles$\deboractr\Downloads\WavesAudio.MaxxAudioProforDell2019_fh4rh281wavaa!App\desktop.ini</t>
  </si>
  <si>
    <t>ad4bd788-30f5-4e5c-b73a-6b60c7cca305.tmp</t>
  </si>
  <si>
    <t>\\acsfs\profiles$\LAISLG\Downloads\ad4bd788-30f5-4e5c-b73a-6b60c7cca305.tmp</t>
  </si>
  <si>
    <t>\\acsfs\profiles$\larissaad\My Documents\</t>
  </si>
  <si>
    <t>scrips.txt</t>
  </si>
  <si>
    <t>\\acsfs\profiles$\larissaad\My Documents\scrips.txt</t>
  </si>
  <si>
    <t>0be4b8f8-fe22-4400-9fa8-69db64d4b52d.tmp</t>
  </si>
  <si>
    <t>\\acsfs\profiles$\larissaad\Downloads\0be4b8f8-fe22-4400-9fa8-69db64d4b52d.tmp</t>
  </si>
  <si>
    <t>026b44b5-af2c-40e5-a917-84e48979f626.tmp</t>
  </si>
  <si>
    <t>\\acsfs\profiles$\laianear\Downloads\026b44b5-af2c-40e5-a917-84e48979f626.tmp</t>
  </si>
  <si>
    <t>Flaviojmm</t>
  </si>
  <si>
    <t>25fe82fc-7105-4a33-92dc-e75ba3fd1171.tmp</t>
  </si>
  <si>
    <t>\\acsfs\profiles$\Flaviojmm\Downloads\25fe82fc-7105-4a33-92dc-e75ba3fd1171.tmp</t>
  </si>
  <si>
    <t>aaca0f56-861c-4ad4-a379-efa928748f27.tmp</t>
  </si>
  <si>
    <t>\\acsfs\profiles$\Flaviojmm\Downloads\aaca0f56-861c-4ad4-a379-efa928748f27.tmp</t>
  </si>
  <si>
    <t>jaquelinecp</t>
  </si>
  <si>
    <t>\\acsfs\profiles$\jaquelinecp\Contacts\</t>
  </si>
  <si>
    <t>JAQUELINE COIMBRA PERES (3).contact</t>
  </si>
  <si>
    <t>\\acsfs\profiles$\jaquelinecp\Contacts\JAQUELINE COIMBRA PERES (3).contact</t>
  </si>
  <si>
    <t>\\acsfs\profiles$\jaquelinecp\My Documents\My Videos\</t>
  </si>
  <si>
    <t>\\acsfs\profiles$\jaquelinecp\My Documents\My Videos\desktop.ini</t>
  </si>
  <si>
    <t>\\acsfs\profiles$\jaquelinecp\My Documents\My Pictures\</t>
  </si>
  <si>
    <t>\\acsfs\profiles$\jaquelinecp\My Documents\My Pictures\desktop.ini</t>
  </si>
  <si>
    <t>\\acsfs\profiles$\jaquelinecp\Contacts\desktop.ini</t>
  </si>
  <si>
    <t>\\acsfs\profiles$\jaquelinecp\Favorites\</t>
  </si>
  <si>
    <t>\\acsfs\profiles$\jaquelinecp\Favorites\desktop.ini</t>
  </si>
  <si>
    <t>\\acsfs\profiles$\jaquelinecp\My Documents\My Music\</t>
  </si>
  <si>
    <t>\\acsfs\profiles$\jaquelinecp\My Documents\My Music\desktop.ini</t>
  </si>
  <si>
    <t>\\acsfs\profiles$\jaquelinecp\Searches\</t>
  </si>
  <si>
    <t>\\acsfs\profiles$\jaquelinecp\Searches\desktop.ini</t>
  </si>
  <si>
    <t>\\acsfs\profiles$\jaquelinecp\Downloads\</t>
  </si>
  <si>
    <t>\\acsfs\profiles$\jaquelinecp\Downloads\desktop.ini</t>
  </si>
  <si>
    <t>\\acsfs\profiles$\jaquelinecp\My Documents\</t>
  </si>
  <si>
    <t>\\acsfs\profiles$\jaquelinecp\My Documents\desktop.ini</t>
  </si>
  <si>
    <t>\\acsfs\profiles$\jaquelinecp\Saved Games\</t>
  </si>
  <si>
    <t>\\acsfs\profiles$\jaquelinecp\Saved Games\desktop.ini</t>
  </si>
  <si>
    <t>\\acsfs\profiles$\JAQUELINECP\Favorites\Links for Brasil\</t>
  </si>
  <si>
    <t>\\acsfs\profiles$\JAQUELINECP\Favorites\Links for Brasil\desktop.ini</t>
  </si>
  <si>
    <t>\\acsfs\profiles$\JAQUELINECP\Favorites\Links for Brasil\Microsoft Brasil.url</t>
  </si>
  <si>
    <t>\\acsfs\profiles$\JAQUELINECP\Favorites\Links for Brasil\Windows Brasil.url</t>
  </si>
  <si>
    <t>\\acsfs\profiles$\JAQUELINECP\Favorites\Links for Brasil\MSN Brasil.url</t>
  </si>
  <si>
    <t>85e4cd54-cbad-4693-90e6-2bf25def01e0.tmp</t>
  </si>
  <si>
    <t>\\acsfs\profiles$\LAISLG\Downloads\85e4cd54-cbad-4693-90e6-2bf25def01e0.tmp</t>
  </si>
  <si>
    <t>joaogvc@algartech.com</t>
  </si>
  <si>
    <t>mail.google.com/sync/u/0/i/s?hl=pt-BR&amp;c=84</t>
  </si>
  <si>
    <t>mail.google.com/sync/u/0/i/s?hl=pt-BR&amp;c=86</t>
  </si>
  <si>
    <t>mail.google.com/sync/u/0/i/s?hl=pt-BR&amp;c=88</t>
  </si>
  <si>
    <t>josiascdsj@algartech.com;marianadjc@algartech.com;paulacn@algartech.com;rafaelggs@algartech.com;viniciussg@algartech.com;</t>
  </si>
  <si>
    <t>josiascdsj@algartech.com,marianadjc@algartech.com,paulacn@algartech.com,rafaelggs@algartech.com,viniciussg@algartech.com</t>
  </si>
  <si>
    <t>mail.google.com/sync/u/0/i/s?hl=pt-BR&amp;c=94</t>
  </si>
  <si>
    <t>mail.google.com/sync/u/0/i/s?hl=pt-BR&amp;c=184</t>
  </si>
  <si>
    <t>leonardoao@algartech.com;rafaelggs@algartech.com;</t>
  </si>
  <si>
    <t>leonardoao@algartech.com,rafaelggs@algartech.com</t>
  </si>
  <si>
    <t>mail.google.com/sync/u/0/i/s?hl=pt-BR&amp;c=188</t>
  </si>
  <si>
    <t>mail.google.com/sync/u/0/i/s?hl=pt-BR&amp;c=190</t>
  </si>
  <si>
    <t>lu18844xsdgy.tmp</t>
  </si>
  <si>
    <t>\\acsfs\profiles$\CINTIADCF\lu18844xsdgy.tmp</t>
  </si>
  <si>
    <t>\\acsfs\profiles$\CINTIADCF\lu18844xsdgy.tmp\</t>
  </si>
  <si>
    <t>\\acsfs\profiles$\CINTIADCF\lu18844xsdgy.tmp\META-INF\</t>
  </si>
  <si>
    <t>\\acsfs\profiles$\CINTIADCF\lu18844xsdgy.tmp\Thumbnails\</t>
  </si>
  <si>
    <t>ac7d0def-9c91-45d6-8110-4038ebff6555.tmp</t>
  </si>
  <si>
    <t>\\acsfs\profiles$\luanarda\Downloads\ac7d0def-9c91-45d6-8110-4038ebff6555.tmp</t>
  </si>
  <si>
    <t>0500b7c0-88a0-41a3-8a0d-7efaba31e466.tmp</t>
  </si>
  <si>
    <t>\\acsfs\profiles$\deboractr\Downloads\0500b7c0-88a0-41a3-8a0d-7efaba31e466.tmp</t>
  </si>
  <si>
    <t>9183b1ca-aa80-4ca7-be76-f8c9bef29a51.tmp</t>
  </si>
  <si>
    <t>\\acsfs\profiles$\deboractr\Downloads\9183b1ca-aa80-4ca7-be76-f8c9bef29a51.tmp</t>
  </si>
  <si>
    <t>10.200.67.197</t>
  </si>
  <si>
    <t>D0-94-66-B5-5D-C0</t>
  </si>
  <si>
    <t>VOTORANT-RB014</t>
  </si>
  <si>
    <t>winrt--{S-1-5-21-602162358-764733703-839522115-352981}-.searchconnector-ms</t>
  </si>
  <si>
    <t>\\acsfs\profiles$\jaquelinecp\Searches\winrt--{S-1-5-21-602162358-764733703-839522115-352981}-.searchconnector-ms</t>
  </si>
  <si>
    <t>mail.google.com/sync/u/0/i/s?hl=pt-BR&amp;c=101</t>
  </si>
  <si>
    <t>c26f77ea-4656-4c8c-9497-b437fef54435.tmp</t>
  </si>
  <si>
    <t>\\acsfs\profiles$\felipetds\Downloads\c26f77ea-4656-4c8c-9497-b437fef54435.tmp</t>
  </si>
  <si>
    <t>10.200.66.183</t>
  </si>
  <si>
    <t>D4-AE-52-FC-8F-DA</t>
  </si>
  <si>
    <t>VOTORANTE-ZB021</t>
  </si>
  <si>
    <t>\\acsfs\DEPTOS\Operacao\Banco_Votorantim\Supervisao\SUPERS BV CARTÕES\</t>
  </si>
  <si>
    <t>.~lock.Layout TV Vendas 3.1.ppt#</t>
  </si>
  <si>
    <t>\\acsfs\DEPTOS\Operacao\Banco_Votorantim\Supervisao\SUPERS BV CARTÕES\.~lock.Layout TV Vendas 3.1.ppt#</t>
  </si>
  <si>
    <t>bc2ad6a5-8e91-4ead-81b5-890d5c5c86b3.tmp</t>
  </si>
  <si>
    <t>\\acsfs\profiles$\luanaagl\Downloads\bc2ad6a5-8e91-4ead-81b5-890d5c5c86b3.tmp</t>
  </si>
  <si>
    <t>42b39574-33da-40e9-b0d7-3f22cd0fd6ba.tmp</t>
  </si>
  <si>
    <t>\\acsfs\profiles$\luanaagl\Downloads\42b39574-33da-40e9-b0d7-3f22cd0fd6ba.tmp</t>
  </si>
  <si>
    <t>andersonrm</t>
  </si>
  <si>
    <t>\\acsfs\DEPTOS\Operacao\Banco_Votorantim\Qualidade\Anderson\Jose\Atualizado\</t>
  </si>
  <si>
    <t>Relatorio de Vendas - Auditoria BV Cartoes (Dezembro)_NOVO terminar.xlsx</t>
  </si>
  <si>
    <t>\\acsfs\DEPTOS\Operacao\Banco_Votorantim\Qualidade\Anderson\Jose\Atualizado\Relatorio de Vendas - Auditoria BV Cartoes (Dezembro)_NOVO terminar.xlsx</t>
  </si>
  <si>
    <t>https://udpmailboxap01.acs.com.br:8443/h/search?si=0&amp;so=0&amp;sc=58525&amp;sfi=6&amp;st=conversation&amp;action=compose</t>
  </si>
  <si>
    <t>mail.google.com/sync/u/0/i/s?hl=pt-BR&amp;c=174</t>
  </si>
  <si>
    <t>10.200.67.18</t>
  </si>
  <si>
    <t>74-86-7A-FB-17-21</t>
  </si>
  <si>
    <t>VOTORANT-PB006</t>
  </si>
  <si>
    <t>LETICIA LIMA ALVES (2403).contact</t>
  </si>
  <si>
    <t>\\acsfs\profiles$\leticiala\Contacts\LETICIA LIMA ALVES (2403).contact</t>
  </si>
  <si>
    <t>.~lock.Layout TV Vendas 1.1.ppt#</t>
  </si>
  <si>
    <t>\\acsfs\DEPTOS\Operacao\Banco_Votorantim\Supervisao\SUPERS BV CARTÕES\.~lock.Layout TV Vendas 1.1.ppt#</t>
  </si>
  <si>
    <t>.~lock.Layout TV Vendas 2.1.ppt#</t>
  </si>
  <si>
    <t>\\acsfs\DEPTOS\Operacao\Banco_Votorantim\Supervisao\SUPERS BV CARTÕES\.~lock.Layout TV Vendas 2.1.ppt#</t>
  </si>
  <si>
    <t>9cff43d3-ed7a-434a-9283-12dd5c83bfea.tmp</t>
  </si>
  <si>
    <t>\\acsfs\profiles$\Flaviojmm\Downloads\9cff43d3-ed7a-434a-9283-12dd5c83bfea.tmp</t>
  </si>
  <si>
    <t>b6ac1ce2-cc09-4747-a9ef-9e93693674b7.tmp</t>
  </si>
  <si>
    <t>\\acsfs\profiles$\LUCASNS\Downloads\b6ac1ce2-cc09-4747-a9ef-9e93693674b7.tmp</t>
  </si>
  <si>
    <t>bdf21071-8658-4f57-9f98-b4b43a433bf7.tmp</t>
  </si>
  <si>
    <t>\\acsfs\profiles$\ayalabfi\Downloads\bdf21071-8658-4f57-9f98-b4b43a433bf7.tmp</t>
  </si>
  <si>
    <t>13700549-5986-475f-9938-2fb0d39692d7.tmp</t>
  </si>
  <si>
    <t>\\acsfs\profiles$\nathaliarmr\Downloads\13700549-5986-475f-9938-2fb0d39692d7.tmp</t>
  </si>
  <si>
    <t>mail.google.com/sync/u/0/i/s?hl=pt-BR&amp;c=178</t>
  </si>
  <si>
    <t>mail.google.com/sync/u/0/i/s?hl=pt-BR&amp;c=185</t>
  </si>
  <si>
    <t>algartechcpcbv@algartech.com;andrelpsa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mail.google.com/sync/u/0/i/s?hl=pt-BR&amp;c=187</t>
  </si>
  <si>
    <t>mail.google.com/sync/u/0/i/s?hl=pt-BR&amp;c=189</t>
  </si>
  <si>
    <t>mail.google.com/sync/u/0/i/s?hl=pt-BR&amp;c=194</t>
  </si>
  <si>
    <t>mail.google.com/sync/u/0/i/s?hl=pt-BR&amp;c=209</t>
  </si>
  <si>
    <t>\\acsfs\deptos\Operacao\PCP\5 - Comum\ALESSANDRA GOMES DOS SANTOS BARROS\AVON\Relatórios\1 - NCOB\2019\12 - Dezembro\</t>
  </si>
  <si>
    <t>ACOMPANHAMENTO NCOB - Dez.2019.xlsx</t>
  </si>
  <si>
    <t>\\acsfs\deptos\Operacao\PCP\5 - Comum\ALESSANDRA GOMES DOS SANTOS BARROS\AVON\Relatórios\1 - NCOB\2019\12 - Dezembro\ACOMPANHAMENTO NCOB - Dez.2019.xlsx</t>
  </si>
  <si>
    <t>\\acsfs\deptos\Operacao\PCP\5 - Comum\ALESSANDRA GOMES DOS SANTOS BARROS\AVON\Relatórios\1 - NCOB\</t>
  </si>
  <si>
    <t>AVON_Extrator Diário (por Skill) - NCOB.xls</t>
  </si>
  <si>
    <t>\\acsfs\deptos\Operacao\PCP\5 - Comum\ALESSANDRA GOMES DOS SANTOS BARROS\AVON\Relatórios\1 - NCOB\AVON_Extrator Diário (por Skill) - NCOB.xls</t>
  </si>
  <si>
    <t>2adc9a3c-e771-4f79-9adc-55cd7134c17d.tmp</t>
  </si>
  <si>
    <t>\\acsfs\profiles$\leticiala\Downloads\2adc9a3c-e771-4f79-9adc-55cd7134c17d.tmp</t>
  </si>
  <si>
    <t>Não confirmado 218595.crdownload</t>
  </si>
  <si>
    <t>\\acsfs\profiles$\leticiala\Downloads\Não confirmado 218595.crdownload</t>
  </si>
  <si>
    <t>748f8b4c-c1eb-4dbc-9684-8ecab8b9398a.tmp</t>
  </si>
  <si>
    <t>\\acsfs\profiles$\leticiala\Downloads\748f8b4c-c1eb-4dbc-9684-8ecab8b9398a.tmp</t>
  </si>
  <si>
    <t>0253554b-82bd-47a2-9edb-b6bd0433338c.tmp</t>
  </si>
  <si>
    <t>\\acsfs\profiles$\rafaelahpn\Downloads\0253554b-82bd-47a2-9edb-b6bd0433338c.tmp</t>
  </si>
  <si>
    <t>46135860-59c4-42a4-a330-2d95e16fdc45.tmp</t>
  </si>
  <si>
    <t>\\acsfs\profiles$\rafaelahpn\Downloads\46135860-59c4-42a4-a330-2d95e16fdc45.tmp</t>
  </si>
  <si>
    <t>7ccb420c-8ae0-40bd-97a9-afe0bd57bb5d.tmp</t>
  </si>
  <si>
    <t>\\acsfs\profiles$\rafaelahpn\Downloads\7ccb420c-8ae0-40bd-97a9-afe0bd57bb5d.tmp</t>
  </si>
  <si>
    <t>4ded1a00-41d1-4cd0-9a7c-42b389f33f46.tmp</t>
  </si>
  <si>
    <t>\\acsfs\profiles$\rafaelahpn\Downloads\4ded1a00-41d1-4cd0-9a7c-42b389f33f46.tmp</t>
  </si>
  <si>
    <t>bb4b5c3b-5bd0-4b3f-ae8b-f50cf1001eb7.tmp</t>
  </si>
  <si>
    <t>\\acsfs\profiles$\rafaelahpn\Downloads\bb4b5c3b-5bd0-4b3f-ae8b-f50cf1001eb7.tmp</t>
  </si>
  <si>
    <t>importante.txt</t>
  </si>
  <si>
    <t>\\acsfs\Deptos\Operacao\Banco_Votorantim\Supervisao\Maristela\importante.txt</t>
  </si>
  <si>
    <t>773e76df-29ef-4138-90d2-a8f92bdbf987.tmp</t>
  </si>
  <si>
    <t>\\acsfs\profiles$\geovannasm\Downloads\773e76df-29ef-4138-90d2-a8f92bdbf987.tmp</t>
  </si>
  <si>
    <t>61f25069-47a5-4606-8503-1297e65ffcce.tmp</t>
  </si>
  <si>
    <t>\\acsfs\profiles$\anafsb\Downloads\61f25069-47a5-4606-8503-1297e65ffcce.tmp</t>
  </si>
  <si>
    <t>a9a35f0f-e2a5-4c65-a2de-2b2039cbb777.tmp</t>
  </si>
  <si>
    <t>\\acsfs\profiles$\mariajra\Downloads\a9a35f0f-e2a5-4c65-a2de-2b2039cbb777.tmp</t>
  </si>
  <si>
    <t>CERRADO GESTAO COMPARTILHADA OPERACOES</t>
  </si>
  <si>
    <t>10.200.35.136</t>
  </si>
  <si>
    <t>20-04-0F-FE-46-7C</t>
  </si>
  <si>
    <t>NB-HUGOOC</t>
  </si>
  <si>
    <t>hugooc</t>
  </si>
  <si>
    <t>C:\Users\hugooc\OneDrive\Documentos\FINANCEIRO\</t>
  </si>
  <si>
    <t>HUGO_ORÇAMENTO_2020.xlsm</t>
  </si>
  <si>
    <t>Cloud Storage (OneDrive)</t>
  </si>
  <si>
    <t>Microsoft OneDrive</t>
  </si>
  <si>
    <t>HUGO_ORÇAMENTO_2019-NB-HUGOOC 4.xlsm</t>
  </si>
  <si>
    <t>419887c1-b10b-4f5d-a0d6-a15b712a6163.tmp</t>
  </si>
  <si>
    <t>\\acsfs\profiles$\nathaliarmr\Downloads\419887c1-b10b-4f5d-a0d6-a15b712a6163.tmp</t>
  </si>
  <si>
    <t>1e2569e5-2622-4220-b810-b8e5fb431e5d.tmp</t>
  </si>
  <si>
    <t>\\acsfs\profiles$\nathaliarmr\Downloads\1e2569e5-2622-4220-b810-b8e5fb431e5d.tmp</t>
  </si>
  <si>
    <t>mail.google.com/sync/u/0/i/s?hl=pt-BR&amp;c=225</t>
  </si>
  <si>
    <t>mail.google.com/sync/u/0/i/s?hl=pt-BR&amp;c=228</t>
  </si>
  <si>
    <t>mail.google.com/sync/u/0/i/s?hl=pt-BR&amp;c=230</t>
  </si>
  <si>
    <t>cpc-controldeskavon@algartech.com;joseasn@algartech.com;luiz.henriquesantos@avon.com;marianadjc@algartech.com;</t>
  </si>
  <si>
    <t>cpc-controldeskavon@algartech.com,joseasn@algartech.com,luiz.henriquesantos@avon.com,marianadjc@algartech.com</t>
  </si>
  <si>
    <t>mail.google.com/sync/u/0/i/s?hl=pt-BR&amp;c=232</t>
  </si>
  <si>
    <t>\\acsfs\DEPTOS\Operacao\PCP\5 - Comum\PLANEJAMENTO BV\14 - ACOMPANHAMENTO\1 - REPORT ACOMPANHAMENTO\2020\1 - JANEIRO\FINANCEIRA\Pausas.xlsx</t>
  </si>
  <si>
    <t>bd atualizado.xlsx</t>
  </si>
  <si>
    <t>\\acsfs\DEPTOS\Operacao\PCP\5 - Comum\PLANEJAMENTO BV\14 - ACOMPANHAMENTO\1 - REPORT ACOMPANHAMENTO\2020\1 - JANEIRO\FINANCEIRA\Login Logout Financeira\bd atualizado.xlsx</t>
  </si>
  <si>
    <t>\\acsfs\DEPTOS\Operacao\PCP\5 - Comum\PLANEJAMENTO BV\14 - ACOMPANHAMENTO\1 - REPORT ACOMPANHAMENTO\2020\1 - JANEIRO\FINANCEIRA\Login Logout Financeira\LOGIN LOGOUT FINANCEIRA - EXTRAÇÂO.xlsx</t>
  </si>
  <si>
    <t>RELATORIO DE LOGIN - FINANCEIRA - 05 - 12.xlsm</t>
  </si>
  <si>
    <t>\\acsfs\DEPTOS\Operacao\PCP\5 - Comum\PLANEJAMENTO BV\14 - ACOMPANHAMENTO\1 - REPORT ACOMPANHAMENTO\2020\1 - JANEIRO\FINANCEIRA\Login Logout Financeira\RELATORIO DE LOGIN - FINANCEIRA - 05 - 12.xlsm</t>
  </si>
  <si>
    <t>\\acsfs\DEPTOS\Operacao\PCP\5 - Comum\PLANEJAMENTO BV\14 - ACOMPANHAMENTO\1 - REPORT ACOMPANHAMENTO\2020\1 - JANEIRO\FINANCEIRA\Login Logout Financeira\RELATORIO DE LOGIN - FINANCEIRA - 05 - 12.xlsm\</t>
  </si>
  <si>
    <t>\\acsfs\DEPTOS\Operacao\PCP\5 - Comum\PLANEJAMENTO BV\14 - ACOMPANHAMENTO\1 - REPORT ACOMPANHAMENTO\2020\1 - JANEIRO\FINANCEIRA\Login Logout Financeira\RELATORIO DE LOGIN - FINANCEIRA - 05 - 12.xlsm\:Zone.Identifier:$DATA</t>
  </si>
  <si>
    <t>RELATORIO DE LOGIN - FINANCEIRA - 06 - 12.xlsm</t>
  </si>
  <si>
    <t>\\acsfs\DEPTOS\Operacao\PCP\5 - Comum\PLANEJAMENTO BV\14 - ACOMPANHAMENTO\1 - REPORT ACOMPANHAMENTO\2020\1 - JANEIRO\FINANCEIRA\Login Logout Financeira\RELATORIO DE LOGIN - FINANCEIRA - 06 - 12.xlsm</t>
  </si>
  <si>
    <t>\\acsfs\DEPTOS\Operacao\PCP\5 - Comum\PLANEJAMENTO BV\14 - ACOMPANHAMENTO\1 - REPORT ACOMPANHAMENTO\2020\1 - JANEIRO\FINANCEIRA\Login Logout Financeira\RELATORIO DE LOGIN - FINANCEIRA - 06 - 12.xlsm\</t>
  </si>
  <si>
    <t>\\acsfs\DEPTOS\Operacao\PCP\5 - Comum\PLANEJAMENTO BV\14 - ACOMPANHAMENTO\1 - REPORT ACOMPANHAMENTO\2020\1 - JANEIRO\FINANCEIRA\Login Logout Financeira\RELATORIO DE LOGIN - FINANCEIRA - 06 - 12.xlsm\:Zone.Identifier:$DATA</t>
  </si>
  <si>
    <t>RELATORIO DE LOGIN - FINANCEIRA - 09 - 12.xlsm</t>
  </si>
  <si>
    <t>\\acsfs\DEPTOS\Operacao\PCP\5 - Comum\PLANEJAMENTO BV\14 - ACOMPANHAMENTO\1 - REPORT ACOMPANHAMENTO\2020\1 - JANEIRO\FINANCEIRA\Login Logout Financeira\RELATORIO DE LOGIN - FINANCEIRA - 09 - 12.xlsm</t>
  </si>
  <si>
    <t>\\acsfs\DEPTOS\Operacao\PCP\5 - Comum\PLANEJAMENTO BV\14 - ACOMPANHAMENTO\1 - REPORT ACOMPANHAMENTO\2020\1 - JANEIRO\FINANCEIRA\Login Logout Financeira\RELATORIO DE LOGIN - FINANCEIRA - 09 - 12.xlsm\</t>
  </si>
  <si>
    <t>\\acsfs\DEPTOS\Operacao\PCP\5 - Comum\PLANEJAMENTO BV\14 - ACOMPANHAMENTO\1 - REPORT ACOMPANHAMENTO\2020\1 - JANEIRO\FINANCEIRA\Login Logout Financeira\RELATORIO DE LOGIN - FINANCEIRA - 09 - 12.xlsm\:Zone.Identifier:$DATA</t>
  </si>
  <si>
    <t>RELATORIO DE LOGIN - FINANCEIRA - 10 - 12.xlsm</t>
  </si>
  <si>
    <t>\\acsfs\DEPTOS\Operacao\PCP\5 - Comum\PLANEJAMENTO BV\14 - ACOMPANHAMENTO\1 - REPORT ACOMPANHAMENTO\2020\1 - JANEIRO\FINANCEIRA\Login Logout Financeira\RELATORIO DE LOGIN - FINANCEIRA - 10 - 12.xlsm</t>
  </si>
  <si>
    <t>\\acsfs\DEPTOS\Operacao\PCP\5 - Comum\PLANEJAMENTO BV\14 - ACOMPANHAMENTO\1 - REPORT ACOMPANHAMENTO\2020\1 - JANEIRO\FINANCEIRA\Login Logout Financeira\RELATORIO DE LOGIN - FINANCEIRA - 10 - 12.xlsm\</t>
  </si>
  <si>
    <t>\\acsfs\DEPTOS\Operacao\PCP\5 - Comum\PLANEJAMENTO BV\14 - ACOMPANHAMENTO\1 - REPORT ACOMPANHAMENTO\2020\1 - JANEIRO\FINANCEIRA\Login Logout Financeira\RELATORIO DE LOGIN - FINANCEIRA - 10 - 12.xlsm\:Zone.Identifier:$DATA</t>
  </si>
  <si>
    <t>RELATORIO DE LOGIN - FINANCEIRA - 11 - 12.xlsm</t>
  </si>
  <si>
    <t>\\acsfs\DEPTOS\Operacao\PCP\5 - Comum\PLANEJAMENTO BV\14 - ACOMPANHAMENTO\1 - REPORT ACOMPANHAMENTO\2020\1 - JANEIRO\FINANCEIRA\Login Logout Financeira\RELATORIO DE LOGIN - FINANCEIRA - 11 - 12.xlsm</t>
  </si>
  <si>
    <t>\\acsfs\DEPTOS\Operacao\PCP\5 - Comum\PLANEJAMENTO BV\14 - ACOMPANHAMENTO\1 - REPORT ACOMPANHAMENTO\2020\1 - JANEIRO\FINANCEIRA\Login Logout Financeira\RELATORIO DE LOGIN - FINANCEIRA - 11 - 12.xlsm\</t>
  </si>
  <si>
    <t>\\acsfs\DEPTOS\Operacao\PCP\5 - Comum\PLANEJAMENTO BV\14 - ACOMPANHAMENTO\1 - REPORT ACOMPANHAMENTO\2020\1 - JANEIRO\FINANCEIRA\Login Logout Financeira\RELATORIO DE LOGIN - FINANCEIRA - 11 - 12.xlsm\:Zone.Identifier:$DATA</t>
  </si>
  <si>
    <t>RELATORIO DE LOGIN - FINANCEIRA - 12 - 12 -.xlsm</t>
  </si>
  <si>
    <t>\\acsfs\DEPTOS\Operacao\PCP\5 - Comum\PLANEJAMENTO BV\14 - ACOMPANHAMENTO\1 - REPORT ACOMPANHAMENTO\2020\1 - JANEIRO\FINANCEIRA\Login Logout Financeira\RELATORIO DE LOGIN - FINANCEIRA - 12 - 12 -.xlsm</t>
  </si>
  <si>
    <t>\\acsfs\DEPTOS\Operacao\PCP\5 - Comum\PLANEJAMENTO BV\14 - ACOMPANHAMENTO\1 - REPORT ACOMPANHAMENTO\2020\1 - JANEIRO\FINANCEIRA\Login Logout Financeira\RELATORIO DE LOGIN - FINANCEIRA - 12 - 12 -.xlsm\</t>
  </si>
  <si>
    <t>\\acsfs\DEPTOS\Operacao\PCP\5 - Comum\PLANEJAMENTO BV\14 - ACOMPANHAMENTO\1 - REPORT ACOMPANHAMENTO\2020\1 - JANEIRO\FINANCEIRA\Login Logout Financeira\RELATORIO DE LOGIN - FINANCEIRA - 12 - 12 -.xlsm\:Zone.Identifier:$DATA</t>
  </si>
  <si>
    <t>RELATORIO DE LOGIN - FINANCEIRA - 19-12.xlsm</t>
  </si>
  <si>
    <t>\\acsfs\DEPTOS\Operacao\PCP\5 - Comum\PLANEJAMENTO BV\14 - ACOMPANHAMENTO\1 - REPORT ACOMPANHAMENTO\2020\1 - JANEIRO\FINANCEIRA\Login Logout Financeira\RELATORIO DE LOGIN - FINANCEIRA - 19-12.xlsm</t>
  </si>
  <si>
    <t>RELATORIO DE LOGIN - FINANCEIRA - 20-12.xlsm</t>
  </si>
  <si>
    <t>\\acsfs\DEPTOS\Operacao\PCP\5 - Comum\PLANEJAMENTO BV\14 - ACOMPANHAMENTO\1 - REPORT ACOMPANHAMENTO\2020\1 - JANEIRO\FINANCEIRA\Login Logout Financeira\RELATORIO DE LOGIN - FINANCEIRA - 20-12.xlsm</t>
  </si>
  <si>
    <t>RELATORIO DE LOGIN - FINANCEIRA - 23-12.xlsm</t>
  </si>
  <si>
    <t>\\acsfs\DEPTOS\Operacao\PCP\5 - Comum\PLANEJAMENTO BV\14 - ACOMPANHAMENTO\1 - REPORT ACOMPANHAMENTO\2020\1 - JANEIRO\FINANCEIRA\Login Logout Financeira\RELATORIO DE LOGIN - FINANCEIRA - 23-12.xlsm</t>
  </si>
  <si>
    <t>RELATORIO DE LOGIN - FINANCEIRA - 24-12.xlsm</t>
  </si>
  <si>
    <t>\\acsfs\DEPTOS\Operacao\PCP\5 - Comum\PLANEJAMENTO BV\14 - ACOMPANHAMENTO\1 - REPORT ACOMPANHAMENTO\2020\1 - JANEIRO\FINANCEIRA\Login Logout Financeira\RELATORIO DE LOGIN - FINANCEIRA - 24-12.xlsm</t>
  </si>
  <si>
    <t>RELATORIO DE LOGIN - FINANCEIRA - 26-12.xlsm</t>
  </si>
  <si>
    <t>\\acsfs\DEPTOS\Operacao\PCP\5 - Comum\PLANEJAMENTO BV\14 - ACOMPANHAMENTO\1 - REPORT ACOMPANHAMENTO\2020\1 - JANEIRO\FINANCEIRA\Login Logout Financeira\RELATORIO DE LOGIN - FINANCEIRA - 26-12.xlsm</t>
  </si>
  <si>
    <t>RELATORIO DE LOGIN - FINANCEIRA - 27-12.xlsm</t>
  </si>
  <si>
    <t>\\acsfs\DEPTOS\Operacao\PCP\5 - Comum\PLANEJAMENTO BV\14 - ACOMPANHAMENTO\1 - REPORT ACOMPANHAMENTO\2020\1 - JANEIRO\FINANCEIRA\Login Logout Financeira\RELATORIO DE LOGIN - FINANCEIRA - 27-12.xlsm</t>
  </si>
  <si>
    <t>RELATORIO DE LOGIN - FINANCEIRA - 28-12 - SAC.xlsm</t>
  </si>
  <si>
    <t>\\acsfs\DEPTOS\Operacao\PCP\5 - Comum\PLANEJAMENTO BV\14 - ACOMPANHAMENTO\1 - REPORT ACOMPANHAMENTO\2020\1 - JANEIRO\FINANCEIRA\Login Logout Financeira\RELATORIO DE LOGIN - FINANCEIRA - 28-12 - SAC.xlsm</t>
  </si>
  <si>
    <t>RELATORIO DE LOGIN - FINANCEIRA - 29-12 - SAC.xlsm</t>
  </si>
  <si>
    <t>\\acsfs\DEPTOS\Operacao\PCP\5 - Comum\PLANEJAMENTO BV\14 - ACOMPANHAMENTO\1 - REPORT ACOMPANHAMENTO\2020\1 - JANEIRO\FINANCEIRA\Login Logout Financeira\RELATORIO DE LOGIN - FINANCEIRA - 29-12 - SAC.xlsm</t>
  </si>
  <si>
    <t>\\acsfs\DEPTOS\Operacao\PCP\5 - Comum\PLANEJAMENTO BV\14 - ACOMPANHAMENTO\1 - REPORT ACOMPANHAMENTO\2020\1 - JANEIRO\FINANCEIRA\Login Logout Financeira\RELATORIO DE LOGIN - FINANCEIRA - 30-12.xlsm</t>
  </si>
  <si>
    <t>c2342fb3-5cb8-4d8c-8d29-22c7cb619fe6.tmp</t>
  </si>
  <si>
    <t>\\acsfs\profiles$\leticiala\Downloads\c2342fb3-5cb8-4d8c-8d29-22c7cb619fe6.tmp</t>
  </si>
  <si>
    <t>f26729c6-ec92-4d90-bb78-d6f00d57f068.tmp</t>
  </si>
  <si>
    <t>\\acsfs\profiles$\leticiala\Downloads\f26729c6-ec92-4d90-bb78-d6f00d57f068.tmp</t>
  </si>
  <si>
    <t>519ea754-7e11-40f5-b253-879a6f9d09d4.tmp</t>
  </si>
  <si>
    <t>\\acsfs\profiles$\rafaelahpn\Downloads\519ea754-7e11-40f5-b253-879a6f9d09d4.tmp</t>
  </si>
  <si>
    <t>https://browser.pipe.aria.microsoft.com/collector/3.0/?qsp=true&amp;content-type=application/bond-compact-binary&amp;client-id=no_auth&amp;sdk-version=awt-web-cjs-1.2.2&amp;x-apikey=3b1ea01450be48f29759d868931e225d-7167685b-f6ff-421c-aa64-8ae16fe92128-7283</t>
  </si>
  <si>
    <t>6df9842a-6652-4c58-ae8e-8429ddfef8b2.tmp</t>
  </si>
  <si>
    <t>\\acsfs\profiles$\Flaviojmm\Downloads\6df9842a-6652-4c58-ae8e-8429ddfef8b2.tmp</t>
  </si>
  <si>
    <t>lu381803uvy8w.tmp</t>
  </si>
  <si>
    <t>\\acsfs\profiles$\marcellewdl\My Documents\lu381803uvy8w.tmp</t>
  </si>
  <si>
    <t>\\acsfs\profiles$\marcellewdl\My Documents\lu381803uvy8w.tmp\</t>
  </si>
  <si>
    <t>\\acsfs\profiles$\marcellewdl\My Documents\lu381803uvy8w.tmp\META-INF\</t>
  </si>
  <si>
    <t>\\acsfs\profiles$\marcellewdl\My Documents\lu381803uvy8w.tmp\Thumbnails\</t>
  </si>
  <si>
    <t>lu381803uvy90.tmp</t>
  </si>
  <si>
    <t>\\acsfs\profiles$\marcellewdl\My Documents\lu381803uvy90.tmp</t>
  </si>
  <si>
    <t>\\acsfs\profiles$\marcellewdl\My Documents\lu381803uvy90.tmp\</t>
  </si>
  <si>
    <t>\\acsfs\profiles$\marcellewdl\My Documents\lu381803uvy90.tmp\META-INF\</t>
  </si>
  <si>
    <t>\\acsfs\profiles$\marcellewdl\My Documents\lu381803uvy90.tmp\Thumbnails\</t>
  </si>
  <si>
    <t>10.200.58.77</t>
  </si>
  <si>
    <t>D8-9C-67-4D-7C-3D</t>
  </si>
  <si>
    <t>NB-EDUARDOST</t>
  </si>
  <si>
    <t>eduardost</t>
  </si>
  <si>
    <t>eduardo.s.amaral@gmail.com</t>
  </si>
  <si>
    <t>C:\Users\eduardost\Downloads\Pessoal\</t>
  </si>
  <si>
    <t>despesas_familiaTheo.xlsx</t>
  </si>
  <si>
    <t>\\acsfs\profiles$\nathaliarmr\Desktop\.~lock.Vendas.ods#</t>
  </si>
  <si>
    <t>5633c9d7-8bb5-4941-833b-7779d2121894.tmp</t>
  </si>
  <si>
    <t>\\acsfs\profiles$\rafaelahpn\Downloads\5633c9d7-8bb5-4941-833b-7779d2121894.tmp</t>
  </si>
  <si>
    <t>63857da6-49aa-410b-842b-0ef62e4f1fe7.tmp</t>
  </si>
  <si>
    <t>\\acsfs\profiles$\maxmillianosv\Downloads\63857da6-49aa-410b-842b-0ef62e4f1fe7.tmp</t>
  </si>
  <si>
    <t>d35681d2-81c5-418f-a4de-f371e06c1ee0.tmp</t>
  </si>
  <si>
    <t>\\acsfs\profiles$\michelerds\Downloads\d35681d2-81c5-418f-a4de-f371e06c1ee0.tmp</t>
  </si>
  <si>
    <t>GUBERT1.png</t>
  </si>
  <si>
    <t>\\acsfs\DEPTOS\Operacao\Banco_Votorantim\Qualidade\Anderson\Jose\Atualizado\GUBERT1.png</t>
  </si>
  <si>
    <t>GUBERT2.png</t>
  </si>
  <si>
    <t>\\acsfs\DEPTOS\Operacao\Banco_Votorantim\Qualidade\Anderson\Jose\Atualizado\GUBERT2.png</t>
  </si>
  <si>
    <t>GUBERT3.png</t>
  </si>
  <si>
    <t>\\acsfs\DEPTOS\Operacao\Banco_Votorantim\Qualidade\Anderson\Jose\Atualizado\GUBERT3.png</t>
  </si>
  <si>
    <t>5b9547d7-1b1f-465b-b2c5-54a89e393774.tmp</t>
  </si>
  <si>
    <t>\\acsfs\profiles$\luanarda\Downloads\5b9547d7-1b1f-465b-b2c5-54a89e393774.tmp</t>
  </si>
  <si>
    <t>d5ea588d-5c2e-4832-9654-7be5048fa0e6.tmp</t>
  </si>
  <si>
    <t>\\acsfs\profiles$\ayalabfi\Downloads\d5ea588d-5c2e-4832-9654-7be5048fa0e6.tmp</t>
  </si>
  <si>
    <t>137b05d6-5ca0-444a-bd08-3183395557dc.tmp</t>
  </si>
  <si>
    <t>\\acsfs\profiles$\maxmillianosv\Downloads\137b05d6-5ca0-444a-bd08-3183395557dc.tmp</t>
  </si>
  <si>
    <t>396e0101-a7ae-46c1-a6d4-2f28c5a11f96.tmp</t>
  </si>
  <si>
    <t>\\acsfs\profiles$\maxmillianosv\Downloads\396e0101-a7ae-46c1-a6d4-2f28c5a11f96.tmp</t>
  </si>
  <si>
    <t>94a7c607-2598-4c7b-a0f6-b4fe8de8c380.tmp</t>
  </si>
  <si>
    <t>\\acsfs\profiles$\maxmillianosv\Downloads\94a7c607-2598-4c7b-a0f6-b4fe8de8c380.tmp</t>
  </si>
  <si>
    <t>89acf06b-ebc3-4a11-8f63-4bb623405a61.tmp</t>
  </si>
  <si>
    <t>\\acsfs\profiles$\maxmillianosv\Downloads\89acf06b-ebc3-4a11-8f63-4bb623405a61.tmp</t>
  </si>
  <si>
    <t>0f6b3d13-a2ea-4f94-83fd-01b930f7f93a.tmp</t>
  </si>
  <si>
    <t>\\acsfs\profiles$\maxmillianosv\Downloads\0f6b3d13-a2ea-4f94-83fd-01b930f7f93a.tmp</t>
  </si>
  <si>
    <t>f4a68d18-623d-4e2c-af70-27e2208caa38.tmp</t>
  </si>
  <si>
    <t>\\acsfs\profiles$\maxmillianosv\Downloads\f4a68d18-623d-4e2c-af70-27e2208caa38.tmp</t>
  </si>
  <si>
    <t>96cbbbf3-7980-4641-acc9-7ac4af7ec589.tmp</t>
  </si>
  <si>
    <t>\\acsfs\profiles$\maxmillianosv\Downloads\96cbbbf3-7980-4641-acc9-7ac4af7ec589.tmp</t>
  </si>
  <si>
    <t>mariliafplb</t>
  </si>
  <si>
    <t>\\acsfs\profiles$\mariliafplb\My Documents\My Pictures\</t>
  </si>
  <si>
    <t>\\acsfs\profiles$\mariliafplb\My Documents\My Videos\desktop.ini</t>
  </si>
  <si>
    <t>\\acsfs\profiles$\mariliafplb\My Documents\My Videos\</t>
  </si>
  <si>
    <t>\\acsfs\profiles$\mariliafplb\My Documents\My Music\</t>
  </si>
  <si>
    <t>\\acsfs\profiles$\mariliafplb\My Documents\My Pictures\desktop.ini</t>
  </si>
  <si>
    <t>\\acsfs\profiles$\mariliafplb\Contacts\</t>
  </si>
  <si>
    <t>\\acsfs\profiles$\mariliafplb\Contacts\desktop.ini</t>
  </si>
  <si>
    <t>\\acsfs\profiles$\mariliafplb\My Documents\</t>
  </si>
  <si>
    <t>\\acsfs\profiles$\mariliafplb\Favorites\desktop.ini</t>
  </si>
  <si>
    <t>\\acsfs\profiles$\mariliafplb\My Documents\My Music\desktop.ini</t>
  </si>
  <si>
    <t>\\acsfs\profiles$\mariliafplb\Searches\</t>
  </si>
  <si>
    <t>\\acsfs\profiles$\mariliafplb\Searches\desktop.ini</t>
  </si>
  <si>
    <t>\\acsfs\profiles$\mariliafplb\Downloads\</t>
  </si>
  <si>
    <t>\\acsfs\profiles$\mariliafplb\Downloads\desktop.ini</t>
  </si>
  <si>
    <t>\\acsfs\profiles$\mariliafplb\Favorites\</t>
  </si>
  <si>
    <t>\\acsfs\profiles$\mariliafplb\My Documents\desktop.ini</t>
  </si>
  <si>
    <t>\\acsfs\profiles$\mariliafplb\Saved Games\desktop.ini</t>
  </si>
  <si>
    <t>winrt--{S-1-5-21-602162358-764733703-839522115-321471}-.searchconnector-ms</t>
  </si>
  <si>
    <t>\\acsfs\profiles$\mariliafplb\Searches\winrt--{S-1-5-21-602162358-764733703-839522115-321471}-.searchconnector-ms</t>
  </si>
  <si>
    <t>\\acsfs\profiles$\cinthiacsda\My Documents\xworkcenter\logs\</t>
  </si>
  <si>
    <t>XLOG_cinthiacsda_02012020_094240.log</t>
  </si>
  <si>
    <t>\\acsfs\profiles$\cinthiacsda\My Documents\xworkcenter\logs\XLOG_cinthiacsda_02012020_094240.log</t>
  </si>
  <si>
    <t>XLOG_cinthiacsda_02012020_094420.log</t>
  </si>
  <si>
    <t>\\acsfs\profiles$\cinthiacsda\My Documents\xworkcenter\logs\XLOG_cinthiacsda_02012020_094420.log</t>
  </si>
  <si>
    <t>12/31/2019 11:30:53</t>
  </si>
  <si>
    <t>DIRETO ARNOLDO OP 0000</t>
  </si>
  <si>
    <t>10.200.57.205</t>
  </si>
  <si>
    <t>D4-6A-6A-F9-D4-83</t>
  </si>
  <si>
    <t>NB-SUELENMM</t>
  </si>
  <si>
    <t>suelenmm</t>
  </si>
  <si>
    <t>C:\Users\suelenmm\OneDrive - Grupo Algar\Gestão PVs\Comissão\2019\Revisão modelo 2S2019\</t>
  </si>
  <si>
    <t>Real até nov - só 4 tri.xlsx</t>
  </si>
  <si>
    <t>12/31/2019 11:31:14</t>
  </si>
  <si>
    <t>Real até nov (1).xlsx</t>
  </si>
  <si>
    <t>12/31/2019 13:41:06</t>
  </si>
  <si>
    <t>Proposta Recorrente - 30-12.xlsx</t>
  </si>
  <si>
    <t>12/31/2019 14:02:53</t>
  </si>
  <si>
    <t>GUBERT4.png</t>
  </si>
  <si>
    <t>\\acsfs\DEPTOS\Operacao\Banco_Votorantim\Qualidade\Anderson\Jose\Atualizado\GUBERT4.png</t>
  </si>
  <si>
    <t>d100c458-cea9-4b12-aea0-6561825ef2e8.tmp</t>
  </si>
  <si>
    <t>\\acsfs\profiles$\luanarda\Downloads\d100c458-cea9-4b12-aea0-6561825ef2e8.tmp</t>
  </si>
  <si>
    <t>eaf759fe-5d4f-4b4e-8104-03d2fddd02c7.tmp</t>
  </si>
  <si>
    <t>\\acsfs\profiles$\wedersonbadr\My Documents\My Music\eaf759fe-5d4f-4b4e-8104-03d2fddd02c7.tmp</t>
  </si>
  <si>
    <t>\\acsfs\DEPTOS\Operacao\PCP\5 - Comum\PLANEJAMENTO BV\14 - ACOMPANHAMENTO\Report whatsapp\</t>
  </si>
  <si>
    <t>Report WhatsApp - DEZEMBRO.xlsx</t>
  </si>
  <si>
    <t>\\acsfs\DEPTOS\Operacao\PCP\5 - Comum\PLANEJAMENTO BV\14 - ACOMPANHAMENTO\Report whatsapp\Report WhatsApp - DEZEMBRO.xlsx</t>
  </si>
  <si>
    <t>b41937b4-061a-4eb8-ac8f-ec85006dd385.tmp</t>
  </si>
  <si>
    <t>\\acsfs\profiles$\larissaad\Downloads\b41937b4-061a-4eb8-ac8f-ec85006dd385.tmp</t>
  </si>
  <si>
    <t>43b231e0-6d2e-43e8-9c42-820d45e737b7.tmp</t>
  </si>
  <si>
    <t>\\acsfs\profiles$\laianear\Downloads\43b231e0-6d2e-43e8-9c42-820d45e737b7.tmp</t>
  </si>
  <si>
    <t>352f8911-dbfd-4cfc-9692-bcac976af5b4.tmp</t>
  </si>
  <si>
    <t>\\acsfs\profiles$\laianear\Downloads\352f8911-dbfd-4cfc-9692-bcac976af5b4.tmp</t>
  </si>
  <si>
    <t>fdebc955-3cc9-4be3-8338-acfccda85332.tmp</t>
  </si>
  <si>
    <t>\\acsfs\profiles$\laianear\Downloads\fdebc955-3cc9-4be3-8338-acfccda85332.tmp</t>
  </si>
  <si>
    <t>afb004ea-8de5-4adc-8e24-44bc78c4460a.tmp</t>
  </si>
  <si>
    <t>\\acsfs\profiles$\laianear\Downloads\afb004ea-8de5-4adc-8e24-44bc78c4460a.tmp</t>
  </si>
  <si>
    <t>ed8f8145-ee2f-4379-921a-9ce5a2b03c94.tmp</t>
  </si>
  <si>
    <t>\\acsfs\profiles$\alessandraan\Downloads\ed8f8145-ee2f-4379-921a-9ce5a2b03c94.tmp</t>
  </si>
  <si>
    <t>5c519a63-bffc-4cbd-91bc-8b0245ba1633.tmp</t>
  </si>
  <si>
    <t>\\acsfs\profiles$\alessandraan\Downloads\5c519a63-bffc-4cbd-91bc-8b0245ba1633.tmp</t>
  </si>
  <si>
    <t>c517f1eb-0296-4a8c-9d86-5e15f3e57811.tmp</t>
  </si>
  <si>
    <t>\\acsfs\profiles$\alessandraan\Downloads\c517f1eb-0296-4a8c-9d86-5e15f3e57811.tmp</t>
  </si>
  <si>
    <t>0607e2c1-ad93-4b71-8bff-6eb5ead047a1.tmp</t>
  </si>
  <si>
    <t>\\acsfs\profiles$\alessandraan\Downloads\0607e2c1-ad93-4b71-8bff-6eb5ead047a1.tmp</t>
  </si>
  <si>
    <t>062bbabe-99ba-4a2e-81bf-c625311cdfa7.tmp</t>
  </si>
  <si>
    <t>\\acsfs\profiles$\alessandraan\Downloads\062bbabe-99ba-4a2e-81bf-c625311cdfa7.tmp</t>
  </si>
  <si>
    <t>10.200.61.151</t>
  </si>
  <si>
    <t>64-1C-67-9C-32-47</t>
  </si>
  <si>
    <t>NB-WANESSAB</t>
  </si>
  <si>
    <t>wanessabds</t>
  </si>
  <si>
    <t>C:\Users\wanessabds\OneDrive - Grupo Algar\</t>
  </si>
  <si>
    <t>Controle de Ponto.xlsx</t>
  </si>
  <si>
    <t>Laudo 02.docx</t>
  </si>
  <si>
    <t>\\acsfs\DEPTOS\Operacao\Banco_Votorantim\Qualidade\Anderson\Jose\Atualizado\Laudo 02.docx</t>
  </si>
  <si>
    <t>\\acsfs\DEPTOS\Operacao\Banco_Votorantim\Qualidade\Anderson\Jose\</t>
  </si>
  <si>
    <t>\\acsfs\DEPTOS\Operacao\Banco_Votorantim\Qualidade\Anderson\Jose\Atualizado\Thumbs.db</t>
  </si>
  <si>
    <t>info laudo dia 02.txt</t>
  </si>
  <si>
    <t>\\acsfs\DEPTOS\Operacao\Banco_Votorantim\Qualidade\Anderson\Jose\Atualizado\info laudo dia 02.txt</t>
  </si>
  <si>
    <t>39fa88cb-1390-4b4e-be64-b3a13543aa67.tmp</t>
  </si>
  <si>
    <t>\\acsfs\profiles$\quindaizaagds\Downloads\39fa88cb-1390-4b4e-be64-b3a13543aa67.tmp</t>
  </si>
  <si>
    <t>101b1b3a-8936-421c-8dee-132a9f56e58a.tmp</t>
  </si>
  <si>
    <t>\\acsfs\profiles$\andressagr\Downloads\101b1b3a-8936-421c-8dee-132a9f56e58a.tmp</t>
  </si>
  <si>
    <t>e00d8199-8a30-4f0f-b2dd-3f0fd27e1dce.tmp</t>
  </si>
  <si>
    <t>\\acsfs\profiles$\nathaliarmr\Downloads\e00d8199-8a30-4f0f-b2dd-3f0fd27e1dce.tmp</t>
  </si>
  <si>
    <t>\\acsfs\DEPTOS\Operacao\PCP\5 - Comum\PLANEJAMENTO BV\14 - ACOMPANHAMENTO\Report whatsapp\Vendas\2019\</t>
  </si>
  <si>
    <t>Atualiza VENDAS_DEZEMBRO.xlsm</t>
  </si>
  <si>
    <t>\\acsfs\DEPTOS\Operacao\PCP\5 - Comum\PLANEJAMENTO BV\14 - ACOMPANHAMENTO\Report whatsapp\Vendas\2019\Atualiza VENDAS_DEZEMBRO.xlsm</t>
  </si>
  <si>
    <t>RELATORIO DE LOGIN - FINANCEIRA - 31-12.xlsm</t>
  </si>
  <si>
    <t>\\acsfs\DEPTOS\Operacao\PCP\5 - Comum\PLANEJAMENTO BV\14 - ACOMPANHAMENTO\1 - REPORT ACOMPANHAMENTO\2019\12 - Dezembro\FINANCEIRA\Login Logout Financeira\RELATORIO DE LOGIN - FINANCEIRA - 31-12.xlsm</t>
  </si>
  <si>
    <t>2ce977b3-453d-440a-a120-6e130961fa41.tmp</t>
  </si>
  <si>
    <t>\\acsfs\profiles$\mariliafplb\Downloads\2ce977b3-453d-440a-a120-6e130961fa41.tmp</t>
  </si>
  <si>
    <t>16c851d5-a5f8-47c4-8f3f-258420e92f7f.tmp</t>
  </si>
  <si>
    <t>\\acsfs\profiles$\mariliafplb\Downloads\16c851d5-a5f8-47c4-8f3f-258420e92f7f.tmp</t>
  </si>
  <si>
    <t>5d8c28f5-636d-4d78-85e7-31211d3fea84.tmp</t>
  </si>
  <si>
    <t>\\acsfs\profiles$\mariliafplb\Downloads\5d8c28f5-636d-4d78-85e7-31211d3fea84.tmp</t>
  </si>
  <si>
    <t>451029a1-82c9-4716-9cd9-0ac240f397dc.tmp</t>
  </si>
  <si>
    <t>\\acsfs\profiles$\mariliafplb\Downloads\451029a1-82c9-4716-9cd9-0ac240f397dc.tmp</t>
  </si>
  <si>
    <t>\\acsfs\profiles$\victoriaksr\My Documents\</t>
  </si>
  <si>
    <t>.~lock.Filas.xlsx#</t>
  </si>
  <si>
    <t>\\acsfs\profiles$\victoriaksr\My Documents\.~lock.Filas.xlsx#</t>
  </si>
  <si>
    <t>mail.google.com/_/upload?authuser=0&amp;dcp=asu-n&amp;upload_id=AEnB2UpfcmiDGMnZWTnrZLdLCy70iGxxYdBKL_NLr68yfNQgBHKA5aEbKewU8tt_YoFz5nwezi_DXEGrZl8X15F7spIuBqmL3A&amp;upload_protocol=resumable</t>
  </si>
  <si>
    <t>melissafpq@algartech.com;</t>
  </si>
  <si>
    <t>C:\Users\lauravx\Desktop\</t>
  </si>
  <si>
    <t>Dúvidas ISS (2).xlsx</t>
  </si>
  <si>
    <t>melissafpq@algartech.com</t>
  </si>
  <si>
    <t>9f417b1b-c192-489c-bf7e-5c4298a8ee49.tmp</t>
  </si>
  <si>
    <t>\\acsfs\profiles$\jonatanls\Downloads\9f417b1b-c192-489c-bf7e-5c4298a8ee49.tmp</t>
  </si>
  <si>
    <t>7d5cfe7b-e47b-4643-a6a6-367e39755775.tmp</t>
  </si>
  <si>
    <t>\\acsfs\profiles$\mariellecs\Downloads\7d5cfe7b-e47b-4643-a6a6-367e39755775.tmp</t>
  </si>
  <si>
    <t>8a9adbd2-a50a-4ec6-b50c-eec8a7fbbc00.tmp</t>
  </si>
  <si>
    <t>\\acsfs\profiles$\mariellecs\Downloads\8a9adbd2-a50a-4ec6-b50c-eec8a7fbbc00.tmp</t>
  </si>
  <si>
    <t>TALITA SANTOS SILVA CASTRO (23906).contact</t>
  </si>
  <si>
    <t>\\acsfs\profiles$\talitassc\Contacts\TALITA SANTOS SILVA CASTRO (23906).contact</t>
  </si>
  <si>
    <t>8fb936cc-c2d3-4723-9220-b5c01a0919b4.tmp</t>
  </si>
  <si>
    <t>\\acsfs\profiles$\quindaizaagds\Downloads\8fb936cc-c2d3-4723-9220-b5c01a0919b4.tmp</t>
  </si>
  <si>
    <t>98511a03-9e22-43c0-bfe3-08db9e8537e3.tmp</t>
  </si>
  <si>
    <t>\\acsfs\profiles$\adelvinsonle\Downloads\98511a03-9e22-43c0-bfe3-08db9e8537e3.tmp</t>
  </si>
  <si>
    <t>322c14c6-a43b-45f3-a372-d31954cb2c7f.tmp</t>
  </si>
  <si>
    <t>\\acsfs\profiles$\lucasqdss\Downloads\322c14c6-a43b-45f3-a372-d31954cb2c7f.tmp</t>
  </si>
  <si>
    <t>8dd010fc-baa3-4a19-af4e-265899db53b9.tmp</t>
  </si>
  <si>
    <t>\\acsfs\profiles$\ayalabfi\Downloads\8dd010fc-baa3-4a19-af4e-265899db53b9.tmp</t>
  </si>
  <si>
    <t>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edd8518d-1565-40d4-aaf6-bc82bafd3453.tmp</t>
  </si>
  <si>
    <t>\\acsfs\profiles$\rafaelahpn\Downloads\edd8518d-1565-40d4-aaf6-bc82bafd3453.tmp</t>
  </si>
  <si>
    <t>fcc09139-195a-484c-a335-e5dfe9ca9f47.tmp</t>
  </si>
  <si>
    <t>\\acsfs\profiles$\mariliafplb\Downloads\fcc09139-195a-484c-a335-e5dfe9ca9f47.tmp</t>
  </si>
  <si>
    <t>10.200.57.198</t>
  </si>
  <si>
    <t>5C-EA-1D-D8-3B-55</t>
  </si>
  <si>
    <t>NB-ROBERTACMF</t>
  </si>
  <si>
    <t>robertacmf</t>
  </si>
  <si>
    <t>robertacmf@algartech.com</t>
  </si>
  <si>
    <t>C:\Users\robertacmf\Downloads\</t>
  </si>
  <si>
    <t>Fechamento Horas logadas URR - Novembro.xlsx</t>
  </si>
  <si>
    <t>3bfbbfc8-c32e-473f-94e9-350ea972ef31.tmp</t>
  </si>
  <si>
    <t>\\acsfs\profiles$\geovannasm\Downloads\3bfbbfc8-c32e-473f-94e9-350ea972ef31.tmp</t>
  </si>
  <si>
    <t>leonardoamf@algartech.com.br;renatass@algartech.com.br;</t>
  </si>
  <si>
    <t>RES: Inlcusões</t>
  </si>
  <si>
    <t>Inclusão Empresas na CRC Visa - 2712.msg\s1\</t>
  </si>
  <si>
    <t>18- CONSOLIDADO INCLUSÃO ALGAR -27.12.19.xlsx</t>
  </si>
  <si>
    <t>leonardoamf@algartech.com.br,renatass@algartech.com.br</t>
  </si>
  <si>
    <t>5dbcbde2-42ae-4cdd-a9ae-5712193f2f10.tmp</t>
  </si>
  <si>
    <t>\\acsfs\profiles$\deborahsi\Downloads\5dbcbde2-42ae-4cdd-a9ae-5712193f2f10.tmp</t>
  </si>
  <si>
    <t>10.200.67.124</t>
  </si>
  <si>
    <t>\\acsfs\profiles$\thaianaads\My Documents\$RECYCLE.BIN\</t>
  </si>
  <si>
    <t>$IIF8BA6.png</t>
  </si>
  <si>
    <t>\\acsfs\profiles$\thaianaads\My Documents\$RECYCLE.BIN\$IIF8BA6.png</t>
  </si>
  <si>
    <t>$IENP0KR.png</t>
  </si>
  <si>
    <t>\\acsfs\profiles$\thaianaads\My Documents\$RECYCLE.BIN\$IENP0KR.png</t>
  </si>
  <si>
    <t>$I3FT65P.pdf</t>
  </si>
  <si>
    <t>\\acsfs\profiles$\thaianaads\My Documents\$RECYCLE.BIN\$I3FT65P.pdf</t>
  </si>
  <si>
    <t>$IA57L6C.pdf</t>
  </si>
  <si>
    <t>\\acsfs\profiles$\thaianaads\My Documents\$RECYCLE.BIN\$IA57L6C.pdf</t>
  </si>
  <si>
    <t>$IAM0TQL.pdf</t>
  </si>
  <si>
    <t>\\acsfs\profiles$\thaianaads\My Documents\$RECYCLE.BIN\$IAM0TQL.pdf</t>
  </si>
  <si>
    <t>lu139322oimx.tmp</t>
  </si>
  <si>
    <t>\\acsfs\profiles$\dhiulliananads\My Documents\lu139322oimx.tmp</t>
  </si>
  <si>
    <t>\\acsfs\profiles$\dhiulliananads\My Documents\lu139322oimx.tmp\</t>
  </si>
  <si>
    <t>\\acsfs\profiles$\dhiulliananads\My Documents\lu139322oimx.tmp\META-INF\</t>
  </si>
  <si>
    <t>\\acsfs\profiles$\dhiulliananads\My Documents\lu139322oimx.tmp\Thumbnails\</t>
  </si>
  <si>
    <t>a120a472-03e1-4acf-a6a0-a041ec47762c.tmp</t>
  </si>
  <si>
    <t>\\acsfs\profiles$\nayarasds\Downloads\a120a472-03e1-4acf-a6a0-a041ec47762c.tmp</t>
  </si>
  <si>
    <t>Report WhatsApp - JANEIRO.xlsx</t>
  </si>
  <si>
    <t>\\acsfs\DEPTOS\Operacao\PCP\5 - Comum\PLANEJAMENTO BV\14 - ACOMPANHAMENTO\Report whatsapp\Report WhatsApp - JANEIRO.xlsx</t>
  </si>
  <si>
    <t>mail.google.com/sync/u/0/i/s?hl=pt-BR&amp;c=270</t>
  </si>
  <si>
    <t>mail.google.com/sync/u/0/i/s?hl=pt-BR&amp;c=277</t>
  </si>
  <si>
    <t>mail.google.com/sync/u/0/i/s?hl=pt-BR&amp;c=279</t>
  </si>
  <si>
    <t>mail.google.com/sync/u/0/i/s?hl=pt-BR&amp;c=281</t>
  </si>
  <si>
    <t>mail.google.com/sync/u/0/i/s?hl=pt-BR&amp;c=283</t>
  </si>
  <si>
    <t>joaogvc@algartech.com;leonardoao@algartech.com;m1nxnxefxetrukrzvgozdhyqef1vh0jvuushxg==;paulacn@algartech.com;rafaelggs@algartech.com;taysdss@algartech.com;viniciussg@algartech.com;</t>
  </si>
  <si>
    <t>joaogvc@algartech.com,leonardoao@algartech.com,m1nxnxefxetrukrzvgozdhyqef1vh0jvuushxg==,paulacn@algartech.com,rafaelggs@algartech.com,taysdss@algartech.com,viniciussg@algartech.com</t>
  </si>
  <si>
    <t>mail.google.com/sync/u/0/i/s?hl=pt-BR&amp;c=294</t>
  </si>
  <si>
    <t>64935bbf-7159-44f4-9184-9fe8e0e325c9.tmp</t>
  </si>
  <si>
    <t>\\acsfs\profiles$\lorrainerdl\Downloads\64935bbf-7159-44f4-9184-9fe8e0e325c9.tmp</t>
  </si>
  <si>
    <t>3b20cebd-c4c9-4f66-b55d-39e677be51e6.tmp</t>
  </si>
  <si>
    <t>\\acsfs\profiles$\geovannasm\Downloads\3b20cebd-c4c9-4f66-b55d-39e677be51e6.tmp</t>
  </si>
  <si>
    <t>147073f2-b559-42f9-86f2-98c7ea3d1a83.tmp</t>
  </si>
  <si>
    <t>\\acsfs\profiles$\luanaagl\Downloads\147073f2-b559-42f9-86f2-98c7ea3d1a83.tmp</t>
  </si>
  <si>
    <t>34bb8ab3-d4fd-47a8-9937-bb8a0b3a39e7.tmp</t>
  </si>
  <si>
    <t>\\acsfs\profiles$\isabellegtds\Downloads\34bb8ab3-d4fd-47a8-9937-bb8a0b3a39e7.tmp</t>
  </si>
  <si>
    <t>b844dd06-7866-461e-89e3-bd01b229cd44.tmp</t>
  </si>
  <si>
    <t>\\acsfs\profiles$\mariajra\Downloads\b844dd06-7866-461e-89e3-bd01b229cd44.tmp</t>
  </si>
  <si>
    <t>3551640a-a0a2-4c38-a783-989ed698034a.tmp</t>
  </si>
  <si>
    <t>\\acsfs\profiles$\inarajst\Downloads\3551640a-a0a2-4c38-a783-989ed698034a.tmp</t>
  </si>
  <si>
    <t>e4b7b4c7-d9f7-421a-bc18-7940cbd8cc67.tmp</t>
  </si>
  <si>
    <t>\\acsfs\profiles$\nayarasds\Downloads\e4b7b4c7-d9f7-421a-bc18-7940cbd8cc67.tmp</t>
  </si>
  <si>
    <t>10.200.66.165</t>
  </si>
  <si>
    <t>64-1C-67-9D-1E-D9</t>
  </si>
  <si>
    <t>VOTORANT-LB018</t>
  </si>
  <si>
    <t>jhonatadss</t>
  </si>
  <si>
    <t>\\acsfs\profiles$\jhonatadss\Downloads\</t>
  </si>
  <si>
    <t>5f16b609-a166-4693-9803-b4c61ff0cefe.tmp</t>
  </si>
  <si>
    <t>\\acsfs\profiles$\jhonatadss\Downloads\5f16b609-a166-4693-9803-b4c61ff0cefe.tmp</t>
  </si>
  <si>
    <t>b49b5a4d-7a1b-4d09-92c0-80b2b492838b.tmp</t>
  </si>
  <si>
    <t>\\acsfs\profiles$\jhonatadss\Downloads\b49b5a4d-7a1b-4d09-92c0-80b2b492838b.tmp</t>
  </si>
  <si>
    <t>918e1f9e-ff3f-4eb6-8d8f-39b71b4cb562.tmp</t>
  </si>
  <si>
    <t>\\acsfs\profiles$\jhonatadss\Downloads\918e1f9e-ff3f-4eb6-8d8f-39b71b4cb562.tmp</t>
  </si>
  <si>
    <t>\\acsfs\DEPTOS\Operacao\PCP\5 - Comum\PLANEJAMENTO BV\14 - ACOMPANHAMENTO\1 - REPORT ACOMPANHAMENTO\2020\1 - JANEIRO\FINANCEIRA\</t>
  </si>
  <si>
    <t>REPORT ACOMPANHAMENTO - BV - JANEIRO.xlsb</t>
  </si>
  <si>
    <t>\\acsfs\DEPTOS\Operacao\PCP\5 - Comum\PLANEJAMENTO BV\14 - ACOMPANHAMENTO\1 - REPORT ACOMPANHAMENTO\2020\1 - JANEIRO\FINANCEIRA\REPORT ACOMPANHAMENTO - BV - JANEIRO.xlsb</t>
  </si>
  <si>
    <t>mail.google.com/sync/u/0/i/s?hl=pt-BR&amp;c=296</t>
  </si>
  <si>
    <t>mail.google.com/sync/u/0/i/s?hl=pt-BR&amp;c=301</t>
  </si>
  <si>
    <t>mail.google.com/sync/u/0/i/s?hl=pt-BR&amp;c=305</t>
  </si>
  <si>
    <t>8ac7b358-978a-4b37-9fb9-1576c9524cb8.tmp</t>
  </si>
  <si>
    <t>\\acsfs\profiles$\mariliafplb\Downloads\8ac7b358-978a-4b37-9fb9-1576c9524cb8.tmp</t>
  </si>
  <si>
    <t>3e4aa4dd-92a9-4a7e-ad6a-d30a8cf1097a.tmp</t>
  </si>
  <si>
    <t>\\acsfs\profiles$\maxmillianosv\Downloads\3e4aa4dd-92a9-4a7e-ad6a-d30a8cf1097a.tmp</t>
  </si>
  <si>
    <t>lu228362gucy1.tmp</t>
  </si>
  <si>
    <t>\\acsfs\profiles$\victoriaksr\My Documents\lu228362gucy1.tmp</t>
  </si>
  <si>
    <t>f7e0c90d-e6b1-4ead-8958-d6f08cf88aee.tmp</t>
  </si>
  <si>
    <t>\\acsfs\profiles$\jonatanls\Downloads\f7e0c90d-e6b1-4ead-8958-d6f08cf88aee.tmp</t>
  </si>
  <si>
    <t>c4e29aee-e0b8-4664-829e-fef191fdc3bb.tmp</t>
  </si>
  <si>
    <t>\\acsfs\profiles$\jonatanls\Downloads\c4e29aee-e0b8-4664-829e-fef191fdc3bb.tmp</t>
  </si>
  <si>
    <t>lu139322oin8.tmp</t>
  </si>
  <si>
    <t>\\acsfs\profiles$\dhiulliananads\My Documents\lu139322oin8.tmp</t>
  </si>
  <si>
    <t>\\acsfs\profiles$\dhiulliananads\My Documents\lu139322oin8.tmp\</t>
  </si>
  <si>
    <t>\\acsfs\profiles$\dhiulliananads\My Documents\lu139322oin8.tmp\META-INF\</t>
  </si>
  <si>
    <t>34b93daf-82d6-4303-983c-f8e0dbdff3d4.tmp</t>
  </si>
  <si>
    <t>\\acsfs\profiles$\andressagr\Downloads\34b93daf-82d6-4303-983c-f8e0dbdff3d4.tmp</t>
  </si>
  <si>
    <t>a5571506-5f37-4221-a6cd-c5c680accd20.tmp</t>
  </si>
  <si>
    <t>\\acsfs\profiles$\jhonatadss\Downloads\a5571506-5f37-4221-a6cd-c5c680accd20.tmp</t>
  </si>
  <si>
    <t>m1nxnxefxetrukrzvgozdhyqef1vh0jvuushxg==;</t>
  </si>
  <si>
    <t>https://m1nxnxefxetrukrzvgozdhyqef1vh0jvuushxg==</t>
  </si>
  <si>
    <t>63158786-144a-42e2-830a-b9f2ac886c17.tmp</t>
  </si>
  <si>
    <t>\\acsfs\profiles$\rafaelamsv\Downloads\63158786-144a-42e2-830a-b9f2ac886c17.tmp</t>
  </si>
  <si>
    <t>lu228362gucy7.tmp</t>
  </si>
  <si>
    <t>\\acsfs\profiles$\victoriaksr\My Documents\lu228362gucy7.tmp</t>
  </si>
  <si>
    <t>lu1408419816.tmp</t>
  </si>
  <si>
    <t>\\acsfs\profiles$\VIVIANALDS\My Documents\lu1408419816.tmp</t>
  </si>
  <si>
    <t>\\acsfs\profiles$\VIVIANALDS\My Documents\lu1408419816.tmp\</t>
  </si>
  <si>
    <t>\\acsfs\profiles$\VIVIANALDS\My Documents\lu1408419816.tmp\META-INF\</t>
  </si>
  <si>
    <t>\\acsfs\profiles$\VIVIANALDS\My Documents\lu1408419816.tmp\Thumbnails\</t>
  </si>
  <si>
    <t>93d2d477-c5a1-49f0-9ed5-b218deefb667.tmp</t>
  </si>
  <si>
    <t>\\acsfs\profiles$\eduardofss\Downloads\93d2d477-c5a1-49f0-9ed5-b218deefb667.tmp</t>
  </si>
  <si>
    <t>b3e1ab55-685c-431b-b102-308b880d85f5.tmp</t>
  </si>
  <si>
    <t>\\acsfs\profiles$\mariajra\Downloads\b3e1ab55-685c-431b-b102-308b880d85f5.tmp</t>
  </si>
  <si>
    <t>\\acsfs\profiles$\dhiulliananads\My Documents\lu139322oin8.tmp\Thumbnails\</t>
  </si>
  <si>
    <t>da943c6d-ef57-4e03-9497-4c004ddb3ee9.tmp</t>
  </si>
  <si>
    <t>\\acsfs\profiles$\andressagr\Downloads\da943c6d-ef57-4e03-9497-4c004ddb3ee9.tmp</t>
  </si>
  <si>
    <t>https://algartechcpcbv@algartech.com,andrelpsa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5450b2a3-7de0-4c34-b3d4-6e91133b49c5.tmp</t>
  </si>
  <si>
    <t>\\acsfs\profiles$\kamilamrc\Downloads\5450b2a3-7de0-4c34-b3d4-6e91133b49c5.tmp</t>
  </si>
  <si>
    <t>bd62ab21-db5a-48b7-905f-1c65b146c2de.tmp</t>
  </si>
  <si>
    <t>\\acsfs\profiles$\kamilamrc\Downloads\bd62ab21-db5a-48b7-905f-1c65b146c2de.tmp</t>
  </si>
  <si>
    <t>198ff37b-7898-49db-8009-c22a658acbca.tmp</t>
  </si>
  <si>
    <t>\\acsfs\profiles$\kamilamrc\Downloads\198ff37b-7898-49db-8009-c22a658acbca.tmp</t>
  </si>
  <si>
    <t>72c1eee0-f4b9-41f0-8206-4b06d5a4a159.tmp</t>
  </si>
  <si>
    <t>\\acsfs\profiles$\kamilamrc\Downloads\72c1eee0-f4b9-41f0-8206-4b06d5a4a159.tmp</t>
  </si>
  <si>
    <t>ac821c43-f437-4a89-b76d-a10a2c6d547b.tmp</t>
  </si>
  <si>
    <t>\\acsfs\profiles$\kamilamrc\Downloads\ac821c43-f437-4a89-b76d-a10a2c6d547b.tmp</t>
  </si>
  <si>
    <t>cfc2cb26-60a8-439d-9e2b-5a3abcbccb7b.tmp</t>
  </si>
  <si>
    <t>\\acsfs\profiles$\kamilamrc\Downloads\cfc2cb26-60a8-439d-9e2b-5a3abcbccb7b.tmp</t>
  </si>
  <si>
    <t>8d4f18f2-5906-457f-a8ea-894b9b986c3f.tmp</t>
  </si>
  <si>
    <t>\\acsfs\profiles$\kamilamrc\Downloads\8d4f18f2-5906-457f-a8ea-894b9b986c3f.tmp</t>
  </si>
  <si>
    <t>10a1daa1-6af4-4733-bb43-7de6db9adefc.tmp</t>
  </si>
  <si>
    <t>\\acsfs\profiles$\kamilamrc\Downloads\10a1daa1-6af4-4733-bb43-7de6db9adefc.tmp</t>
  </si>
  <si>
    <t>a3902b8a-456c-4aa2-9829-e8e9d9d90c95.tmp</t>
  </si>
  <si>
    <t>\\acsfs\profiles$\gabrielafs\Downloads\a3902b8a-456c-4aa2-9829-e8e9d9d90c95.tmp</t>
  </si>
  <si>
    <t>b80515c5-1343-4fff-828b-ef97160bc621.tmp</t>
  </si>
  <si>
    <t>\\acsfs\profiles$\gabrielafs\Downloads\b80515c5-1343-4fff-828b-ef97160bc621.tmp</t>
  </si>
  <si>
    <t>da3b2fc8-ae72-4aaf-80af-01fef995a42c.tmp</t>
  </si>
  <si>
    <t>\\acsfs\profiles$\gabrielafs\Downloads\da3b2fc8-ae72-4aaf-80af-01fef995a42c.tmp</t>
  </si>
  <si>
    <t>801ddd64-6c7a-43a3-94da-dd084100ec21.tmp</t>
  </si>
  <si>
    <t>\\acsfs\profiles$\gabrielafs\Downloads\801ddd64-6c7a-43a3-94da-dd084100ec21.tmp</t>
  </si>
  <si>
    <t>d97ef642-f396-4519-9d8a-6ebf83db2d27.tmp</t>
  </si>
  <si>
    <t>\\acsfs\profiles$\MATEUSJM\Downloads\d97ef642-f396-4519-9d8a-6ebf83db2d27.tmp</t>
  </si>
  <si>
    <t>85b5251b-02bc-4329-8eaa-68cb1cac43e9.tmp</t>
  </si>
  <si>
    <t>\\acsfs\profiles$\MATEUSJM\Downloads\85b5251b-02bc-4329-8eaa-68cb1cac43e9.tmp</t>
  </si>
  <si>
    <t>2d676ca3-aa72-4080-929a-33f2f12a24f6.tmp</t>
  </si>
  <si>
    <t>\\acsfs\profiles$\jonatanls\Downloads\2d676ca3-aa72-4080-929a-33f2f12a24f6.tmp</t>
  </si>
  <si>
    <t>lu154242yupeg.tmp</t>
  </si>
  <si>
    <t>\\acsfs\profiles$\jonatanls\My Documents\lu154242yupeg.tmp</t>
  </si>
  <si>
    <t>5af43269-bd02-4338-b997-705c9e200cf5.tmp</t>
  </si>
  <si>
    <t>\\acsfs\profiles$\luanarda\Downloads\5af43269-bd02-4338-b997-705c9e200cf5.tmp</t>
  </si>
  <si>
    <t>6ce6e860-cdfe-4fb3-a330-951064a37f4d.tmp</t>
  </si>
  <si>
    <t>\\acsfs\profiles$\eduardofss\Downloads\6ce6e860-cdfe-4fb3-a330-951064a37f4d.tmp</t>
  </si>
  <si>
    <t>francislayneads</t>
  </si>
  <si>
    <t>\\acsfs\profiles$\francislayneads\Contacts\</t>
  </si>
  <si>
    <t>FRANCISLAYNE ASSUMPCAO DE SOUSA (6).contact</t>
  </si>
  <si>
    <t>\\acsfs\profiles$\francislayneads\Contacts\FRANCISLAYNE ASSUMPCAO DE SOUSA (6).contact</t>
  </si>
  <si>
    <t>\\acsfs\profiles$\francislayneads\My Documents\My Videos\</t>
  </si>
  <si>
    <t>\\acsfs\profiles$\francislayneads\My Documents\My Videos\desktop.ini</t>
  </si>
  <si>
    <t>\\acsfs\profiles$\francislayneads\My Documents\My Pictures\</t>
  </si>
  <si>
    <t>\\acsfs\profiles$\francislayneads\My Documents\My Pictures\desktop.ini</t>
  </si>
  <si>
    <t>427a3022-afc5-4093-8fd6-b8a84354e604.tmp</t>
  </si>
  <si>
    <t>\\acsfs\profiles$\inarajst\Downloads\427a3022-afc5-4093-8fd6-b8a84354e604.tmp</t>
  </si>
  <si>
    <t>\\acsfs\profiles$\francislayneads\Contacts\desktop.ini</t>
  </si>
  <si>
    <t>\\acsfs\profiles$\francislayneads\Favorites\</t>
  </si>
  <si>
    <t>\\acsfs\profiles$\francislayneads\Favorites\desktop.ini</t>
  </si>
  <si>
    <t>\\acsfs\profiles$\francislayneads\My Documents\My Music\</t>
  </si>
  <si>
    <t>\\acsfs\profiles$\francislayneads\My Documents\My Music\desktop.ini</t>
  </si>
  <si>
    <t>\\acsfs\profiles$\francislayneads\Searches\</t>
  </si>
  <si>
    <t>\\acsfs\profiles$\francislayneads\Searches\desktop.ini</t>
  </si>
  <si>
    <t>\\acsfs\profiles$\francislayneads\Downloads\</t>
  </si>
  <si>
    <t>\\acsfs\profiles$\francislayneads\Downloads\desktop.ini</t>
  </si>
  <si>
    <t>\\acsfs\profiles$\francislayneads\My Documents\</t>
  </si>
  <si>
    <t>\\acsfs\profiles$\francislayneads\My Documents\desktop.ini</t>
  </si>
  <si>
    <t>\\acsfs\profiles$\francislayneads\Saved Games\</t>
  </si>
  <si>
    <t>\\acsfs\profiles$\francislayneads\Saved Games\desktop.ini</t>
  </si>
  <si>
    <t>\\acsfs\profiles$\FRANCISLAYNEADS\Favorites\Links for Brasil\</t>
  </si>
  <si>
    <t>\\acsfs\profiles$\FRANCISLAYNEADS\Favorites\Links for Brasil\desktop.ini</t>
  </si>
  <si>
    <t>\\acsfs\profiles$\FRANCISLAYNEADS\Favorites\Links for Brasil\Microsoft Brasil.url</t>
  </si>
  <si>
    <t>\\acsfs\profiles$\FRANCISLAYNEADS\Favorites\Links for Brasil\Windows Brasil.url</t>
  </si>
  <si>
    <t>\\acsfs\profiles$\FRANCISLAYNEADS\Favorites\Links for Brasil\MSN Brasil.url</t>
  </si>
  <si>
    <t>10.200.57.131</t>
  </si>
  <si>
    <t>FC-01-7C-B3-BE-53</t>
  </si>
  <si>
    <t>NB-ALINERG</t>
  </si>
  <si>
    <t>alinerg</t>
  </si>
  <si>
    <t>mail.google.com/_/upload?authuser=1&amp;dcp=asu-n&amp;upload_id=AEnB2UrC6XqFB5KycRQ2XWSmh_ULuW6kqpAlrbanATgMrfgkEmGJ2elC_4nVtC16ihq79LZ4l5ep5Mhff14DY42QeDP_YC5wvA&amp;upload_protocol=resumable</t>
  </si>
  <si>
    <t>C:\Users\alinerg\Downloads\</t>
  </si>
  <si>
    <t>Mapeamento Conteúdo Completo até 31_07 (12).xlsx</t>
  </si>
  <si>
    <t>https://joaogvc@algartech.com,leonardoao@algartech.com,m1nxnxefxetrukrzvgozdhyqef1vh0jvuushxg==,paulacn@algartech.com,rafaelggs@algartech.com,taysdss@algartech.com,viniciussg@algartech.com</t>
  </si>
  <si>
    <t>d2b0539c-ed4e-45cf-8711-37eb94b32b64.tmp</t>
  </si>
  <si>
    <t>\\acsfs\profiles$\leticiala\Downloads\d2b0539c-ed4e-45cf-8711-37eb94b32b64.tmp</t>
  </si>
  <si>
    <t>10.200.67.13</t>
  </si>
  <si>
    <t>64-1C-67-9D-1E-3A</t>
  </si>
  <si>
    <t>VOTORANT-FB010</t>
  </si>
  <si>
    <t>\\acsfs\Deptos\EDUCACAO EMPRESARIAL\KÉSIA\OUVIDORIA, PROCON, BACEN E RECLAME AQUI\</t>
  </si>
  <si>
    <t>CPF 06330712697 - OPERADORA GEOVANA ALINE SANTOS E SILVA_1_6763971929573505812_1_32.wav</t>
  </si>
  <si>
    <t>\\acsfs\Deptos\EDUCACAO EMPRESARIAL\KÉSIA\OUVIDORIA, PROCON, BACEN E RECLAME AQUI\CPF 06330712697 - OPERADORA GEOVANA ALINE SANTOS E SILVA_1_6763971929573505812_1_32.wav</t>
  </si>
  <si>
    <t>39114287-46cf-4f8f-8d90-331507db8f58.tmp</t>
  </si>
  <si>
    <t>\\acsfs\profiles$\michelerds\Downloads\39114287-46cf-4f8f-8d90-331507db8f58.tmp</t>
  </si>
  <si>
    <t>16e1b776-f7fa-44f1-b5fb-6362abde779c.tmp</t>
  </si>
  <si>
    <t>\\acsfs\profiles$\eduardofss\Downloads\16e1b776-f7fa-44f1-b5fb-6362abde779c.tmp</t>
  </si>
  <si>
    <t>9c4da73d-14f4-4668-81a3-1a48915d1778.tmp</t>
  </si>
  <si>
    <t>\\acsfs\profiles$\francislayneads\Downloads\9c4da73d-14f4-4668-81a3-1a48915d1778.tmp</t>
  </si>
  <si>
    <t>550304f6-f821-4cf7-88d3-9f199815c730.tmp</t>
  </si>
  <si>
    <t>\\acsfs\profiles$\francislayneads\Downloads\550304f6-f821-4cf7-88d3-9f199815c730.tmp</t>
  </si>
  <si>
    <t>0f97bd6d-9d0d-46ad-9e05-0173203b6ef3.tmp</t>
  </si>
  <si>
    <t>\\acsfs\profiles$\Flaviojmm\Downloads\0f97bd6d-9d0d-46ad-9e05-0173203b6ef3.tmp</t>
  </si>
  <si>
    <t>756d00e8-98ff-4c4c-bb88-b48e1bedc8f1.tmp</t>
  </si>
  <si>
    <t>\\acsfs\profiles$\ANAPDSB\Downloads\756d00e8-98ff-4c4c-bb88-b48e1bedc8f1.tmp</t>
  </si>
  <si>
    <t>f8167c6d-6213-441e-a161-9c21ccab89c1.tmp</t>
  </si>
  <si>
    <t>\\acsfs\profiles$\ANAPDSB\Downloads\f8167c6d-6213-441e-a161-9c21ccab89c1.tmp</t>
  </si>
  <si>
    <t>b2490bba-a0a2-419b-8794-8c7e16d1d377.tmp</t>
  </si>
  <si>
    <t>\\acsfs\profiles$\KARENDSR\Downloads\b2490bba-a0a2-419b-8794-8c7e16d1d377.tmp</t>
  </si>
  <si>
    <t>bd9f8f55-fcdd-4cdb-aeab-7949c0933d8a.tmp</t>
  </si>
  <si>
    <t>\\acsfs\profiles$\luanaagl\Downloads\bd9f8f55-fcdd-4cdb-aeab-7949c0933d8a.tmp</t>
  </si>
  <si>
    <t>CTIC - COORDENAÇÃO TI CORPORATIVA</t>
  </si>
  <si>
    <t>10.200.35.251</t>
  </si>
  <si>
    <t>64-1C-67-9C-32-2C</t>
  </si>
  <si>
    <t>NB-RUIDRT</t>
  </si>
  <si>
    <t>ruidrt</t>
  </si>
  <si>
    <t>C:\Users\ruidrt\OneDrive - Grupo Algar\Documentos\Projetos\Algar Tech\LGPD\</t>
  </si>
  <si>
    <t>Projeto LGPD - Levantamento File Server (dados não estruturados)_v01.xlsx</t>
  </si>
  <si>
    <t>46f88f371a2_u x-goog-authuser: 0 --=====8v0p36s6uz6d=====-- ,ances,ancest,ancestorhasaugmentedpermissions,containsunsubscribedchildren,copyable,displayname,domain,emailaddress,exp,explicitlytrashed,file(kind,fileid,filesize,foldercolor,haschi,hasthumbnail,hasvisitorpermissions,id,id),items(deleted,ken,kind,lastmodifyinguser(kind,lastviewedbymedate,lgpd - levantamento file server (dados não estruturados)_v01' and title contains 'xlsx' and trashed = false and '17ag2qphdbjwvrhw1mzbhyj2jagneatmr' in parents&amp;fie,mimetype,modifiedbymedate,modifieddate,ontainsunsubscribedchildren,owners(kind,perm,permi,permissionid,pict,pictu,picture,quotabytesused,rpermissions,shareable,shared,sharedwithmedate,subscribed,thumbnailversion,title,userpermission(role),workspaceids</t>
  </si>
  <si>
    <t>Projeto LGPD - Levantamento Bases de Dados (dados estruturados)_v01.xlsx</t>
  </si>
  <si>
    <t>6cfb7170-e7e4-4b41-b87b-a55e9c34857a.tmp</t>
  </si>
  <si>
    <t>\\acsfs\profiles$\quindaizaagds\Downloads\6cfb7170-e7e4-4b41-b87b-a55e9c34857a.tmp</t>
  </si>
  <si>
    <t>0418f64f-8703-40bb-abdd-beab94c6324f.tmp</t>
  </si>
  <si>
    <t>\\acsfs\profiles$\mariajra\Downloads\0418f64f-8703-40bb-abdd-beab94c6324f.tmp</t>
  </si>
  <si>
    <t>lu139322oinh.tmp</t>
  </si>
  <si>
    <t>\\acsfs\profiles$\dhiulliananads\My Documents\lu139322oinh.tmp</t>
  </si>
  <si>
    <t>\\acsfs\profiles$\dhiulliananads\My Documents\lu139322oinh.tmp\</t>
  </si>
  <si>
    <t>\\acsfs\profiles$\dhiulliananads\My Documents\lu139322oinh.tmp\META-INF\</t>
  </si>
  <si>
    <t>\\acsfs\profiles$\dhiulliananads\My Documents\lu139322oinh.tmp\Thumbnails\</t>
  </si>
  <si>
    <t>https://joaogvc@algartech.com,leonardoao@algartech.com,paulacn@algartech.com,rafaelggs@algartech.com,taysdss@algartech.com,viniciussg@algartech.com</t>
  </si>
  <si>
    <t>00ce5b5c-064c-4254-a11d-267b130ae2dc.tmp</t>
  </si>
  <si>
    <t>\\acsfs\profiles$\leticiala\Downloads\00ce5b5c-064c-4254-a11d-267b130ae2dc.tmp</t>
  </si>
  <si>
    <t>b1665f25-e7a7-4a50-a2c7-6dd83dc70e63.tmp</t>
  </si>
  <si>
    <t>\\acsfs\profiles$\gabrielarb\Downloads\b1665f25-e7a7-4a50-a2c7-6dd83dc70e63.tmp</t>
  </si>
  <si>
    <t>30d24008-1989-4656-b551-bdbc4125ca79.tmp</t>
  </si>
  <si>
    <t>\\acsfs\profiles$\mariliafplb\Downloads\30d24008-1989-4656-b551-bdbc4125ca79.tmp</t>
  </si>
  <si>
    <t>76eacf28-b6d7-47c3-b9ad-94fc9e68e3ac.tmp</t>
  </si>
  <si>
    <t>\\acsfs\profiles$\mariliafplb\Downloads\76eacf28-b6d7-47c3-b9ad-94fc9e68e3ac.tmp</t>
  </si>
  <si>
    <t>1e6d6ac6-78ca-4d12-bf3e-6d5aee3ee621.tmp</t>
  </si>
  <si>
    <t>\\acsfs\profiles$\mariliafplb\Downloads\1e6d6ac6-78ca-4d12-bf3e-6d5aee3ee621.tmp</t>
  </si>
  <si>
    <t>joaoval</t>
  </si>
  <si>
    <t>\\acsfs\profiles$\JOAOVAL\Downloads\</t>
  </si>
  <si>
    <t>3368c6e8-bb4e-421b-8ebe-6aacf1792202.tmp</t>
  </si>
  <si>
    <t>\\acsfs\profiles$\JOAOVAL\Downloads\3368c6e8-bb4e-421b-8ebe-6aacf1792202.tmp</t>
  </si>
  <si>
    <t>0c2887c4-8cfa-43da-9552-a2a4d90c509f.tmp</t>
  </si>
  <si>
    <t>\\acsfs\profiles$\JOAOVAL\Downloads\0c2887c4-8cfa-43da-9552-a2a4d90c509f.tmp</t>
  </si>
  <si>
    <t>d2d4b0d3-f631-4958-a7c1-01a0365cb4ff.tmp</t>
  </si>
  <si>
    <t>\\acsfs\profiles$\JOAOVAL\Downloads\d2d4b0d3-f631-4958-a7c1-01a0365cb4ff.tmp</t>
  </si>
  <si>
    <t>2bf39c17-5ed2-41f6-a9ad-3dfa5fe32c78.tmp</t>
  </si>
  <si>
    <t>\\acsfs\profiles$\JOAOVAL\Downloads\2bf39c17-5ed2-41f6-a9ad-3dfa5fe32c78.tmp</t>
  </si>
  <si>
    <t>0c88fe92-09a2-476d-8c35-c01171cd5c77.tmp</t>
  </si>
  <si>
    <t>\\acsfs\profiles$\MATEUSJM\Downloads\0c88fe92-09a2-476d-8c35-c01171cd5c77.tmp</t>
  </si>
  <si>
    <t>18bc7e74-dc39-42d0-9ca4-180efe878f6e.tmp</t>
  </si>
  <si>
    <t>\\acsfs\profiles$\MATEUSJM\Downloads\18bc7e74-dc39-42d0-9ca4-180efe878f6e.tmp</t>
  </si>
  <si>
    <t>c:\users\camillarl\desktop\</t>
  </si>
  <si>
    <t>formulario passe.pdf</t>
  </si>
  <si>
    <t>1c122dcf-3c8d-4247-8a1a-37688d51f761.tmp</t>
  </si>
  <si>
    <t>\\acsfs\profiles$\quindaizaagds\Downloads\1c122dcf-3c8d-4247-8a1a-37688d51f761.tmp</t>
  </si>
  <si>
    <t>4a552367-3cee-4f4e-aeee-8967bad79ac0.tmp</t>
  </si>
  <si>
    <t>\\acsfs\profiles$\quindaizaagds\Downloads\4a552367-3cee-4f4e-aeee-8967bad79ac0.tmp</t>
  </si>
  <si>
    <t>2b41d58b-579a-4513-b527-35e7ee3ad1c3.tmp</t>
  </si>
  <si>
    <t>\\acsfs\profiles$\quindaizaagds\Downloads\2b41d58b-579a-4513-b527-35e7ee3ad1c3.tmp</t>
  </si>
  <si>
    <t>f9c3317f-0652-4632-a432-8e2223a11374.tmp</t>
  </si>
  <si>
    <t>\\acsfs\profiles$\matheushds\Downloads\f9c3317f-0652-4632-a432-8e2223a11374.tmp</t>
  </si>
  <si>
    <t>5909c661-2b2e-4bbf-9d7f-8c8778578ad7.tmp</t>
  </si>
  <si>
    <t>\\acsfs\profiles$\matheushds\Downloads\5909c661-2b2e-4bbf-9d7f-8c8778578ad7.tmp</t>
  </si>
  <si>
    <t>9173c9ce-fefd-4ec1-bb42-8c84493248d3.tmp</t>
  </si>
  <si>
    <t>\\acsfs\profiles$\mariajra\Downloads\9173c9ce-fefd-4ec1-bb42-8c84493248d3.tmp</t>
  </si>
  <si>
    <t>61a12361-67c2-488b-aa0d-c27f521736ff.tmp</t>
  </si>
  <si>
    <t>\\acsfs\profiles$\wedersonbadr\My Documents\My Music\61a12361-67c2-488b-aa0d-c27f521736ff.tmp</t>
  </si>
  <si>
    <t>b4f06e22-0cf1-4253-81c4-067ea84f64d7.tmp</t>
  </si>
  <si>
    <t>\\acsfs\profiles$\milenaas\Downloads\b4f06e22-0cf1-4253-81c4-067ea84f64d7.tmp</t>
  </si>
  <si>
    <t>e44a23aa-a9d6-4199-ac27-b84e7e12b5f3.tmp</t>
  </si>
  <si>
    <t>\\acsfs\profiles$\sarahbal\Downloads\e44a23aa-a9d6-4199-ac27-b84e7e12b5f3.tmp</t>
  </si>
  <si>
    <t>3238f832-800a-4c4f-ae8b-fba8bc2e9a18.tmp</t>
  </si>
  <si>
    <t>\\acsfs\profiles$\sarahbal\Downloads\3238f832-800a-4c4f-ae8b-fba8bc2e9a18.tmp</t>
  </si>
  <si>
    <t>f1a90a88-8aff-43ac-a2fa-802f0cb4e62b.tmp</t>
  </si>
  <si>
    <t>\\acsfs\profiles$\anafsb\Downloads\f1a90a88-8aff-43ac-a2fa-802f0cb4e62b.tmp</t>
  </si>
  <si>
    <t>10b95df3-100b-4fe9-b1c8-3bb5691e0828.tmp</t>
  </si>
  <si>
    <t>\\acsfs\profiles$\anafsb\Downloads\10b95df3-100b-4fe9-b1c8-3bb5691e0828.tmp</t>
  </si>
  <si>
    <t>d33c4f33-14c5-42d4-bc71-862a3772fa8a.tmp</t>
  </si>
  <si>
    <t>\\acsfs\profiles$\luanaagl\Downloads\d33c4f33-14c5-42d4-bc71-862a3772fa8a.tmp</t>
  </si>
  <si>
    <t>dd0e2e48-2422-4dfa-964e-704e065d0793.tmp</t>
  </si>
  <si>
    <t>\\acsfs\profiles$\deborahsi\Downloads\dd0e2e48-2422-4dfa-964e-704e065d0793.tmp</t>
  </si>
  <si>
    <t>10.200.66.68</t>
  </si>
  <si>
    <t>64-1C-67-9C-83-A0</t>
  </si>
  <si>
    <t>VOTORANT-LB014</t>
  </si>
  <si>
    <t>https://udpmailboxap01.acs.com.br:8443/h/search?si=0&amp;so=0&amp;sc=58902&amp;st=conversation&amp;action=compose&amp;paction=paneview</t>
  </si>
  <si>
    <t>fbab4dd2-25a0-4d11-ad5d-cf82bf0070ef.tmp</t>
  </si>
  <si>
    <t>\\acsfs\profiles$\matheushds\Downloads\fbab4dd2-25a0-4d11-ad5d-cf82bf0070ef.tmp</t>
  </si>
  <si>
    <t>201f0811-5f1f-4614-ab7e-77c443237fd7.tmp</t>
  </si>
  <si>
    <t>\\acsfs\profiles$\lorraynevam\Downloads\201f0811-5f1f-4614-ab7e-77c443237fd7.tmp</t>
  </si>
  <si>
    <t>86bc34f9-9ea4-4e3a-b9b0-9bf6de8a0dac.tmp</t>
  </si>
  <si>
    <t>\\acsfs\profiles$\nathaliarmr\Downloads\86bc34f9-9ea4-4e3a-b9b0-9bf6de8a0dac.tmp</t>
  </si>
  <si>
    <t>9fd90686-cd35-4dcd-a16d-b510d2974570.tmp</t>
  </si>
  <si>
    <t>\\acsfs\profiles$\wedersonbadr\My Documents\My Music\9fd90686-cd35-4dcd-a16d-b510d2974570.tmp</t>
  </si>
  <si>
    <t>217cd3c9-7957-47c6-bedb-e031ded4807c.tmp</t>
  </si>
  <si>
    <t>\\acsfs\profiles$\larissaad\Downloads\217cd3c9-7957-47c6-bedb-e031ded4807c.tmp</t>
  </si>
  <si>
    <t>1a23ca72-4ad1-42be-af49-61b9617fae31.tmp</t>
  </si>
  <si>
    <t>\\acsfs\profiles$\gabrielafs\Downloads\1a23ca72-4ad1-42be-af49-61b9617fae31.tmp</t>
  </si>
  <si>
    <t>6e57d1da-ddae-421d-ad0d-36699628a411.tmp</t>
  </si>
  <si>
    <t>\\acsfs\profiles$\felipetds\Downloads\6e57d1da-ddae-421d-ad0d-36699628a411.tmp</t>
  </si>
  <si>
    <t>eddc7c6b-79b1-4312-ada5-2b5c0fa9ee72.tmp</t>
  </si>
  <si>
    <t>\\acsfs\profiles$\michelerds\Downloads\eddc7c6b-79b1-4312-ada5-2b5c0fa9ee72.tmp</t>
  </si>
  <si>
    <t>efb693ec-8cf7-4865-a136-26e6abfeab06.tmp</t>
  </si>
  <si>
    <t>\\acsfs\profiles$\vivianalds\Downloads\efb693ec-8cf7-4865-a136-26e6abfeab06.tmp</t>
  </si>
  <si>
    <t>be389374-11ad-41b0-b209-4973fc1620d1.tmp</t>
  </si>
  <si>
    <t>\\acsfs\profiles$\matheushds\Downloads\be389374-11ad-41b0-b209-4973fc1620d1.tmp</t>
  </si>
  <si>
    <t>C:\Users\elianegr\Downloads\</t>
  </si>
  <si>
    <t>Dimensionamento_Dezembro 2 (4).xlsx</t>
  </si>
  <si>
    <t>\\acsfs\DEPTOS\Operacao\Banco_Votorantim\Qualidade\Anderson\Dimensionamento Elii kk\Dimensionamento_Dezembro 2 (4).xlsx</t>
  </si>
  <si>
    <t>\\acsfs\DEPTOS\Operacao\Banco_Votorantim\Qualidade\Anderson\Dimensionamento Elii kk\Dimensionamento_Dezembro 2 (4).xlsx\</t>
  </si>
  <si>
    <t>\\acsfs\DEPTOS\Operacao\Banco_Votorantim\Qualidade\Anderson\Dimensionamento Elii kk\Dimensionamento_Dezembro 2 (4).xlsx\:Zone.Identifier:$DATA</t>
  </si>
  <si>
    <t>6d486780-a487-4f8d-af74-a23c72dde4ee.tmp</t>
  </si>
  <si>
    <t>\\acsfs\profiles$\wedersonbadr\My Documents\My Music\6d486780-a487-4f8d-af74-a23c72dde4ee.tmp</t>
  </si>
  <si>
    <t>\\acsfs\profiles$\wedersonbadr\My Documents\My Music\6d486780-a487-4f8d-af74-a23c72dde4ee.tmp\</t>
  </si>
  <si>
    <t>\\acsfs\profiles$\wedersonbadr\My Documents\My Music\6d486780-a487-4f8d-af74-a23c72dde4ee.tmp\META-INF\</t>
  </si>
  <si>
    <t>\\acsfs\profiles$\wedersonbadr\My Documents\My Music\6d486780-a487-4f8d-af74-a23c72dde4ee.tmp\Thumbnails\</t>
  </si>
  <si>
    <t>.~lock.Erro Operacional Marta. (dezembro) (1).ods#</t>
  </si>
  <si>
    <t>\\acsfs\profiles$\wedersonbadr\Downloads\.~lock.Erro Operacional Marta. (dezembro) (1).ods#</t>
  </si>
  <si>
    <t>10.213.2.40</t>
  </si>
  <si>
    <t>80-86-F2-FE-AE-BB</t>
  </si>
  <si>
    <t>NB-YTHIAKGM</t>
  </si>
  <si>
    <t>ythiakgm</t>
  </si>
  <si>
    <t>\\acsfs\deptos\Regionais\SPO\TALENTOS_HUMANOS_SPO\SESMT_SPO\2015_ORGANIZAÇÃO DOS DIRETÓRIOS\Treinamentos\CONTROLE DE TREINAMENTOS\NR 10\Modelo de Inscrição Energia on line\</t>
  </si>
  <si>
    <t>Ficha de Inscrições -Belém - Formação.xlsx</t>
  </si>
  <si>
    <t>75b51577-56c3-4a35-a612-9046883d9594.tmp</t>
  </si>
  <si>
    <t>\\acsfs\profiles$\ROZENCAM\Downloads\75b51577-56c3-4a35-a612-9046883d9594.tmp</t>
  </si>
  <si>
    <t>VICE PRESIDENCIA</t>
  </si>
  <si>
    <t>10.200.35.87</t>
  </si>
  <si>
    <t>20-04-0F-FD-B4-68</t>
  </si>
  <si>
    <t>NB-EDILSONR</t>
  </si>
  <si>
    <t>edilsonrb</t>
  </si>
  <si>
    <t>edilson@algartech.com</t>
  </si>
  <si>
    <t>mail.google.com/_/upload?authuser=0&amp;dcp=asu-n&amp;upload_id=AEnB2UqKpZt1Roe8cUNuh0MtiPARpHod_teAMf3jyEGMo3LGmJoV9hvx7_9MVnAFmgQGmmAapTTh3xP_min_fbh0sUieBhEtzyN-8UmsVOGkPE7YDtW8o54&amp;upload_protocol=resumable</t>
  </si>
  <si>
    <t>amandacdr@algartech.com;anderson.oliva@icloud.com;andersonoa@algartech.com;filemon@algartech.com;luiz.m.carvalho@algartech.com;</t>
  </si>
  <si>
    <t>C:\Users\edilsonrb\Documents\02.Trabalho\85.ANO.2019\04.CLIENTES\05.PRUDENTIAL\3.DEZEMBRO\</t>
  </si>
  <si>
    <t>Associados Sustentação Prudential - Final.xlsx</t>
  </si>
  <si>
    <t>amandacdr@algartech.com,anderson.oliva@icloud.com,andersonoa@algartech.com,filemon@algartech.com,luiz.m.carvalho@algartech.com</t>
  </si>
  <si>
    <t>7;</t>
  </si>
  <si>
    <t>C:\Users\camillarl\Desktop\</t>
  </si>
  <si>
    <t>formulario vanessa.jpg</t>
  </si>
  <si>
    <t>https://7</t>
  </si>
  <si>
    <t>vale Vanessa cc.jpg</t>
  </si>
  <si>
    <t>verso cc vanessa.jpg</t>
  </si>
  <si>
    <t>a959bd2a-7513-436c-bbef-d77039d81c66.tmp</t>
  </si>
  <si>
    <t>\\acsfs\profiles$\adelvinsonle\Downloads\a959bd2a-7513-436c-bbef-d77039d81c66.tmp</t>
  </si>
  <si>
    <t>fernandaab</t>
  </si>
  <si>
    <t>fernandaab@algartech.com</t>
  </si>
  <si>
    <t>mail.google.com/sync/u/0/i/s?hl=pt-BR&amp;c=23</t>
  </si>
  <si>
    <t>mail.google.com/sync/u/0/i/s?hl=pt-BR&amp;c=25</t>
  </si>
  <si>
    <t>kesiadof@algartech.com;mirianppb@algartech.com;</t>
  </si>
  <si>
    <t>kesiadof@algartech.com,mirianppb@algartech.com</t>
  </si>
  <si>
    <t>mail.google.com/sync/u/0/i/s?hl=pt-BR&amp;c=34</t>
  </si>
  <si>
    <t>https://udpwfmniceap02/web/guest/home?p_auth=9lxufvoj&amp;p_p_id=58&amp;p_p_lifecycle=1&amp;p_p_state=maximized&amp;p_p_mode=view&amp;savelastpath=0&amp;_58_struts_action=/login/forgot_password</t>
  </si>
  <si>
    <t>e085fb16-162c-48b9-b3b0-39114da22917.tmp</t>
  </si>
  <si>
    <t>\\acsfs\profiles$\inarajst\Downloads\e085fb16-162c-48b9-b3b0-39114da22917.tmp</t>
  </si>
  <si>
    <t>mail.google.com/sync/u/0/i/s?hl=pt-BR&amp;c=362</t>
  </si>
  <si>
    <t>mail.google.com/sync/u/0/i/s?hl=pt-BR&amp;c=364</t>
  </si>
  <si>
    <t>mail.google.com/sync/u/0/i/s?hl=pt-BR&amp;c=366</t>
  </si>
  <si>
    <t>mail.google.com/sync/u/0/i/s?hl=pt-BR&amp;c=369</t>
  </si>
  <si>
    <t>mail.google.com/sync/u/0/i/s?hl=pt-BR&amp;c=371</t>
  </si>
  <si>
    <t>m1nxnxefxetrukrzvgozdhyqef1vh0jvuushxg==</t>
  </si>
  <si>
    <t>mail.google.com/sync/u/0/i/s?hl=pt-BR&amp;c=373</t>
  </si>
  <si>
    <t>mail.google.com/sync/u/0/i/s?hl=pt-BR&amp;c=375</t>
  </si>
  <si>
    <t>mail.google.com/sync/u/0/i/s?hl=pt-BR&amp;c=379</t>
  </si>
  <si>
    <t>mail.google.com/sync/u/0/i/s?hl=pt-BR&amp;c=381</t>
  </si>
  <si>
    <t>mail.google.com/sync/u/0/i/s?hl=pt-BR&amp;c=383</t>
  </si>
  <si>
    <t>mail.google.com/_/upload?authuser=0&amp;dcp=asu-n&amp;upload_id=AEnB2UpORwhkQZTLYfgvhEl1EK_95Q-HxQm3xFEnBKvvVWXrhxNg8WHDUW4UAEAXBh0uoDElLA7DTH2e-5KCe9UOhlhbkmEK5E3Ff55nBEZXW2p7rmfKXcs&amp;upload_protocol=resumable</t>
  </si>
  <si>
    <t>bvs-centralcartoes@bv.com.br;cintia.souza-domingues@dxc.com;eduardo.santana@bv.com.br;fernandaab@algartech.com;fernandorsju@algartech.com;marianeps@algartech.com;talmaiardo@algartech.com;thiagordu@algartech.com;</t>
  </si>
  <si>
    <t>bvs-centralcartoes@bv.com.br,cintia.souza-domingues@dxc.com,eduardo.santana@bv.com.br,fernandaab@algartech.com,fernandorsju@algartech.com,marianeps@algartech.com,talmaiardo@algartech.com,thiagordu@algartech.com</t>
  </si>
  <si>
    <t>mail.google.com/_/upload?authuser=0&amp;dcp=asu-n&amp;upload_id=AEnB2UrC0GCLBU6FIed5o7EDkuMocwsGJDwJg3Jar4xtRA_P7gKVuPvogh5ljQVMOTntJNl7_EFkkBBZauk5PA9pZ1-4bY8giA&amp;upload_protocol=resumable</t>
  </si>
  <si>
    <t>C:\Users\TEMP\Downloads\</t>
  </si>
  <si>
    <t>CPF 06330712697 ERNANDES FERREIRA DA SILVA.pdf</t>
  </si>
  <si>
    <t>\\acsfs\Deptos\EDUCACAO EMPRESARIAL\KÉSIA\OUVIDORIA, PROCON, BACEN E RECLAME AQUI\CPF 06330712697 ERNANDES FERREIRA DA SILVA.pdf</t>
  </si>
  <si>
    <t>\\acsfs\Deptos\EDUCACAO EMPRESARIAL\KÉSIA\OUVIDORIA, PROCON, BACEN E RECLAME AQUI\CPF 06330712697 ERNANDES FERREIRA DA SILVA.pdf\</t>
  </si>
  <si>
    <t>\\acsfs\Deptos\EDUCACAO EMPRESARIAL\KÉSIA\OUVIDORIA, PROCON, BACEN E RECLAME AQUI\CPF 06330712697 ERNANDES FERREIRA DA SILVA.pdf\:Zone.Identifier:$DATA</t>
  </si>
  <si>
    <t>81abbd2e-6df0-4467-b4d3-2a6e43de3177.tmp</t>
  </si>
  <si>
    <t>\\acsfs\profiles$\marcellewdl\Downloads\81abbd2e-6df0-4467-b4d3-2a6e43de3177.tmp</t>
  </si>
  <si>
    <t>6bb73537-1170-430d-b990-ed15f6a0737f.tmp</t>
  </si>
  <si>
    <t>\\acsfs\profiles$\lorrainerdl\Downloads\6bb73537-1170-430d-b990-ed15f6a0737f.tmp</t>
  </si>
  <si>
    <t>20ff6d70-178a-42d2-9671-d4943600830c.tmp</t>
  </si>
  <si>
    <t>\\acsfs\profiles$\JOAOVAL\Downloads\20ff6d70-178a-42d2-9671-d4943600830c.tmp</t>
  </si>
  <si>
    <t>10.200.58.39</t>
  </si>
  <si>
    <t>64-1C-67-9C-54-DB</t>
  </si>
  <si>
    <t>NB-GUSTAVOP</t>
  </si>
  <si>
    <t>gustavoplo</t>
  </si>
  <si>
    <t>gustavoplo@algartech.com</t>
  </si>
  <si>
    <t>brunocss@algartech.com;wasleylc@algartech.com;</t>
  </si>
  <si>
    <t>C:\Users\gustavoplo\Downloads\</t>
  </si>
  <si>
    <t>Modelo_metadata.xlsx</t>
  </si>
  <si>
    <t>brunocss@algartech.com,wasleylc@algartech.com</t>
  </si>
  <si>
    <t>35a8a1e1-6400-4020-939d-01205a47b3eb.tmp</t>
  </si>
  <si>
    <t>\\acsfs\profiles$\BRUNAAR\Downloads\35a8a1e1-6400-4020-939d-01205a47b3eb.tmp</t>
  </si>
  <si>
    <t>lu139322oinx.tmp</t>
  </si>
  <si>
    <t>\\acsfs\profiles$\dhiulliananads\My Documents\lu139322oinx.tmp</t>
  </si>
  <si>
    <t>\\acsfs\profiles$\dhiulliananads\My Documents\lu139322oinx.tmp\</t>
  </si>
  <si>
    <t>\\acsfs\profiles$\dhiulliananads\My Documents\lu139322oinx.tmp\META-INF\</t>
  </si>
  <si>
    <t>\\acsfs\profiles$\dhiulliananads\My Documents\lu139322oinx.tmp\Thumbnails\</t>
  </si>
  <si>
    <t>lu139322oio3.tmp</t>
  </si>
  <si>
    <t>\\acsfs\profiles$\dhiulliananads\My Documents\lu139322oio3.tmp</t>
  </si>
  <si>
    <t>\\acsfs\profiles$\dhiulliananads\My Documents\lu139322oio3.tmp\</t>
  </si>
  <si>
    <t>\\acsfs\profiles$\dhiulliananads\My Documents\lu139322oio3.tmp\META-INF\</t>
  </si>
  <si>
    <t>\\acsfs\profiles$\dhiulliananads\My Documents\lu139322oio3.tmp\Thumbnails\</t>
  </si>
  <si>
    <t>lu139322oio8.tmp</t>
  </si>
  <si>
    <t>\\acsfs\profiles$\dhiulliananads\My Documents\lu139322oio8.tmp</t>
  </si>
  <si>
    <t>\\acsfs\profiles$\dhiulliananads\My Documents\lu139322oio8.tmp\</t>
  </si>
  <si>
    <t>\\acsfs\profiles$\dhiulliananads\My Documents\lu139322oio8.tmp\META-INF\</t>
  </si>
  <si>
    <t>\\acsfs\profiles$\dhiulliananads\My Documents\lu139322oio8.tmp\Thumbnails\</t>
  </si>
  <si>
    <t>71d7c213-d49c-4c56-a70c-759b2055f685.tmp</t>
  </si>
  <si>
    <t>\\acsfs\profiles$\inarajst\Downloads\71d7c213-d49c-4c56-a70c-759b2055f685.tmp</t>
  </si>
  <si>
    <t>\\acsfs\profiles$\ERICALSR\My Documents\</t>
  </si>
  <si>
    <t>VENDA 01 2020.txt</t>
  </si>
  <si>
    <t>\\acsfs\profiles$\ERICALSR\My Documents\VENDA 01 2020.txt</t>
  </si>
  <si>
    <t>62b47613-b90a-42a8-87cb-2c6b278a6616.tmp</t>
  </si>
  <si>
    <t>\\acsfs\profiles$\rafaelamsv\Downloads\62b47613-b90a-42a8-87cb-2c6b278a6616.tmp</t>
  </si>
  <si>
    <t>996d056a-a979-48c8-bba2-f430a4a5e337.tmp</t>
  </si>
  <si>
    <t>\\acsfs\profiles$\JOAOVAL\Downloads\996d056a-a979-48c8-bba2-f430a4a5e337.tmp</t>
  </si>
  <si>
    <t>13164e12-fdf1-42e2-b6e5-d09c374ccb6f.tmp</t>
  </si>
  <si>
    <t>\\acsfs\profiles$\lucasgpe\Downloads\13164e12-fdf1-42e2-b6e5-d09c374ccb6f.tmp</t>
  </si>
  <si>
    <t>camillarl@algartech.com</t>
  </si>
  <si>
    <t>andrelpsa@algartech.com;gabrielsma@algartech.com;supervisaobancovotorantim@algartech.com;</t>
  </si>
  <si>
    <t>andrelpsa@algartech.com,gabrielsma@algartech.com,supervisaobancovotorantim@algartech.com</t>
  </si>
  <si>
    <t>23475;andrelpsa@algartech.com;gabrielsma@algartech.com;supervisaobancovotorantim@algartech.com;</t>
  </si>
  <si>
    <t>23475,andrelpsa@algartech.com,gabrielsma@algartech.com,supervisaobancovotorantim@algartech.com</t>
  </si>
  <si>
    <t>mail.google.com/sync/u/0/i/s?hl=pt-BR&amp;c=89</t>
  </si>
  <si>
    <t>lu79556a0ulz5.tmp</t>
  </si>
  <si>
    <t>\\acsfs\profiles$\BRUNAAR\Numero\lu79556a0ulz5.tmp</t>
  </si>
  <si>
    <t>lu79556a0ulz8.tmp</t>
  </si>
  <si>
    <t>\\acsfs\profiles$\BRUNAAR\Numero\lu79556a0ulz8.tmp</t>
  </si>
  <si>
    <t>lu139322oiod.tmp</t>
  </si>
  <si>
    <t>\\acsfs\profiles$\dhiulliananads\My Documents\lu139322oiod.tmp</t>
  </si>
  <si>
    <t>\\acsfs\profiles$\dhiulliananads\My Documents\lu139322oiod.tmp\</t>
  </si>
  <si>
    <t>\\acsfs\profiles$\dhiulliananads\My Documents\lu139322oiod.tmp\META-INF\</t>
  </si>
  <si>
    <t>\\acsfs\profiles$\dhiulliananads\My Documents\lu139322oiod.tmp\Thumbnails\</t>
  </si>
  <si>
    <t>10.16.76.51</t>
  </si>
  <si>
    <t>10-1F-74-EC-0F-EB</t>
  </si>
  <si>
    <t>NB-MARCOSPEREIR</t>
  </si>
  <si>
    <t>marcos.pereira</t>
  </si>
  <si>
    <t>C:\Users\marcos.pereira\Downloads\</t>
  </si>
  <si>
    <t>Termo_Responsabilidade_-_Fundo_Fixo.xlsm</t>
  </si>
  <si>
    <t>c1d13274-128d-4f04-8834-1328fe09dd1c.tmp</t>
  </si>
  <si>
    <t>\\acsfs\profiles$\larissaad\Downloads\c1d13274-128d-4f04-8834-1328fe09dd1c.tmp</t>
  </si>
  <si>
    <t>69fa1272-ab8f-485b-90ce-0792eb8ab9d7.tmp</t>
  </si>
  <si>
    <t>\\acsfs\profiles$\gabrielarb\Downloads\69fa1272-ab8f-485b-90ce-0792eb8ab9d7.tmp</t>
  </si>
  <si>
    <t>c78ba2aa-12b5-427f-894e-83c232758930.tmp</t>
  </si>
  <si>
    <t>\\acsfs\profiles$\mariliafplb\Downloads\c78ba2aa-12b5-427f-894e-83c232758930.tmp</t>
  </si>
  <si>
    <t>e5e72a53-b21d-461a-ad9e-f0f031a27054.tmp</t>
  </si>
  <si>
    <t>\\acsfs\profiles$\JOAOVAL\Downloads\e5e72a53-b21d-461a-ad9e-f0f031a27054.tmp</t>
  </si>
  <si>
    <t>\\acsfs\profiles$\maxmillianosv\My Documents\</t>
  </si>
  <si>
    <t>scripts.txt</t>
  </si>
  <si>
    <t>\\acsfs\profiles$\maxmillianosv\My Documents\scripts.txt</t>
  </si>
  <si>
    <t>48b34b9d-dedd-4200-a985-3f3bc3612827.tmp</t>
  </si>
  <si>
    <t>\\acsfs\profiles$\wenderbnm\Downloads\48b34b9d-dedd-4200-a985-3f3bc3612827.tmp</t>
  </si>
  <si>
    <t>7075b287-066b-4448-b168-c30945cb480c.tmp</t>
  </si>
  <si>
    <t>\\acsfs\profiles$\ALYNYA\Downloads\7075b287-066b-4448-b168-c30945cb480c.tmp</t>
  </si>
  <si>
    <t>63bf3017-3f72-4f21-aa37-2c185fd156ab.tmp</t>
  </si>
  <si>
    <t>\\acsfs\profiles$\matheushds\Downloads\63bf3017-3f72-4f21-aa37-2c185fd156ab.tmp</t>
  </si>
  <si>
    <t>\\acsfs\DEPTOS\Operacao\PCP\5 - Comum\João Gabriel\</t>
  </si>
  <si>
    <t>Passo a Passo relatórios.xlsx</t>
  </si>
  <si>
    <t>\\acsfs\DEPTOS\Operacao\PCP\5 - Comum\João Gabriel\Passo a Passo relatórios.xlsx</t>
  </si>
  <si>
    <t>6b063adc-179f-4144-bad4-ddd7104e10b8.tmp</t>
  </si>
  <si>
    <t>\\acsfs\profiles$\larissaad\Downloads\6b063adc-179f-4144-bad4-ddd7104e10b8.tmp</t>
  </si>
  <si>
    <t>a4353e2b-8146-4168-9b40-dddcdb52ad43.tmp</t>
  </si>
  <si>
    <t>\\acsfs\profiles$\leticiala\Downloads\a4353e2b-8146-4168-9b40-dddcdb52ad43.tmp</t>
  </si>
  <si>
    <t>CPF 10790276534 - OPERADORA PATRICIA OLIVEIRA CARVALHO_1_6750697547166188426_1_32.wav</t>
  </si>
  <si>
    <t>Algar_Multimedia Files</t>
  </si>
  <si>
    <t>\\acsfs\Deptos\EDUCACAO EMPRESARIAL\KÉSIA\OUVIDORIA, PROCON, BACEN E RECLAME AQUI\CPF 10790276534 - OPERADORA PATRICIA OLIVEIRA CARVALHO_1_6750697547166188426_1_32.wav</t>
  </si>
  <si>
    <t>11e0b351-44ab-4562-82c9-6b91b99cc9da.tmp</t>
  </si>
  <si>
    <t>\\acsfs\profiles$\gabrielafs\Downloads\11e0b351-44ab-4562-82c9-6b91b99cc9da.tmp</t>
  </si>
  <si>
    <t>ff0d6cc3-815d-4e77-b13a-0c624354ac66.tmp</t>
  </si>
  <si>
    <t>\\acsfs\profiles$\wenderbnm\Downloads\ff0d6cc3-815d-4e77-b13a-0c624354ac66.tmp</t>
  </si>
  <si>
    <t>10.200.61.50</t>
  </si>
  <si>
    <t>D8-9C-67-4D-7C-47</t>
  </si>
  <si>
    <t>/o=exchangelabs/ou=exchange administrative group (fydibohf23spdlt)/cn=recipients/cn=00dbcea0702d4358b7c66d1d0dd7b863-juliana tei;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8b5b63d67af648d081a40c45cc800804-fabiana per;/o=exchangelabs/ou=exchange administrative group (fydibohf23spdlt)/cn=recipients/cn=f45617401bdf436baf70c45766699413-frederico b;alessandracm@algartech.com;crislaine.cassimiro@temposervicos.com.br;crislainesc@algartech.com.br;fabiolacc@algartecnologia.com.br;micheless@algartech.com.br;</t>
  </si>
  <si>
    <t>MIS Análise do Bacen Entrante</t>
  </si>
  <si>
    <t>MIS - ANALISE CASOS BACEN ENTRANTE - ENVIO.xlsx</t>
  </si>
  <si>
    <t>/o=exchangelabs/ou=exchange administrative group (fydibohf23spdlt)/cn=recipients/cn=00dbcea0702d4358b7c66d1d0dd7b863-juliana tei,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8b5b63d67af648d081a40c45cc800804-fabiana per,/o=exchangelabs/ou=exchange administrative group (fydibohf23spdlt)/cn=recipients/cn=f45617401bdf436baf70c45766699413-frederico b,alessandracm@algartech.com,crislaine.cassimiro@temposervicos.com.br,crislainesc@algartech.com.br,fabiolacc@algartecnologia.com.br,micheless@algartech.com.br</t>
  </si>
  <si>
    <t>b5fcbbe9-6f81-4a69-a209-aa0c21027c49.tmp</t>
  </si>
  <si>
    <t>\\acsfs\profiles$\lorrainerdl\Downloads\b5fcbbe9-6f81-4a69-a209-aa0c21027c49.tmp</t>
  </si>
  <si>
    <t>dcc75648-f0db-4303-8eaf-50e4fda1f721.tmp</t>
  </si>
  <si>
    <t>\\acsfs\profiles$\cintiadcf\Downloads\dcc75648-f0db-4303-8eaf-50e4fda1f721.tmp</t>
  </si>
  <si>
    <t>1667c2f2-6b3f-4a72-8369-aa57039da4ec.tmp</t>
  </si>
  <si>
    <t>\\acsfs\profiles$\isabellegtds\Downloads\1667c2f2-6b3f-4a72-8369-aa57039da4ec.tmp</t>
  </si>
  <si>
    <t>lu139322oioj.tmp</t>
  </si>
  <si>
    <t>\\acsfs\profiles$\dhiulliananads\My Documents\lu139322oioj.tmp</t>
  </si>
  <si>
    <t>\\acsfs\profiles$\dhiulliananads\My Documents\lu139322oioj.tmp\</t>
  </si>
  <si>
    <t>\\acsfs\profiles$\dhiulliananads\My Documents\lu139322oioj.tmp\META-INF\</t>
  </si>
  <si>
    <t>\\acsfs\profiles$\dhiulliananads\My Documents\lu139322oioj.tmp\Thumbnails\</t>
  </si>
  <si>
    <t>https://hn.inspectlet.com/ginit/549012128</t>
  </si>
  <si>
    <t>lu139322oios.tmp</t>
  </si>
  <si>
    <t>\\acsfs\profiles$\dhiulliananads\My Documents\lu139322oios.tmp</t>
  </si>
  <si>
    <t>\\acsfs\profiles$\dhiulliananads\My Documents\lu139322oios.tmp\</t>
  </si>
  <si>
    <t>\\acsfs\profiles$\dhiulliananads\My Documents\lu139322oios.tmp\META-INF\</t>
  </si>
  <si>
    <t>\\acsfs\profiles$\dhiulliananads\My Documents\lu139322oios.tmp\Thumbnails\</t>
  </si>
  <si>
    <t>lu139322oioy.tmp</t>
  </si>
  <si>
    <t>\\acsfs\profiles$\dhiulliananads\My Documents\lu139322oioy.tmp</t>
  </si>
  <si>
    <t>\\acsfs\profiles$\dhiulliananads\My Documents\lu139322oioy.tmp\</t>
  </si>
  <si>
    <t>\\acsfs\profiles$\dhiulliananads\My Documents\lu139322oioy.tmp\META-INF\</t>
  </si>
  <si>
    <t>\\acsfs\profiles$\dhiulliananads\My Documents\lu139322oioy.tmp\Thumbnails\</t>
  </si>
  <si>
    <t>\\acsfs\profiles$\MATEUSJM\Downloads\$RECYCLE.BIN\</t>
  </si>
  <si>
    <t>$IWRUT95.pdf</t>
  </si>
  <si>
    <t>\\acsfs\profiles$\MATEUSJM\Downloads\$RECYCLE.BIN\$IWRUT95.pdf</t>
  </si>
  <si>
    <t>$I6LI35B.pdf</t>
  </si>
  <si>
    <t>\\acsfs\profiles$\MATEUSJM\Downloads\$RECYCLE.BIN\$I6LI35B.pdf</t>
  </si>
  <si>
    <t>$I2RX19Z.ica</t>
  </si>
  <si>
    <t>\\acsfs\profiles$\MATEUSJM\Downloads\$RECYCLE.BIN\$I2RX19Z.ica</t>
  </si>
  <si>
    <t>$IGX18PN.ica</t>
  </si>
  <si>
    <t>\\acsfs\profiles$\MATEUSJM\Downloads\$RECYCLE.BIN\$IGX18PN.ica</t>
  </si>
  <si>
    <t>$I51UEPN.ica</t>
  </si>
  <si>
    <t>\\acsfs\profiles$\MATEUSJM\Downloads\$RECYCLE.BIN\$I51UEPN.ica</t>
  </si>
  <si>
    <t>$I72AJ3B.ica</t>
  </si>
  <si>
    <t>\\acsfs\profiles$\MATEUSJM\Downloads\$RECYCLE.BIN\$I72AJ3B.ica</t>
  </si>
  <si>
    <t>$I0A01RJ.pdf</t>
  </si>
  <si>
    <t>\\acsfs\profiles$\MATEUSJM\Downloads\$RECYCLE.BIN\$I0A01RJ.pdf</t>
  </si>
  <si>
    <t>$IWY2DC2.pdf</t>
  </si>
  <si>
    <t>\\acsfs\profiles$\MATEUSJM\Downloads\$RECYCLE.BIN\$IWY2DC2.pdf</t>
  </si>
  <si>
    <t>$IH0IAY9.pdf</t>
  </si>
  <si>
    <t>\\acsfs\profiles$\MATEUSJM\Downloads\$RECYCLE.BIN\$IH0IAY9.pdf</t>
  </si>
  <si>
    <t>$I558AMC.pdf</t>
  </si>
  <si>
    <t>\\acsfs\profiles$\MATEUSJM\Downloads\$RECYCLE.BIN\$I558AMC.pdf</t>
  </si>
  <si>
    <t>$I586ZXY.pdf</t>
  </si>
  <si>
    <t>\\acsfs\profiles$\MATEUSJM\Downloads\$RECYCLE.BIN\$I586ZXY.pdf</t>
  </si>
  <si>
    <t>$ITMC9B7.pdf</t>
  </si>
  <si>
    <t>\\acsfs\profiles$\MATEUSJM\Downloads\$RECYCLE.BIN\$ITMC9B7.pdf</t>
  </si>
  <si>
    <t>05f9349f-7dc5-4448-9582-6fb1c2024eae.tmp</t>
  </si>
  <si>
    <t>\\acsfs\profiles$\isabellegtds\Downloads\05f9349f-7dc5-4448-9582-6fb1c2024eae.tmp</t>
  </si>
  <si>
    <t>10.200.57.195</t>
  </si>
  <si>
    <t>54-BF-64-F5-84-1E</t>
  </si>
  <si>
    <t>NB-TIAGORPF</t>
  </si>
  <si>
    <t>tiagorpf</t>
  </si>
  <si>
    <t>Tiago Dos Reis De Paula Ferreira</t>
  </si>
  <si>
    <t>/o=exchangelabs/ou=exchange administrative group (fydibohf23spdlt)/cn=recipients/cn=a6ba306bde72439c8d608df7df1957f9-larice nasc;</t>
  </si>
  <si>
    <t>ENC: Report Intradiário - Atendimento Cerrado - 02/01/2020 - Acumulado até 11 hrs</t>
  </si>
  <si>
    <t>Parcial Intradiária.xlsm</t>
  </si>
  <si>
    <t>/o=exchangelabs/ou=exchange administrative group (fydibohf23spdlt)/cn=recipients/cn=a6ba306bde72439c8d608df7df1957f9-larice nasc</t>
  </si>
  <si>
    <t>laricena@algartech.com.br;</t>
  </si>
  <si>
    <t>ENC: Report Intradiário - Atendimento Algar Tech - 02/01/2020 - Acumulado até 11 hrs</t>
  </si>
  <si>
    <t>laricena@algartech.com.br</t>
  </si>
  <si>
    <t>\\acsfs\Deptos\EDUCACAO EMPRESARIAL\</t>
  </si>
  <si>
    <t>\\acsfs\Deptos\EDUCACAO EMPRESARIAL\Thumbs.db</t>
  </si>
  <si>
    <t>06540fb4-11b4-448b-9560-82cdd6abc1aa.tmp</t>
  </si>
  <si>
    <t>\\acsfs\profiles$\wedersonbadr\My Documents\My Music\06540fb4-11b4-448b-9560-82cdd6abc1aa.tmp</t>
  </si>
  <si>
    <t>andrelps@algartech.com;gabrielsma@algartech.com;supervisaobancovotorantim@algartech.com;</t>
  </si>
  <si>
    <t>andrelps@algartech.com,gabrielsma@algartech.com,supervisaobancovotorantim@algartech.com</t>
  </si>
  <si>
    <t>61565344-6d87-4c7c-9cba-c7c420fbdfb1.tmp</t>
  </si>
  <si>
    <t>\\acsfs\profiles$\lorrainerdl\Downloads\61565344-6d87-4c7c-9cba-c7c420fbdfb1.tmp</t>
  </si>
  <si>
    <t>2e007043-0eac-47d6-96da-86f953e02aab.tmp</t>
  </si>
  <si>
    <t>\\acsfs\profiles$\lucasgpe\Downloads\2e007043-0eac-47d6-96da-86f953e02aab.tmp</t>
  </si>
  <si>
    <t>Unconfirmed 342297.crdownload</t>
  </si>
  <si>
    <t>\\acsfs\profiles$\lucasgpe\Downloads\Unconfirmed 342297.crdownload</t>
  </si>
  <si>
    <t>94aef951-670b-4acf-89a0-0779ff460f4c.tmp</t>
  </si>
  <si>
    <t>\\acsfs\profiles$\leticiala\Downloads\94aef951-670b-4acf-89a0-0779ff460f4c.tmp</t>
  </si>
  <si>
    <t>9d6f053e-03c0-45cb-b4f0-514798a4015a.tmp</t>
  </si>
  <si>
    <t>\\acsfs\profiles$\mariliafplb\Downloads\9d6f053e-03c0-45cb-b4f0-514798a4015a.tmp</t>
  </si>
  <si>
    <t>32fbfee4-0976-492a-a421-2bda60ad90c7.tmp</t>
  </si>
  <si>
    <t>\\acsfs\profiles$\mariliafplb\Downloads\32fbfee4-0976-492a-a421-2bda60ad90c7.tmp</t>
  </si>
  <si>
    <t>7d06e9d1-f4c0-4bb2-8bbd-0e8be6cd9579.tmp</t>
  </si>
  <si>
    <t>\\acsfs\profiles$\nayarasds\Downloads\7d06e9d1-f4c0-4bb2-8bbd-0e8be6cd9579.tmp</t>
  </si>
  <si>
    <t>db0427a0-4882-40bc-99e0-b5d130a065db.tmp</t>
  </si>
  <si>
    <t>\\acsfs\profiles$\mariajra\Downloads\db0427a0-4882-40bc-99e0-b5d130a065db.tmp</t>
  </si>
  <si>
    <t>mail.google.com/sync/u/0/i/s?hl=pt-BR&amp;c=140</t>
  </si>
  <si>
    <t>64837f26-609d-4e23-9429-37c16f228495.tmp</t>
  </si>
  <si>
    <t>\\acsfs\profiles$\nataliacsl\Downloads\64837f26-609d-4e23-9429-37c16f228495.tmp</t>
  </si>
  <si>
    <t>edd23cfb-298b-4abe-819a-515d9c5bfc20.tmp</t>
  </si>
  <si>
    <t>\\acsfs\profiles$\lorrainerdl\Downloads\edd23cfb-298b-4abe-819a-515d9c5bfc20.tmp</t>
  </si>
  <si>
    <t>10.201.28.52</t>
  </si>
  <si>
    <t>54-BF-64-F5-80-E6</t>
  </si>
  <si>
    <t>NTB-ADRIANAMAC</t>
  </si>
  <si>
    <t>adrianamac</t>
  </si>
  <si>
    <t>adrianamac@algartech.com</t>
  </si>
  <si>
    <t>C:\Users\adrianamac\Downloads\</t>
  </si>
  <si>
    <t>Rateio Amex Yamashita2019.xlsx</t>
  </si>
  <si>
    <t>0c5a3f6d-412f-43f7-bf6f-e73112a6fd55.tmp</t>
  </si>
  <si>
    <t>\\acsfs\profiles$\nayarasds\Downloads\0c5a3f6d-412f-43f7-bf6f-e73112a6fd55.tmp</t>
  </si>
  <si>
    <t>07380b55-5c13-4726-8d0d-d7bd614c81a7.tmp</t>
  </si>
  <si>
    <t>\\acsfs\profiles$\lucasgpe\Downloads\07380b55-5c13-4726-8d0d-d7bd614c81a7.tmp</t>
  </si>
  <si>
    <t>c6ee1d13-ff2e-4792-9cab-5290d4e7a56e.tmp</t>
  </si>
  <si>
    <t>\\acsfs\profiles$\jhonatadss\Downloads\c6ee1d13-ff2e-4792-9cab-5290d4e7a56e.tmp</t>
  </si>
  <si>
    <t>\\acsfs\Deptos\Operacao\Banco_Votorantim\Comum\00 - COMUM - BV CARTÕES\</t>
  </si>
  <si>
    <t>\\acsfs\Deptos\Operacao\Banco_Votorantim\Comum\00 - COMUM - BV CARTÕES\Thumbs.db</t>
  </si>
  <si>
    <t>mail.google.com/sync/u/0/i/s?hl=pt-BR&amp;c=144</t>
  </si>
  <si>
    <t>9c385497-28dc-4fac-b1a8-1b337e9e8229.tmp</t>
  </si>
  <si>
    <t>\\acsfs\profiles$\jaquelinecp\Downloads\9c385497-28dc-4fac-b1a8-1b337e9e8229.tmp</t>
  </si>
  <si>
    <t>5912b8cb-1eaf-4db4-9d1d-e91f2bc48cdc.tmp</t>
  </si>
  <si>
    <t>\\acsfs\profiles$\jaquelinecp\Downloads\5912b8cb-1eaf-4db4-9d1d-e91f2bc48cdc.tmp</t>
  </si>
  <si>
    <t>814ddcd1-25b3-458a-a449-59c49b88bc83.tmp</t>
  </si>
  <si>
    <t>\\acsfs\profiles$\jaquelinecp\Downloads\814ddcd1-25b3-458a-a449-59c49b88bc83.tmp</t>
  </si>
  <si>
    <t>\\acsfs\profiles$\ANAPDSB\</t>
  </si>
  <si>
    <t>Novo(a) Planilha OpenDocument.ods</t>
  </si>
  <si>
    <t>\\acsfs\profiles$\ANAPDSB\Novo(a) Planilha OpenDocument.ods</t>
  </si>
  <si>
    <t>\\acsfs\profiles$\ANAPDSB\Novo(a) Planilha OpenDocument.ods\Configurations2\accelerator\</t>
  </si>
  <si>
    <t>current.xml</t>
  </si>
  <si>
    <t>\\acsfs\profiles$\ANAPDSB\Novo(a) Planilha OpenDocument.ods\</t>
  </si>
  <si>
    <t>\\acsfs\profiles$\ANAPDSB\Novo(a) Planilha OpenDocument.ods\META-INF\</t>
  </si>
  <si>
    <t>\\acsfs\profiles$\ANAPDSB\Novo(a) Planilha OpenDocument.ods\Thumbnails\</t>
  </si>
  <si>
    <t>.~lock.vendas janeiro.ods#</t>
  </si>
  <si>
    <t>\\acsfs\profiles$\ANAPDSB\.~lock.vendas janeiro.ods#</t>
  </si>
  <si>
    <t>\\acsfs\profiles$\ANAPDSB\Thumbs.db</t>
  </si>
  <si>
    <t>vendas janeiro.ods</t>
  </si>
  <si>
    <t>\\acsfs\profiles$\ANAPDSB\vendas janeiro.ods</t>
  </si>
  <si>
    <t>\\acsfs\profiles$\ANAPDSB\vendas janeiro.ods\Configurations2\accelerator\</t>
  </si>
  <si>
    <t>\\acsfs\profiles$\ANAPDSB\vendas janeiro.ods\</t>
  </si>
  <si>
    <t>\\acsfs\profiles$\ANAPDSB\vendas janeiro.ods\META-INF\</t>
  </si>
  <si>
    <t>\\acsfs\profiles$\ANAPDSB\vendas janeiro.ods\Thumbnails\</t>
  </si>
  <si>
    <t>31e77800-58b4-44bf-ade6-c24617a0363b.tmp</t>
  </si>
  <si>
    <t>\\acsfs\profiles$\lucasgpe\Downloads\31e77800-58b4-44bf-ade6-c24617a0363b.tmp</t>
  </si>
  <si>
    <t>ae262b0a-b775-422b-b162-b7d7223160be.tmp</t>
  </si>
  <si>
    <t>\\acsfs\profiles$\luanarda\Downloads\ae262b0a-b775-422b-b162-b7d7223160be.tmp</t>
  </si>
  <si>
    <t>236f2f9d-dfb6-4580-a55e-e90bbb89d647.tmp</t>
  </si>
  <si>
    <t>\\acsfs\profiles$\luanarda\Downloads\236f2f9d-dfb6-4580-a55e-e90bbb89d647.tmp</t>
  </si>
  <si>
    <t>0a1f8350-9be5-4bba-88dc-a1cfd33774d6.tmp</t>
  </si>
  <si>
    <t>\\acsfs\profiles$\eduardofss\Downloads\0a1f8350-9be5-4bba-88dc-a1cfd33774d6.tmp</t>
  </si>
  <si>
    <t>ab29efdb-16ed-482e-a729-9a4ab0dc43f3.tmp</t>
  </si>
  <si>
    <t>\\acsfs\profiles$\alessandraan\Downloads\ab29efdb-16ed-482e-a729-9a4ab0dc43f3.tmp</t>
  </si>
  <si>
    <t>6da59c09-1e00-457a-886a-3a1ade23873c.tmp</t>
  </si>
  <si>
    <t>\\acsfs\profiles$\alessandraan\Downloads\6da59c09-1e00-457a-886a-3a1ade23873c.tmp</t>
  </si>
  <si>
    <t>7fb748d9-71b8-454c-aceb-9cbf42fe29d2.tmp</t>
  </si>
  <si>
    <t>\\acsfs\profiles$\alessandraan\Downloads\7fb748d9-71b8-454c-aceb-9cbf42fe29d2.tmp</t>
  </si>
  <si>
    <t>5f882d2b-19bf-47f8-93c0-d4a17d2e069f.tmp</t>
  </si>
  <si>
    <t>\\acsfs\profiles$\alessandraan\Downloads\5f882d2b-19bf-47f8-93c0-d4a17d2e069f.tmp</t>
  </si>
  <si>
    <t>6e11d0c6-8afb-4f61-a1f2-44caa596863a.tmp</t>
  </si>
  <si>
    <t>\\acsfs\profiles$\isabellegtds\Downloads\6e11d0c6-8afb-4f61-a1f2-44caa596863a.tmp</t>
  </si>
  <si>
    <t>10.200.60.169</t>
  </si>
  <si>
    <t>48-5F-99-DE-BE-A9</t>
  </si>
  <si>
    <t>NB-RODRIGODCP</t>
  </si>
  <si>
    <t>rodrigodcp</t>
  </si>
  <si>
    <t>C:\ASPECT\</t>
  </si>
  <si>
    <t>Telefones_discados fora .xlsx</t>
  </si>
  <si>
    <t>3f877be7-6e03-40f8-b704-3f4b95394979.tmp</t>
  </si>
  <si>
    <t>\\acsfs\profiles$\lorraynevam\Downloads\3f877be7-6e03-40f8-b704-3f4b95394979.tmp</t>
  </si>
  <si>
    <t>10.200.67.145</t>
  </si>
  <si>
    <t>74-86-7A-FD-D5-C3</t>
  </si>
  <si>
    <t>VOTORANT-MB020</t>
  </si>
  <si>
    <t>\\acsfs\profiles$\nayarasds\Contacts\</t>
  </si>
  <si>
    <t>NAYARA SILVA DE SOUZA (34).contact</t>
  </si>
  <si>
    <t>\\acsfs\profiles$\nayarasds\Contacts\NAYARA SILVA DE SOUZA (34).contact</t>
  </si>
  <si>
    <t>\\acsfs\profiles$\nayarasds\My Documents\My Videos\</t>
  </si>
  <si>
    <t>\\acsfs\profiles$\nayarasds\My Documents\My Videos\desktop.ini</t>
  </si>
  <si>
    <t>\\acsfs\profiles$\nayarasds\My Documents\My Pictures\</t>
  </si>
  <si>
    <t>\\acsfs\profiles$\nayarasds\My Documents\My Pictures\desktop.ini</t>
  </si>
  <si>
    <t>\\acsfs\profiles$\nayarasds\Contacts\desktop.ini</t>
  </si>
  <si>
    <t>\\acsfs\profiles$\nayarasds\Favorites\</t>
  </si>
  <si>
    <t>\\acsfs\profiles$\nayarasds\Favorites\desktop.ini</t>
  </si>
  <si>
    <t>\\acsfs\profiles$\nayarasds\My Documents\My Music\</t>
  </si>
  <si>
    <t>\\acsfs\profiles$\nayarasds\My Documents\My Music\desktop.ini</t>
  </si>
  <si>
    <t>\\acsfs\profiles$\nayarasds\Searches\</t>
  </si>
  <si>
    <t>\\acsfs\profiles$\nayarasds\Searches\desktop.ini</t>
  </si>
  <si>
    <t>\\acsfs\profiles$\nayarasds\Downloads\desktop.ini</t>
  </si>
  <si>
    <t>\\acsfs\profiles$\nayarasds\My Documents\</t>
  </si>
  <si>
    <t>\\acsfs\profiles$\nayarasds\My Documents\desktop.ini</t>
  </si>
  <si>
    <t>\\acsfs\profiles$\nayarasds\Saved Games\</t>
  </si>
  <si>
    <t>\\acsfs\profiles$\nayarasds\Saved Games\desktop.ini</t>
  </si>
  <si>
    <t>\\acsfs\profiles$\nayarasds\Favorites\Links for Brasil\</t>
  </si>
  <si>
    <t>\\acsfs\profiles$\nayarasds\Favorites\Links for Brasil\desktop.ini</t>
  </si>
  <si>
    <t>\\acsfs\profiles$\nayarasds\Favorites\Links for Brasil\Microsoft Brasil.url</t>
  </si>
  <si>
    <t>\\acsfs\profiles$\nayarasds\Favorites\Links for Brasil\Windows Brasil.url</t>
  </si>
  <si>
    <t>\\acsfs\profiles$\nayarasds\Favorites\Links for Brasil\MSN Brasil.url</t>
  </si>
  <si>
    <t>mail.google.com/sync/u/0/i/s?hl=pt-BR&amp;c=399</t>
  </si>
  <si>
    <t>mail.google.com/sync/u/0/i/s?hl=pt-BR&amp;c=401</t>
  </si>
  <si>
    <t>mail.google.com/sync/u/0/i/s?hl=pt-BR&amp;c=403</t>
  </si>
  <si>
    <t>mail.google.com/sync/u/0/i/s?hl=pt-BR&amp;c=405</t>
  </si>
  <si>
    <t>mail.google.com/sync/u/0/i/s?hl=pt-BR&amp;c=411</t>
  </si>
  <si>
    <t>mail.google.com/sync/u/0/i/s?hl=pt-BR&amp;c=413</t>
  </si>
  <si>
    <t>mail.google.com/sync/u/0/i/s?hl=pt-BR&amp;c=415</t>
  </si>
  <si>
    <t>mail.google.com/sync/u/0/i/s?hl=pt-BR&amp;c=417</t>
  </si>
  <si>
    <t>mail.google.com/sync/u/0/i/s?hl=pt-BR&amp;c=419</t>
  </si>
  <si>
    <t>mail.google.com/sync/u/0/i/s?hl=pt-BR&amp;c=426</t>
  </si>
  <si>
    <t>48538ab9-335c-49a1-ab0d-201d10223d5a.tmp</t>
  </si>
  <si>
    <t>\\acsfs\profiles$\geovanaasa\Downloads\48538ab9-335c-49a1-ab0d-201d10223d5a.tmp</t>
  </si>
  <si>
    <t>20a09100-ed04-41cf-855b-ae6c7500d6fe.tmp</t>
  </si>
  <si>
    <t>\\acsfs\profiles$\wenderbnm\Downloads\20a09100-ed04-41cf-855b-ae6c7500d6fe.tmp</t>
  </si>
  <si>
    <t>COORDENACAO POOL</t>
  </si>
  <si>
    <t>10.200.67.120</t>
  </si>
  <si>
    <t>20-04-0F-FD-A4-AE</t>
  </si>
  <si>
    <t>NB-ANDRELPSA</t>
  </si>
  <si>
    <t>andrelpsa</t>
  </si>
  <si>
    <t>C:\Users\andrelpsa\Desktop\Bloqueio Consciente\</t>
  </si>
  <si>
    <t>BLOQUEIO CONSCIENTE 2019 _ Apuração de Ganhos _ Agosto.19.xlsx</t>
  </si>
  <si>
    <t>ancestorhasaugmentedpermissions,containsunsubscribedchildren,ct1===== conten,displayname,domain,emailaddress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Horas Extras GRC _ Junho.19.xls</t>
  </si>
  <si>
    <t>ancestorhasaugmentedpermissions,containsunsubscribedchildren,ct1===== conten,displayname,domain,emailaddress,file(kind,fileid,filesize,hasthumbnail,hasvisitorpermissions,id,id),items(deleted,items(kind,ken,kind,lastmodifyinguser(kind,lastviewedbymedate,m7cnh0===== ,modifiedbymedate,modifieddate,ontainsunsubscribedchildren,owners(kind,per,permissionid,picture,shared,sharedwithmedate,thumbnailversion,title,userpermission(role),workspaceids</t>
  </si>
  <si>
    <t>Relatório de Horas Extras _ Junho.19.xls</t>
  </si>
  <si>
    <t>Relatório de Horas Extras.xls</t>
  </si>
  <si>
    <t>C:\Users\andrelpsa\Desktop\BV Financeira\</t>
  </si>
  <si>
    <t>Diagnóstico TMO v4.xlsx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t1===== conten,displayname,domain,emailaddres,emailaddress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7cnh0===== ,mimetype,modifiedbymedate,modifieddate,ontainsunsubscribedchildren,organizationdisplayname,owners(kind,parents(id),passivelysubscribed,per,permissionid,picture,primarydomainname,primarysyncparentid,quotabytesused,recency,recencyreason,restricted,rpermissions,shareable,shared,share</t>
  </si>
  <si>
    <t>Estrutura Hierarquica _ BV.xlsx</t>
  </si>
  <si>
    <t>Template_GRC 4.0_Coordenação _ André Sampaio.xlsx</t>
  </si>
  <si>
    <t>10.200.57.96</t>
  </si>
  <si>
    <t>78-2B-CB-BE-E8-96</t>
  </si>
  <si>
    <t>NB-IZABELLACFB</t>
  </si>
  <si>
    <t>sarahro</t>
  </si>
  <si>
    <t>sarahro@algartech.com</t>
  </si>
  <si>
    <t>\\acsfs\DEPTOS\Operacao\PCP\5 - Comum\ACOMPANHAMENTO AMEX\10- Acompanhamento PF\BACKOFFICE PF\03-CNPF\01 - RÉGUA\</t>
  </si>
  <si>
    <t>RÉGUA CN.xlsx</t>
  </si>
  <si>
    <t>34cfc170-37d5-4936-962f-0f4af3194a58.tmp</t>
  </si>
  <si>
    <t>\\acsfs\profiles$\KARENDSR\Downloads\34cfc170-37d5-4936-962f-0f4af3194a58.tmp</t>
  </si>
  <si>
    <t>https://algar.folhasinergyrh.com.br/rescisao/upload?id=0&amp;idsolicitacao=0&amp;idprerescisao=0&amp;temp=true</t>
  </si>
  <si>
    <t>22/01/2020;</t>
  </si>
  <si>
    <t>doc desligamento Cinthia.zip</t>
  </si>
  <si>
    <t>https://22/01/2020</t>
  </si>
  <si>
    <t>C:\Users\camillarl\Desktop\doc desligamento Cinthia.zip\</t>
  </si>
  <si>
    <t>doc desligamento Cinthia.pdf</t>
  </si>
  <si>
    <t>marianacgs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</t>
  </si>
  <si>
    <t>C:\Users\marianacgs\Downloads\</t>
  </si>
  <si>
    <t>Vitoria.jpg</t>
  </si>
  <si>
    <t>http://erp.algartech.com/techonline/workflow/gravapost.aspx</t>
  </si>
  <si>
    <t>edcf7a5d-e22e-4b51-8ddc-339fd0d2a298.tmp</t>
  </si>
  <si>
    <t>\\acsfs\profiles$\andressagr\Downloads\edcf7a5d-e22e-4b51-8ddc-339fd0d2a298.tmp</t>
  </si>
  <si>
    <t>mail.google.com/sync/u/0/i/s?hl=pt-BR&amp;c=428</t>
  </si>
  <si>
    <t>mail.google.com/sync/u/0/i/s?hl=pt-BR&amp;c=430</t>
  </si>
  <si>
    <t>mail.google.com/sync/u/0/i/s?hl=pt-BR&amp;c=434</t>
  </si>
  <si>
    <t>mail.google.com/sync/u/0/i/s?hl=pt-BR&amp;c=436</t>
  </si>
  <si>
    <t>mail.google.com/sync/u/0/i/s?hl=pt-BR&amp;c=438</t>
  </si>
  <si>
    <t>mail.google.com/sync/u/0/i/s?hl=pt-BR&amp;c=440</t>
  </si>
  <si>
    <t>mail.google.com/sync/u/0/i/s?hl=pt-BR&amp;c=442</t>
  </si>
  <si>
    <t>mail.google.com/sync/u/0/i/s?hl=pt-BR&amp;c=444</t>
  </si>
  <si>
    <t>mail.google.com/sync/u/0/i/s?hl=pt-BR&amp;c=446</t>
  </si>
  <si>
    <t>mail.google.com/sync/u/0/i/s?hl=pt-BR&amp;c=448</t>
  </si>
  <si>
    <t>mail.google.com/sync/u/0/i/s?hl=pt-BR&amp;c=453</t>
  </si>
  <si>
    <t>http://qlikview/qvajaxzfc/accesspoint.aspx?mark=&amp;platform=browser.chrome&amp;dpi=96</t>
  </si>
  <si>
    <t>48ca1c02-1b0f-44e9-9e52-c7c2be3d9265.tmp</t>
  </si>
  <si>
    <t>\\acsfs\profiles$\nayarasds\Downloads\48ca1c02-1b0f-44e9-9e52-c7c2be3d9265.tmp</t>
  </si>
  <si>
    <t>747e7fc1-796b-4e70-a6e5-e40b95644214.tmp</t>
  </si>
  <si>
    <t>\\acsfs\profiles$\Flaviojmm\Downloads\747e7fc1-796b-4e70-a6e5-e40b95644214.tmp</t>
  </si>
  <si>
    <t>94cb6c50-0fc9-47e7-ae55-e9c08a821afd.tmp</t>
  </si>
  <si>
    <t>\\acsfs\profiles$\marcellewdl\Downloads\94cb6c50-0fc9-47e7-ae55-e9c08a821afd.tmp</t>
  </si>
  <si>
    <t>https://algar.folhasinergyrh.com.br/rescisao/upload?id=0&amp;idsolicitacao=17038&amp;idprerescisao=0</t>
  </si>
  <si>
    <t>mail.google.com/sync/u/0/i/s?hl=pt-BR&amp;c=224</t>
  </si>
  <si>
    <t>f3763af9-b038-4025-9475-b97a94caccc4.tmp</t>
  </si>
  <si>
    <t>\\acsfs\profiles$\isabellegtds\Downloads\f3763af9-b038-4025-9475-b97a94caccc4.tmp</t>
  </si>
  <si>
    <t>03f95248-b205-49b4-a60d-039da071fa16.tmp</t>
  </si>
  <si>
    <t>\\acsfs\profiles$\gabrielafs\Downloads\03f95248-b205-49b4-a60d-039da071fa16.tmp</t>
  </si>
  <si>
    <t>faa47a09-089b-4b77-9aa6-2995af266af1.tmp</t>
  </si>
  <si>
    <t>\\acsfs\profiles$\ALYNYA\Downloads\faa47a09-089b-4b77-9aa6-2995af266af1.tmp</t>
  </si>
  <si>
    <t>c110ac9a-eba3-453d-8fee-e92085eda168.tmp</t>
  </si>
  <si>
    <t>\\acsfs\profiles$\ALYNYA\Downloads\c110ac9a-eba3-453d-8fee-e92085eda168.tmp</t>
  </si>
  <si>
    <t>89be2430-b1a9-47b6-93e9-1ee99fd7d577.tmp</t>
  </si>
  <si>
    <t>\\acsfs\profiles$\lorrainerdl\Downloads\89be2430-b1a9-47b6-93e9-1ee99fd7d577.tmp</t>
  </si>
  <si>
    <t>fb7c2e83-4747-4ca1-81c7-222d862ba4a8.tmp</t>
  </si>
  <si>
    <t>\\acsfs\profiles$\lucasgpe\Downloads\fb7c2e83-4747-4ca1-81c7-222d862ba4a8.tmp</t>
  </si>
  <si>
    <t>mail.google.com/sync/u/0/i/s?hl=pt-BR&amp;c=226</t>
  </si>
  <si>
    <t>mail.google.com/sync/u/0/i/s?hl=pt-BR&amp;c=231</t>
  </si>
  <si>
    <t>23bc3b6a-0a7a-4d8f-88e1-badea70e5212.tmp</t>
  </si>
  <si>
    <t>\\acsfs\profiles$\isabellegtds\Downloads\23bc3b6a-0a7a-4d8f-88e1-badea70e5212.tmp</t>
  </si>
  <si>
    <t>27003185-d510-4fe4-9b0f-b7ed3b1d81cf.tmp</t>
  </si>
  <si>
    <t>\\acsfs\profiles$\jhonatadss\Downloads\27003185-d510-4fe4-9b0f-b7ed3b1d81cf.tmp</t>
  </si>
  <si>
    <t>b575bc60-5a81-404b-998d-f6920cd3de07.tmp</t>
  </si>
  <si>
    <t>\\acsfs\profiles$\jhonatadss\Downloads\b575bc60-5a81-404b-998d-f6920cd3de07.tmp</t>
  </si>
  <si>
    <t>\\udpavonfs01\avon\00 - ACOMPANHAMENTO AVON\04 - BACKOFFICE CORNERSTONE\2019\12.2019\MÁSCARA\</t>
  </si>
  <si>
    <t>Acompanhamento Backoffice Cornerstone DEZ.19.xlsx</t>
  </si>
  <si>
    <t>\\udpavonfs01\avon\00 - ACOMPANHAMENTO AVON\04 - BACKOFFICE CORNERSTONE\2019\12.2019\MÁSCARA\Acompanhamento Backoffice Cornerstone DEZ.19.xlsx</t>
  </si>
  <si>
    <t>\\acsfs\DEPTOS\Operacao\PCP\5 - Comum\PLANEJAMENTO BV\14 - ACOMPANHAMENTO\Report whatsapp\Vendas\2020\Atualiza VENDAS_DEZEMBRO.xlsm</t>
  </si>
  <si>
    <t>99571e3c-066f-4899-9626-1e0351c311e5.tmp</t>
  </si>
  <si>
    <t>\\acsfs\profiles$\leticiala\Downloads\99571e3c-066f-4899-9626-1e0351c311e5.tmp</t>
  </si>
  <si>
    <t>da4a2fb5-6619-403f-952d-fea9f578ab9d.tmp</t>
  </si>
  <si>
    <t>\\acsfs\profiles$\leticiala\Downloads\da4a2fb5-6619-403f-952d-fea9f578ab9d.tmp</t>
  </si>
  <si>
    <t>https://isd2.algar.tech/chat/asc/trata-flow</t>
  </si>
  <si>
    <t>5582;</t>
  </si>
  <si>
    <t>https://5582</t>
  </si>
  <si>
    <t>002661c3-2808-43bc-9a82-14d426c1ac92.tmp</t>
  </si>
  <si>
    <t>\\acsfs\profiles$\paulovadc\Downloads\002661c3-2808-43bc-9a82-14d426c1ac92.tmp</t>
  </si>
  <si>
    <t>fa197248-d969-4188-aec3-9c21768fe32d.tmp</t>
  </si>
  <si>
    <t>\\acsfs\profiles$\lucasgpe\Downloads\fa197248-d969-4188-aec3-9c21768fe32d.tmp</t>
  </si>
  <si>
    <t>lu79556a0ulzc.tmp</t>
  </si>
  <si>
    <t>\\acsfs\profiles$\BRUNAAR\Numero\lu79556a0ulzc.tmp</t>
  </si>
  <si>
    <t>9231e10e-d273-4057-8cfc-6f564d6d4162.tmp</t>
  </si>
  <si>
    <t>\\acsfs\profiles$\lorraynevam\Downloads\9231e10e-d273-4057-8cfc-6f564d6d4162.tmp</t>
  </si>
  <si>
    <t>CPF 10790276534 OSMAR SIMOES CAVALCANTE.pdf</t>
  </si>
  <si>
    <t>\\acsfs\Deptos\EDUCACAO EMPRESARIAL\KÉSIA\OUVIDORIA, PROCON, BACEN E RECLAME AQUI\CPF 10790276534 OSMAR SIMOES CAVALCANTE.pdf</t>
  </si>
  <si>
    <t>\\acsfs\Deptos\EDUCACAO EMPRESARIAL\KÉSIA\OUVIDORIA, PROCON, BACEN E RECLAME AQUI\CPF 10790276534 OSMAR SIMOES CAVALCANTE.pdf\</t>
  </si>
  <si>
    <t>\\acsfs\Deptos\EDUCACAO EMPRESARIAL\KÉSIA\OUVIDORIA, PROCON, BACEN E RECLAME AQUI\CPF 10790276534 OSMAR SIMOES CAVALCANTE.pdf\:Zone.Identifier:$DATA</t>
  </si>
  <si>
    <t>9183f1ef-42e7-4554-b709-1d5460aae68b.tmp</t>
  </si>
  <si>
    <t>\\acsfs\profiles$\leticiala\Downloads\9183f1ef-42e7-4554-b709-1d5460aae68b.tmp</t>
  </si>
  <si>
    <t>a2e05592-a332-47eb-8680-e2c84abdb453.tmp</t>
  </si>
  <si>
    <t>\\acsfs\profiles$\mariliafplb\Downloads\a2e05592-a332-47eb-8680-e2c84abdb453.tmp</t>
  </si>
  <si>
    <t>2aba7392-0fe8-4938-a1ad-8d7fdc23cc43.tmp</t>
  </si>
  <si>
    <t>\\acsfs\profiles$\mariliafplb\Downloads\2aba7392-0fe8-4938-a1ad-8d7fdc23cc43.tmp</t>
  </si>
  <si>
    <t>Ids Genesys - Chat.xlsx</t>
  </si>
  <si>
    <t>\\acsfs\DEPTOS\Operacao\PCP\5 - Comum\Mariana De Jesus\Ids Genesys - Chat.xlsx</t>
  </si>
  <si>
    <t>c6aae049-00d9-4af1-a34a-af115e3ec81c.tmp</t>
  </si>
  <si>
    <t>\\acsfs\profiles$\felipetds\Downloads\c6aae049-00d9-4af1-a34a-af115e3ec81c.tmp</t>
  </si>
  <si>
    <t>mail.google.com/_/upload?authuser=0&amp;dcp=asu-n&amp;upload_id=AEnB2UqUrQy_D5MIBqnEL99l3XMB_sQC2vwg77oyt94PJOKL4n9hIVEdouiIF9O_lI7SN-PGQ0WaQlx1unDgSyOsVT4qKDz1pp43MVbwJsW-Oc6iR3N6JwE&amp;upload_protocol=resumable</t>
  </si>
  <si>
    <t>ccm_gestao_pospo@timbrasil.com.br;malves@timbrasil.com.br;mmmmoreira@timbrasil.com.br;</t>
  </si>
  <si>
    <t>Atualização de Endereço (1).csv</t>
  </si>
  <si>
    <t>ccm_gestao_pospo@timbrasil.com.br,malves@timbrasil.com.br,mmmmoreira@timbrasil.com.br</t>
  </si>
  <si>
    <t>mail.google.com/_/upload?authuser=0&amp;dcp=asu-n&amp;upload_id=AEnB2Uput5g1RzzlvRRw_QyRB7NVUI5PMe_9EN1qtxUsoajknb8t2VVUX7222EWZ9OzEufJHNxxfea9OVNmgrh20TdGSFhEH0w&amp;upload_protocol=resumable</t>
  </si>
  <si>
    <t>Formulario-Correcao_PO (Consolidado).xlsx</t>
  </si>
  <si>
    <t>mail.google.com/sync/u/0/i/s?hl=pt-BR&amp;c=243</t>
  </si>
  <si>
    <t>mail.google.com/sync/u/0/i/s?hl=pt-BR&amp;c=245</t>
  </si>
  <si>
    <t>mail.google.com/sync/u/0/i/s?hl=pt-BR&amp;c=247</t>
  </si>
  <si>
    <t>23475;</t>
  </si>
  <si>
    <t>117e09c8-cc32-4732-b308-3ad7206c421b.tmp</t>
  </si>
  <si>
    <t>\\acsfs\profiles$\adelvinsonle\Downloads\117e09c8-cc32-4732-b308-3ad7206c421b.tmp</t>
  </si>
  <si>
    <t>thamiresbds</t>
  </si>
  <si>
    <t>\\acsfs\profiles$\thamiresbds\My Documents\</t>
  </si>
  <si>
    <t>thamires.txt</t>
  </si>
  <si>
    <t>\\acsfs\profiles$\thamiresbds\My Documents\thamires.txt</t>
  </si>
  <si>
    <t>\\acsfs\DEPTOS\Operacao\PCP\5 - Comum\PLANEJAMENTO BV\14 - ACOMPANHAMENTO\Report whatsapp\Vendas\2020\</t>
  </si>
  <si>
    <t>Atualiza VENDAS_JANEIRO.xlsm</t>
  </si>
  <si>
    <t>\\acsfs\DEPTOS\Operacao\PCP\5 - Comum\PLANEJAMENTO BV\14 - ACOMPANHAMENTO\Report whatsapp\Vendas\2020\Atualiza VENDAS_JANEIRO.xlsm</t>
  </si>
  <si>
    <t>4d71b49a-f6ff-4649-ba17-daca5f36564a.tmp</t>
  </si>
  <si>
    <t>\\acsfs\profiles$\gabrielafs\Downloads\4d71b49a-f6ff-4649-ba17-daca5f36564a.tmp</t>
  </si>
  <si>
    <t>339a93cc-308a-409b-a46a-a27c4b8a097d.tmp</t>
  </si>
  <si>
    <t>\\acsfs\profiles$\ROZENCAM\Downloads\339a93cc-308a-409b-a46a-a27c4b8a097d.tmp</t>
  </si>
  <si>
    <t>cc860888-4d16-4c46-bcee-b707146eeecd.tmp</t>
  </si>
  <si>
    <t>\\acsfs\profiles$\jonatanls\Downloads\cc860888-4d16-4c46-bcee-b707146eeecd.tmp</t>
  </si>
  <si>
    <t>mail.google.com/sync/u/0/i/s?hl=pt-BR&amp;c=476</t>
  </si>
  <si>
    <t>mail.google.com/sync/u/0/i/s?hl=pt-BR&amp;c=478</t>
  </si>
  <si>
    <t>mail.google.com/sync/u/0/i/s?hl=pt-BR&amp;c=480</t>
  </si>
  <si>
    <t>mail.google.com/sync/u/0/i/s?hl=pt-BR&amp;c=482</t>
  </si>
  <si>
    <t>mail.google.com/sync/u/0/i/s?hl=pt-BR&amp;c=484</t>
  </si>
  <si>
    <t>mail.google.com/sync/u/0/i/s?hl=pt-BR&amp;c=486</t>
  </si>
  <si>
    <t>mail.google.com/sync/u/0/i/s?hl=pt-BR&amp;c=489</t>
  </si>
  <si>
    <t>algartechcpcbv@algartech.com;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491</t>
  </si>
  <si>
    <t>mail.google.com/sync/u/0/i/s?hl=pt-BR&amp;c=451</t>
  </si>
  <si>
    <t>mail.google.com/sync/u/0/i/s?hl=pt-BR&amp;c=456</t>
  </si>
  <si>
    <t>joaogvc@algartech.com;m1nxnxefxetrukrzvgozdhyqef1vh0jvuushxg==;marianadjc@algartech.com;planejamentodeoperacoesetrafego@bv.com.br;rafaelggs@algartech.com;taysdss@algartech.com;viniciussg@algartech.com;</t>
  </si>
  <si>
    <t>joaogvc@algartech.com,m1nxnxefxetrukrzvgozdhyqef1vh0jvuushxg==,marianadjc@algartech.com,planejamentodeoperacoesetrafego@bv.com.br,rafaelggs@algartech.com,taysdss@algartech.com,viniciussg@algartech.com</t>
  </si>
  <si>
    <t>mail.google.com/sync/u/0/i/s?hl=pt-BR&amp;c=459</t>
  </si>
  <si>
    <t>9de75442-2a0d-4946-af56-206633de51f9.tmp</t>
  </si>
  <si>
    <t>\\acsfs\profiles$\larissaad\Downloads\9de75442-2a0d-4946-af56-206633de51f9.tmp</t>
  </si>
  <si>
    <t>6af2724e-cc99-4f17-8d8f-d91281f187ae.tmp</t>
  </si>
  <si>
    <t>\\acsfs\profiles$\ROZENCAM\Downloads\6af2724e-cc99-4f17-8d8f-d91281f187ae.tmp</t>
  </si>
  <si>
    <t>e0427603-850d-4bc4-baad-4bba71b3ef22.tmp</t>
  </si>
  <si>
    <t>\\acsfs\profiles$\lorrainerdl\Downloads\e0427603-850d-4bc4-baad-4bba71b3ef22.tmp</t>
  </si>
  <si>
    <t>\\acsfs\DEPTOS\Operacao\Banco_Votorantim\Qualidade\Eliane\Contestação MUTANT DEZEMBRO\</t>
  </si>
  <si>
    <t>Contestação DEZEMBRO.txt</t>
  </si>
  <si>
    <t>\\acsfs\DEPTOS\Operacao\Banco_Votorantim\Qualidade\Eliane\Contestação MUTANT DEZEMBRO\Contestação DEZEMBRO.txt</t>
  </si>
  <si>
    <t>a5acbe1c-5eb5-4762-be09-a69ba82ae4b8.tmp</t>
  </si>
  <si>
    <t>\\acsfs\profiles$\lucasgpe\Downloads\a5acbe1c-5eb5-4762-be09-a69ba82ae4b8.tmp</t>
  </si>
  <si>
    <t>\\acsfs\profiles$\LUCASNS\Favorites\Links\</t>
  </si>
  <si>
    <t>\\acsfs\profiles$\LUCASNS\Favorites\Links\desktop.ini</t>
  </si>
  <si>
    <t>https--algarnet.com.url</t>
  </si>
  <si>
    <t>\\acsfs\profiles$\LUCASNS\Favorites\Links\https--algarnet.com.url</t>
  </si>
  <si>
    <t>\\udpavonfs01\avon\00 - ACOMPANHAMENTO AVON\04 - BACKOFFICE CORNERSTONE\2019\12.2019\RELATORIO\31.12.2019\Acompanhamento Backoffice Cornerstone DEZ.19.xlsx</t>
  </si>
  <si>
    <t>mail.google.com/sync/u/0/i/s?hl=pt-BR&amp;c=462</t>
  </si>
  <si>
    <t>mail.google.com/sync/u/0/i/s?hl=pt-BR&amp;c=464</t>
  </si>
  <si>
    <t>mail.google.com/sync/u/0/i/s?hl=pt-BR&amp;c=467</t>
  </si>
  <si>
    <t>mail.google.com/sync/u/0/i/s?hl=pt-BR&amp;c=469</t>
  </si>
  <si>
    <t>mail.google.com/sync/u/0/i/s?hl=pt-BR&amp;c=471</t>
  </si>
  <si>
    <t>mail.google.com/sync/u/0/i/s?hl=pt-BR&amp;c=473</t>
  </si>
  <si>
    <t>Sistemas -.txt</t>
  </si>
  <si>
    <t>\\acsfs\profiles$\larissaad\My Documents\Sistemas -.txt</t>
  </si>
  <si>
    <t>10.200.57.86</t>
  </si>
  <si>
    <t>FC-01-7C-B3-41-B3</t>
  </si>
  <si>
    <t>NB-GILDAEPMA</t>
  </si>
  <si>
    <t>gildaepma</t>
  </si>
  <si>
    <t>gildaepma@algartech.com</t>
  </si>
  <si>
    <t>\\acsfs\QLD\Gestão por Processos\Oficiais\Indicadores\Automação de Processos\01 - APLICAÇÕES\02 - QLIKVIEW\01 - INPUTS\24 - ANALISE FINANCEIRA MENSAL\ARQUIVOS\AUXILIAR\</t>
  </si>
  <si>
    <t>TB_CONSOLIDACAO.xlsx</t>
  </si>
  <si>
    <t>mail.google.com/_/upload?authuser=0&amp;dcp=asu-n&amp;upload_id=AEnB2Up0zf_F7pfxvMdVvW7fki_g3-XYI5qvjkCx6iDKPVOpk2HnQbihTYCYFQxRlkjuSef1b3ifjlv4z0B9muk6PUfhYTGtLPWvz0gmvPWqoGmfFXX6Tig&amp;upload_protocol=resumable</t>
  </si>
  <si>
    <t>e324253e-a75a-4077-8a1b-73584488ef91.tmp</t>
  </si>
  <si>
    <t>\\acsfs\profiles$\jonatanls\Downloads\e324253e-a75a-4077-8a1b-73584488ef91.tmp</t>
  </si>
  <si>
    <t>$IUFS68P.pdf</t>
  </si>
  <si>
    <t>\\acsfs\profiles$\jonatanls\Downloads\$RECYCLE.BIN\$IUFS68P.pdf</t>
  </si>
  <si>
    <t>$IB7F4HS.pdf</t>
  </si>
  <si>
    <t>\\acsfs\profiles$\jonatanls\Downloads\$RECYCLE.BIN\$IB7F4HS.pdf</t>
  </si>
  <si>
    <t>$IWGCQM7.pdf</t>
  </si>
  <si>
    <t>\\acsfs\profiles$\jonatanls\Downloads\$RECYCLE.BIN\$IWGCQM7.pdf</t>
  </si>
  <si>
    <t>$I8C7SNI.pdf</t>
  </si>
  <si>
    <t>\\acsfs\profiles$\jonatanls\Downloads\$RECYCLE.BIN\$I8C7SNI.pdf</t>
  </si>
  <si>
    <t>$IV9F7LH.pdf</t>
  </si>
  <si>
    <t>\\acsfs\profiles$\jonatanls\Downloads\$RECYCLE.BIN\$IV9F7LH.pdf</t>
  </si>
  <si>
    <t>$IU51OWL.pdf</t>
  </si>
  <si>
    <t>\\acsfs\profiles$\jonatanls\Downloads\$RECYCLE.BIN\$IU51OWL.pdf</t>
  </si>
  <si>
    <t>f8540ab8-1814-4eef-bc3f-582a804f939a.tmp</t>
  </si>
  <si>
    <t>\\acsfs\profiles$\LAISLG\Downloads\f8540ab8-1814-4eef-bc3f-582a804f939a.tmp</t>
  </si>
  <si>
    <t>C:\Users\tiagorpf\OneDrive - Grupo Algar\Ecohouse\CAC\02 - PAGADORES VISITA MENSAL\EMPRESAS\</t>
  </si>
  <si>
    <t>PagadoresEsporadicos.xlsx</t>
  </si>
  <si>
    <t>Relatório de OSs Executadas com Sucesso.xlsm</t>
  </si>
  <si>
    <t>abca6efd-e628-44e7-a98f-2108e8659732.tmp</t>
  </si>
  <si>
    <t>\\acsfs\profiles$\lorrainerdl\Downloads\abca6efd-e628-44e7-a98f-2108e8659732.tmp</t>
  </si>
  <si>
    <t>2ae85f8c-d85e-4099-a09a-688d61ff3b64.tmp</t>
  </si>
  <si>
    <t>\\acsfs\profiles$\lorrainerdl\Downloads\2ae85f8c-d85e-4099-a09a-688d61ff3b64.tmp</t>
  </si>
  <si>
    <t>44d95975-7553-46f5-99c4-6d5bc330b784.tmp</t>
  </si>
  <si>
    <t>\\acsfs\profiles$\lorrainerdl\Downloads\44d95975-7553-46f5-99c4-6d5bc330b784.tmp</t>
  </si>
  <si>
    <t>de473700-e92d-4f53-8b95-d4505beec2fd.tmp</t>
  </si>
  <si>
    <t>\\acsfs\profiles$\LUISPLS\Downloads\de473700-e92d-4f53-8b95-d4505beec2fd.tmp</t>
  </si>
  <si>
    <t>8de1d02a-20ee-4d1a-830f-f39bb23fad26.tmp</t>
  </si>
  <si>
    <t>\\acsfs\profiles$\LUISPLS\Downloads\8de1d02a-20ee-4d1a-830f-f39bb23fad26.tmp</t>
  </si>
  <si>
    <t>mail.google.com/sync/u/0/i/s?hl=pt-BR&amp;c=507</t>
  </si>
  <si>
    <t>mail.google.com/sync/u/0/i/s?hl=pt-BR&amp;c=509</t>
  </si>
  <si>
    <t>mail.google.com/sync/u/0/i/s?hl=pt-BR&amp;c=511</t>
  </si>
  <si>
    <t>mail.google.com/sync/u/0/i/s?hl=pt-BR&amp;c=513</t>
  </si>
  <si>
    <t>mail.google.com/sync/u/0/i/s?hl=pt-BR&amp;c=515</t>
  </si>
  <si>
    <t>mail.google.com/sync/u/0/i/s?hl=pt-BR&amp;c=517</t>
  </si>
  <si>
    <t>mail.google.com/sync/u/0/i/s?hl=pt-BR&amp;c=519</t>
  </si>
  <si>
    <t>mail.google.com/sync/u/0/i/s?hl=pt-BR&amp;c=523</t>
  </si>
  <si>
    <t>mail.google.com/sync/u/0/i/s?hl=pt-BR&amp;c=525</t>
  </si>
  <si>
    <t>mail.google.com/sync/u/0/i/s?hl=pt-BR&amp;c=527</t>
  </si>
  <si>
    <t>mail.google.com/sync/u/0/i/s?hl=pt-BR&amp;c=529</t>
  </si>
  <si>
    <t>mail.google.com/sync/u/0/i/s?hl=pt-BR&amp;c=531</t>
  </si>
  <si>
    <t>mail.google.com/sync/u/0/i/s?hl=pt-BR&amp;c=533</t>
  </si>
  <si>
    <t>mail.google.com/sync/u/0/i/s?hl=pt-BR&amp;c=536</t>
  </si>
  <si>
    <t>mail.google.com/sync/u/0/i/s?hl=pt-BR&amp;c=538</t>
  </si>
  <si>
    <t>mail.google.com/sync/u/0/i/s?hl=pt-BR&amp;c=541</t>
  </si>
  <si>
    <t>algartechcpcbv@algartech.com;andrelpsa@algartech.com;cpc-controldeskavon@algartech.com;joseasn@algartech.com;josiascdsj@algartech.com;leonardoao@algartech.com;luiz.henriquesantos@avon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paulacn@algartech.com,qualidadealgarbv@algartech.com,rafaelggs@algartech.com,supervisaobancovotorantim@algartech.com,taysdss@algartech.com,thiagolrc@bv.algartech.com,viniciussg@algartech.com</t>
  </si>
  <si>
    <t>mail.google.com/sync/u/0/i/s?hl=pt-BR&amp;c=543</t>
  </si>
  <si>
    <t>TIM_FMM - MANUT SITE CELULAR - MG</t>
  </si>
  <si>
    <t>10.16.72.167</t>
  </si>
  <si>
    <t>54-BF-64-F6-7D-8C</t>
  </si>
  <si>
    <t>NBHE-MARINASF</t>
  </si>
  <si>
    <t>marinasf</t>
  </si>
  <si>
    <t>c:\users\marinasf\desktop\controles financeiros\pgtos relizados\rpa limpeza\modelos rpa vigente\rpa maria de fatima costa\</t>
  </si>
  <si>
    <t>modelo rpa m fÁtima da costa id 618785.xls</t>
  </si>
  <si>
    <t>77787e26-f227-4a94-9ebf-e75cd5d296f8.tmp</t>
  </si>
  <si>
    <t>\\acsfs\profiles$\felipetds\Downloads\77787e26-f227-4a94-9ebf-e75cd5d296f8.tmp</t>
  </si>
  <si>
    <t>a8702833-55ae-4539-b3e8-f7d52937e32c.tmp</t>
  </si>
  <si>
    <t>\\acsfs\profiles$\paulovadc\Downloads\a8702833-55ae-4539-b3e8-f7d52937e32c.tmp</t>
  </si>
  <si>
    <t>b444cd7a-4626-4fde-bb34-5ced6c2922da.tmp</t>
  </si>
  <si>
    <t>\\acsfs\profiles$\lucasgpe\Downloads\b444cd7a-4626-4fde-bb34-5ced6c2922da.tmp</t>
  </si>
  <si>
    <t>CERRADO PESSOA JURIDICA VME</t>
  </si>
  <si>
    <t>10.200.57.209</t>
  </si>
  <si>
    <t>64-1C-67-A0-38-F7</t>
  </si>
  <si>
    <t>NB-LEONORAAT</t>
  </si>
  <si>
    <t>leonoraat</t>
  </si>
  <si>
    <t>leonoraat@algartech.com.br</t>
  </si>
  <si>
    <t>diegoodz@algartech.com.br;</t>
  </si>
  <si>
    <t>ENC: VDE - Resultado NOVEMBRO 2019</t>
  </si>
  <si>
    <t>11 - Memória de Cálculo - Novembro 19.xlsx</t>
  </si>
  <si>
    <t>diegoodz@algartech.com.br</t>
  </si>
  <si>
    <t>mail.google.com/sync/u/0/i/s?hl=pt-BR&amp;c=429</t>
  </si>
  <si>
    <t>andrelpsa@algartech.com;fabianacscg@algartech.com;gabrielsma@algartech.com;mirianppb@algartech.com;qualidadealgarbv@algartech.com;supervisaobancovotorantim@algartech.com;talmaiardo@algartech.com;</t>
  </si>
  <si>
    <t>andrelpsa@algartech.com,fabianacscg@algartech.com,gabrielsma@algartech.com,mirianppb@algartech.com,qualidadealgarbv@algartech.com,supervisaobancovotorantim@algartech.com,talmaiardo@algartech.com</t>
  </si>
  <si>
    <t>andrelpsa@algartech.com;fabianacscg@algartech.com;mirianppb@algartech.com;qualidadealgarbv@algartech.com;talmaiardo@algartech.com;</t>
  </si>
  <si>
    <t>andrelpsa@algartech.com,fabianacscg@algartech.com,mirianppb@algartech.com,qualidadealgarbv@algartech.com,talmaiardo@algartech.com</t>
  </si>
  <si>
    <t>mail.google.com/sync/u/0/i/s?hl=pt-BR&amp;c=458</t>
  </si>
  <si>
    <t>23475;andrelpsa@algartech.com;fabianacscg@algartech.com;mirianppb@algartech.com;qualidadealgarbv@algartech.com;talmaiardo@algartech.com;</t>
  </si>
  <si>
    <t>23475,andrelpsa@algartech.com,fabianacscg@algartech.com,mirianppb@algartech.com,qualidadealgarbv@algartech.com,talmaiardo@algartech.com</t>
  </si>
  <si>
    <t>lu79556a0ulzf.tmp</t>
  </si>
  <si>
    <t>\\acsfs\profiles$\BRUNAAR\Numero\lu79556a0ulzf.tmp</t>
  </si>
  <si>
    <t>78ce8dc3-3cd0-4766-970b-da1f039b6237.tmp</t>
  </si>
  <si>
    <t>\\acsfs\profiles$\nathaliarmr\Downloads\78ce8dc3-3cd0-4766-970b-da1f039b6237.tmp</t>
  </si>
  <si>
    <t>3a8f1e54-c0d7-4a4d-a1c1-6572677f24ce.tmp</t>
  </si>
  <si>
    <t>\\acsfs\profiles$\ERICALSR\Downloads\3a8f1e54-c0d7-4a4d-a1c1-6572677f24ce.tmp</t>
  </si>
  <si>
    <t>65c5760d-2723-452b-b23a-58dfd37e7324.tmp</t>
  </si>
  <si>
    <t>\\acsfs\profiles$\laylaams\Downloads\65c5760d-2723-452b-b23a-58dfd37e7324.tmp</t>
  </si>
  <si>
    <t>fe253587-18ce-48e2-8978-64f0686db3ce.tmp</t>
  </si>
  <si>
    <t>\\acsfs\profiles$\JOAOVAL\Downloads\fe253587-18ce-48e2-8978-64f0686db3ce.tmp</t>
  </si>
  <si>
    <t>0dcd0d0f-4fa8-4feb-92f2-93c132985ebe.tmp</t>
  </si>
  <si>
    <t>\\acsfs\profiles$\vivianalds\Downloads\0dcd0d0f-4fa8-4feb-92f2-93c132985ebe.tmp</t>
  </si>
  <si>
    <t>10.200.60.199</t>
  </si>
  <si>
    <t>64-1C-67-9C-32-E2</t>
  </si>
  <si>
    <t>NB-JOSEASN</t>
  </si>
  <si>
    <t>joseasn</t>
  </si>
  <si>
    <t>joseasn@algartech.com</t>
  </si>
  <si>
    <t>mail.google.com/_/upload?authuser=0&amp;dcp=asu-n&amp;upload_id=AEnB2Uo_L3OzOkf5rN7aHwj2fKuswUw_gK0eU-LbL4WUziyP5Oe1kzUsaYRM8FdIDd-plY-70K1P8Krjq1eOaTqfdmCh49szvYZw4StMt7RiGJiMY_JC1gQ&amp;upload_protocol=resumable</t>
  </si>
  <si>
    <t>cpc-controldeskavon@algartech.com;viniciussg@algartech.com;</t>
  </si>
  <si>
    <t>\\udpavonfs01\AVON\06. PCP\JOSÉ AFONSO DA SILVA NETO\DESKTOP\NOTEBOOK\Projeção Financeira\2020\MENSAL\</t>
  </si>
  <si>
    <t>01. Demonstrativo de Faturamento Janeiro 20120 Avon Antecipação.xlsx</t>
  </si>
  <si>
    <t>cpc-controldeskavon@algartech.com,viniciussg@algartech.com</t>
  </si>
  <si>
    <t>mail.google.com/_/upload?authuser=0&amp;dcp=asu-n&amp;upload_id=AEnB2UojNXHtixEwXS8vrgPni9l6u7udP3CgjGvbJABg6zolTGigC7DPeUT00nqHTFG0DaL3gxSck2tE1LCkzEVuf_4P_bqgDg2ZH5dPdONeoB5QNM6qnr0&amp;upload_protocol=resumable</t>
  </si>
  <si>
    <t>\\udpavonfs01\AVON\06. PCP\JOSÉ AFONSO DA SILVA NETO\DESKTOP\NOTEBOOK\Fechamento Speak\2019\</t>
  </si>
  <si>
    <t>12 - SPEAK DEZ.19.xlsx</t>
  </si>
  <si>
    <t>134cea0e-3da9-4466-86b0-78ff071dcbe6.tmp</t>
  </si>
  <si>
    <t>\\acsfs\profiles$\sarahbal\Downloads\134cea0e-3da9-4466-86b0-78ff071dcbe6.tmp</t>
  </si>
  <si>
    <t>d6eae202-ee29-40dc-badd-16a73718d527.tmp</t>
  </si>
  <si>
    <t>\\acsfs\profiles$\lucasgpe\Downloads\d6eae202-ee29-40dc-badd-16a73718d527.tmp</t>
  </si>
  <si>
    <t>10.200.67.134</t>
  </si>
  <si>
    <t>34-E6-D7-FC-B7-EE</t>
  </si>
  <si>
    <t>VOTORANT-WB019</t>
  </si>
  <si>
    <t>68748cf8-ef2c-484d-bfe2-c16cbafb63eb.tmp</t>
  </si>
  <si>
    <t>\\acsfs\profiles$\mariagsg\Downloads\68748cf8-ef2c-484d-bfe2-c16cbafb63eb.tmp</t>
  </si>
  <si>
    <t>b2742bd8-586c-422e-979e-34ece54aa868.tmp</t>
  </si>
  <si>
    <t>\\acsfs\profiles$\mariagsg\Downloads\b2742bd8-586c-422e-979e-34ece54aa868.tmp</t>
  </si>
  <si>
    <t>068a0e8d-312b-4d29-9906-1b5abd228a4b.tmp</t>
  </si>
  <si>
    <t>\\acsfs\profiles$\PEDROHAB\Downloads\068a0e8d-312b-4d29-9906-1b5abd228a4b.tmp</t>
  </si>
  <si>
    <t>\\acsfs\DEPTOS\Operacao\PCP\5 - Comum\PLANEJAMENTO BV\14 - ACOMPANHAMENTO\1 - REPORT ACOMPANHAMENTO\2020\1 - JANEIRO\CARTÕES\SHORTCALLS\</t>
  </si>
  <si>
    <t>mail.google.com/sync/u/0/i/s?hl=pt-BR&amp;c=498</t>
  </si>
  <si>
    <t>mail.google.com/sync/u/0/i/s?hl=pt-BR&amp;c=500</t>
  </si>
  <si>
    <t>mail.google.com/sync/u/0/i/s?hl=pt-BR&amp;c=502</t>
  </si>
  <si>
    <t>mail.google.com/sync/u/0/i/s?hl=pt-BR&amp;c=504</t>
  </si>
  <si>
    <t>bvcartes-supervisores@algarnet.onmicrosoft.com;joaogvc@algartech.com;leonardoao@algartech.com;m1nxnxefxetrukrzvgozdhyqef1vh0jvuushxg==;mirianppb@algartech.com;paulacn@algartech.com;rafaelggs@algartech.com;taysdss@algartech.com;viniciussg@algartech.com;</t>
  </si>
  <si>
    <t>bvcartes-supervisores@algarnet.onmicrosoft.com,joaogvc@algartech.com,leonardoao@algartech.com,m1nxnxefxetrukrzvgozdhyqef1vh0jvuushxg==,mirianppb@algartech.com,paulacn@algartech.com,rafaelggs@algartech.com,taysdss@algartech.com,viniciussg@algartech.com</t>
  </si>
  <si>
    <t>mail.google.com/sync/u/0/i/s?hl=pt-BR&amp;c=518</t>
  </si>
  <si>
    <t>10.200.67.49</t>
  </si>
  <si>
    <t>ciceraads</t>
  </si>
  <si>
    <t>https://udpwfmniceap02/web/guest/home?p_auth=ro0lhqwl&amp;p_p_id=58&amp;p_p_lifecycle=1&amp;p_p_state=maximized&amp;p_p_mode=view&amp;savelastpath=0&amp;_58_struts_action=/login/forgot_password</t>
  </si>
  <si>
    <t>10.200.66.222</t>
  </si>
  <si>
    <t>D0-94-66-B5-7F-E9</t>
  </si>
  <si>
    <t>VOTORANT-ZB020</t>
  </si>
  <si>
    <t>02ef955a-09c0-498e-a14e-a3c4c79d8050.tmp</t>
  </si>
  <si>
    <t>\\acsfs\profiles$\regisedsj\Downloads\02ef955a-09c0-498e-a14e-a3c4c79d8050.tmp</t>
  </si>
  <si>
    <t>c8702f25-6171-49cc-a2c4-f067f036edb4.tmp</t>
  </si>
  <si>
    <t>\\acsfs\profiles$\regisedsj\Downloads\c8702f25-6171-49cc-a2c4-f067f036edb4.tmp</t>
  </si>
  <si>
    <t>58d2b129-7194-4c4e-8d22-166c731ee94b.tmp</t>
  </si>
  <si>
    <t>\\acsfs\profiles$\laylaams\Downloads\58d2b129-7194-4c4e-8d22-166c731ee94b.tmp</t>
  </si>
  <si>
    <t>https://udpmailboxap01.acs.com.br:8443/h/search;jsessionid=1hj51janvrn037k2tl0olotlr?si=0&amp;so=0&amp;sc=59172&amp;st=conversation&amp;action=compose</t>
  </si>
  <si>
    <t>b1809e56-b084-4938-b41b-84ccea33b020.tmp</t>
  </si>
  <si>
    <t>\\acsfs\profiles$\mariagsg\Downloads\b1809e56-b084-4938-b41b-84ccea33b020.tmp</t>
  </si>
  <si>
    <t>8600a3dc-ed00-43ed-880a-e07c49603017.tmp</t>
  </si>
  <si>
    <t>\\acsfs\profiles$\PEDROHAB\Downloads\8600a3dc-ed00-43ed-880a-e07c49603017.tmp</t>
  </si>
  <si>
    <t>d65318c9-0368-4bbf-ae99-07e44bac02f6.tmp</t>
  </si>
  <si>
    <t>\\acsfs\profiles$\regisedsj\Downloads\d65318c9-0368-4bbf-ae99-07e44bac02f6.tmp</t>
  </si>
  <si>
    <t>5b06dd4e-b354-4065-bbf8-01f2858db004.tmp</t>
  </si>
  <si>
    <t>\\acsfs\profiles$\michelerds\Downloads\5b06dd4e-b354-4065-bbf8-01f2858db004.tmp</t>
  </si>
  <si>
    <t>mail.google.com/_/upload?authuser=0&amp;dcp=asu-n&amp;upload_id=AEnB2UqNO2IrWvU0hsD-AKH8QUPfctqlwuQ025fnBvA6LClskp8fwLYyIxGgZ0SkKZiSBYHkDL34VrFtK2fqxQjMEYNi9Zm7dw&amp;upload_protocol=resumable</t>
  </si>
  <si>
    <t>mail.google.com/_/upload?authuser=0&amp;dcp=asu-n&amp;upload_id=AEnB2Uoc2P0h0pmNjternXD71ZFuqnIfSwK0M8TjQyLt3vOI7TLxIqVOAr4pML8l8og_-JOarg-OUO90iUFQ116YH9Kg5t4roL9-cXtN1j9MgeNKpPZQzGc&amp;upload_protocol=resumable</t>
  </si>
  <si>
    <t>12 - Protocolos ASC.xlsx</t>
  </si>
  <si>
    <t>lu154242yupeq.tmp</t>
  </si>
  <si>
    <t>\\acsfs\profiles$\jonatanls\My Documents\lu154242yupeq.tmp</t>
  </si>
  <si>
    <t>\\acsfs\Deptos\Operacao\Banco_Votorantim\Supervisao\Rai Carlos\</t>
  </si>
  <si>
    <t>Links uteis.txt</t>
  </si>
  <si>
    <t>\\acsfs\Deptos\Operacao\Banco_Votorantim\Supervisao\Rai Carlos\Links uteis.txt</t>
  </si>
  <si>
    <t>\\acsfs\DEPTOS\Operacao\PCP\5 - Comum\PLANEJAMENTO BV\14 - ACOMPANHAMENTO\1 - REPORT ACOMPANHAMENTO\2020\1 - JANEIRO\CARTÕES\Pausas CARTÕES\</t>
  </si>
  <si>
    <t>mail.google.com/sync/u/0/i/s?hl=pt-BR&amp;c=530</t>
  </si>
  <si>
    <t>mail.google.com/sync/u/0/i/s?hl=pt-BR&amp;c=532</t>
  </si>
  <si>
    <t>joaogvc@algartech.com;leonardoao@algartech.com;marianadjc@algartech.com;paulacn@algartech.com;rafaelggs@algartech.com;taysdss@algartech.com;thiagordu@algartech.com;viniciussg@algartech.com;</t>
  </si>
  <si>
    <t>joaogvc@algartech.com,leonardoao@algartech.com,marianadjc@algartech.com,paulacn@algartech.com,rafaelggs@algartech.com,taysdss@algartech.com,thiagordu@algartech.com,viniciussg@algartech.com</t>
  </si>
  <si>
    <t>mail.google.com/sync/u/0/i/s?hl=pt-BR&amp;c=540</t>
  </si>
  <si>
    <t>mail.google.com/sync/u/0/i/s?hl=pt-BR&amp;c=542</t>
  </si>
  <si>
    <t>bvcartes-supervisores@algarnet.onmicrosoft.com;joaogvc@algartech.com;leonardoao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arianadjc@algartech.com,mirianppb@algartech.com,paulacn@algartech.com,rafaelggs@algartech.com,taysdss@algartech.com,thiagordu@algartech.com,viniciussg@algartech.com</t>
  </si>
  <si>
    <t>564e55e9-02b4-4d5d-a935-ccd54256d6b2.tmp</t>
  </si>
  <si>
    <t>\\acsfs\profiles$\laylaams\Downloads\564e55e9-02b4-4d5d-a935-ccd54256d6b2.tmp</t>
  </si>
  <si>
    <t>bf91e727-e70a-41a8-82a2-a30c9fea3f65.tmp</t>
  </si>
  <si>
    <t>\\acsfs\profiles$\sarahbal\Downloads\bf91e727-e70a-41a8-82a2-a30c9fea3f65.tmp</t>
  </si>
  <si>
    <t>vanusaos@algartech.com.br;</t>
  </si>
  <si>
    <t>PAINEL CASOS ESCALADOS 02-01_Leonora.xlsm</t>
  </si>
  <si>
    <t>vanusaos@algartech.com.br</t>
  </si>
  <si>
    <t>mail.google.com/sync/u/0/i/s?hl=pt-BR&amp;c=552</t>
  </si>
  <si>
    <t>mail.google.com/sync/u/0/i/s?hl=pt-BR&amp;c=554</t>
  </si>
  <si>
    <t>mail.google.com/sync/u/0/i/s?hl=pt-BR&amp;c=556</t>
  </si>
  <si>
    <t>mail.google.com/sync/u/0/i/s?hl=pt-BR&amp;c=558</t>
  </si>
  <si>
    <t>dbf6e2e3-7756-4ca9-8a0e-581532c28059.tmp</t>
  </si>
  <si>
    <t>\\acsfs\profiles$\ayalabfi\Downloads\dbf6e2e3-7756-4ca9-8a0e-581532c28059.tmp</t>
  </si>
  <si>
    <t>1bcbeffe-61b6-4b29-b59a-57128956d0c7.tmp</t>
  </si>
  <si>
    <t>\\acsfs\profiles$\ayalabfi\Downloads\1bcbeffe-61b6-4b29-b59a-57128956d0c7.tmp</t>
  </si>
  <si>
    <t>mail.google.com/sync/u/0/i/s?hl=pt-BR&amp;c=546</t>
  </si>
  <si>
    <t>mail.google.com/sync/u/0/i/s?hl=pt-BR&amp;c=550</t>
  </si>
  <si>
    <t>ada4c2d3-2e4d-4cd3-ae30-cb1abcb73e28.tmp</t>
  </si>
  <si>
    <t>\\acsfs\profiles$\mariliafplb\Downloads\ada4c2d3-2e4d-4cd3-ae30-cb1abcb73e28.tmp</t>
  </si>
  <si>
    <t>lu140841981a.tmp</t>
  </si>
  <si>
    <t>\\acsfs\profiles$\VIVIANALDS\My Documents\lu140841981a.tmp</t>
  </si>
  <si>
    <t>\\acsfs\profiles$\VIVIANALDS\My Documents\lu140841981a.tmp\</t>
  </si>
  <si>
    <t>\\acsfs\profiles$\VIVIANALDS\My Documents\lu140841981a.tmp\META-INF\</t>
  </si>
  <si>
    <t>\\acsfs\profiles$\VIVIANALDS\My Documents\lu140841981a.tmp\Thumbnails\</t>
  </si>
  <si>
    <t>mail.google.com/sync/u/0/i/s?hl=pt-BR&amp;c=560</t>
  </si>
  <si>
    <t>mail.google.com/sync/u/0/i/s?hl=pt-BR&amp;c=562</t>
  </si>
  <si>
    <t>mail.google.com/sync/u/0/i/s?hl=pt-BR&amp;c=566</t>
  </si>
  <si>
    <t>mail.google.com/sync/u/0/i/s?hl=pt-BR&amp;c=568</t>
  </si>
  <si>
    <t>mail.google.com/sync/u/0/i/s?hl=pt-BR&amp;c=570</t>
  </si>
  <si>
    <t>mail.google.com/sync/u/0/i/s?hl=pt-BR&amp;c=573</t>
  </si>
  <si>
    <t>mail.google.com/sync/u/0/i/s?hl=pt-BR&amp;c=576</t>
  </si>
  <si>
    <t>mail.google.com/sync/u/0/i/s?hl=pt-BR&amp;c=580</t>
  </si>
  <si>
    <t>mail.google.com/sync/u/0/i/s?hl=pt-BR&amp;c=563</t>
  </si>
  <si>
    <t>mail.google.com/_/upload?authuser=0&amp;dcp=asu-n&amp;upload_id=AEnB2UrKpVLvLo-YAuILgvrSAKXVOC8HJ1LRnyjDI-IevqJTxAZiqus_3k3wFPhUiuLq6O69jGr7IZHzYTkbD6SBtVVIkgfSOJq25VUcxr8Q4pwpprdumlM&amp;upload_protocol=resumable</t>
  </si>
  <si>
    <t>a72d5443-17c6-4928-8419-78dd9b36c0ac.tmp</t>
  </si>
  <si>
    <t>\\acsfs\profiles$\rafaelamsv\Downloads\a72d5443-17c6-4928-8419-78dd9b36c0ac.tmp</t>
  </si>
  <si>
    <t>021d6350-bcc8-482a-a660-fc0a78a23f6e.tmp</t>
  </si>
  <si>
    <t>\\acsfs\profiles$\rafaelamsv\Downloads\021d6350-bcc8-482a-a660-fc0a78a23f6e.tmp</t>
  </si>
  <si>
    <t>7a6513c7-24a8-4811-a14d-062ffbcecf87.tmp</t>
  </si>
  <si>
    <t>\\acsfs\profiles$\Flaviojmm\Downloads\7a6513c7-24a8-4811-a14d-062ffbcecf87.tmp</t>
  </si>
  <si>
    <t>083ab9a8-df78-42bb-89e5-40f2471b06f5.tmp</t>
  </si>
  <si>
    <t>\\acsfs\profiles$\LUCASBS\Downloads\083ab9a8-df78-42bb-89e5-40f2471b06f5.tmp</t>
  </si>
  <si>
    <t>mail.google.com/_/upload?authuser=0&amp;dcp=asu-n&amp;upload_id=AEnB2UrkEyaGJBMtj46YJN9bCO7zcHX6fpEVi4x0iB1VCyfeRhDjAZ_qO0zKweDf3E7omNTZPc75FPGZFAD__yKXjsrmrQTbUaC2o8ySI4KibpomGICWEFc&amp;upload_protocol=resumable</t>
  </si>
  <si>
    <t>\\udpavonfs01\AVON\06. PCP\JOSÉ AFONSO DA SILVA NETO\DESKTOP\NOTEBOOK\ESTUDOS BACKOFFICE\CRESCIMENTO 2019\</t>
  </si>
  <si>
    <t>Capacity Backoffice - Nov.19.xlsx</t>
  </si>
  <si>
    <t>23c30c87-cdef-42b1-bb3f-dde7aa0874de.tmp</t>
  </si>
  <si>
    <t>\\acsfs\profiles$\luanaagl\Downloads\23c30c87-cdef-42b1-bb3f-dde7aa0874de.tmp</t>
  </si>
  <si>
    <t>53eadbd2-f755-431c-9fde-4baeced79e75.tmp</t>
  </si>
  <si>
    <t>\\acsfs\profiles$\luanaagl\Downloads\53eadbd2-f755-431c-9fde-4baeced79e75.tmp</t>
  </si>
  <si>
    <t>666c1d96-d00a-4492-93d6-147e90755551.tmp</t>
  </si>
  <si>
    <t>\\acsfs\profiles$\deborahsi\Downloads\666c1d96-d00a-4492-93d6-147e90755551.tmp</t>
  </si>
  <si>
    <t>mail.google.com/sync/u/0/i/s?hl=pt-BR&amp;c=593</t>
  </si>
  <si>
    <t>mail.google.com/sync/u/0/i/s?hl=pt-BR&amp;c=595</t>
  </si>
  <si>
    <t>mail.google.com/sync/u/0/i/s?hl=pt-BR&amp;c=606</t>
  </si>
  <si>
    <t>mail.google.com/sync/u/0/i/s?hl=pt-BR&amp;c=608</t>
  </si>
  <si>
    <t>mail.google.com/sync/u/0/i/s?hl=pt-BR&amp;c=614</t>
  </si>
  <si>
    <t>mail.google.com/sync/u/0/i/s?hl=pt-BR&amp;c=617</t>
  </si>
  <si>
    <t>mail.google.com/sync/u/0/i/s?hl=pt-BR&amp;c=620</t>
  </si>
  <si>
    <t>bvcartes-supervisores@algarnet.onmicrosoft.com;joaogvc@algartech.com;leonardoao@algartech.com;m1nxnxefxetrukrzvgozdhyqef1vh0jvuushxg==;marianadjc@algartech.com;mirianppb@algartech.com;paulacn@algartech.com;rafaelggs@algartech.com;taysdss@algartech.com;viniciussg@algartech.com;</t>
  </si>
  <si>
    <t>bvcartes-supervisores@algarnet.onmicrosoft.com,joaogvc@algartech.com,leonardoao@algartech.com,m1nxnxefxetrukrzvgozdhyqef1vh0jvuushxg==,marianadjc@algartech.com,mirianppb@algartech.com,paulacn@algartech.com,rafaelggs@algartech.com,taysdss@algartech.com,viniciussg@algartech.com</t>
  </si>
  <si>
    <t>c530d5da-58c8-4ac1-89c6-de81460ad735.tmp</t>
  </si>
  <si>
    <t>\\acsfs\profiles$\regisedsj\Downloads\c530d5da-58c8-4ac1-89c6-de81460ad735.tmp</t>
  </si>
  <si>
    <t>641c5372-ecf1-489c-b80a-ef7e4eb69aaf.tmp</t>
  </si>
  <si>
    <t>\\acsfs\profiles$\lorrainerdl\Downloads\641c5372-ecf1-489c-b80a-ef7e4eb69aaf.tmp</t>
  </si>
  <si>
    <t>d7b2e593-7a74-47b7-95fb-f467005f7736.tmp</t>
  </si>
  <si>
    <t>\\acsfs\profiles$\vivianalds\Downloads\d7b2e593-7a74-47b7-95fb-f467005f7736.tmp</t>
  </si>
  <si>
    <t>lu79556a0ulzi.tmp</t>
  </si>
  <si>
    <t>\\acsfs\profiles$\BRUNAAR\Numero\lu79556a0ulzi.tmp</t>
  </si>
  <si>
    <t>lu79556a0ulzl.tmp</t>
  </si>
  <si>
    <t>\\acsfs\profiles$\BRUNAAR\Numero\lu79556a0ulzl.tmp</t>
  </si>
  <si>
    <t>mail.google.com/sync/u/0/i/s?hl=pt-BR&amp;c=622</t>
  </si>
  <si>
    <t>mail.google.com/sync/u/0/i/s?hl=pt-BR&amp;c=625</t>
  </si>
  <si>
    <t>joaogvc@algartech.com;m1nxnxefxetrukrzvgozdhyqef1vh0jvuushxg==;marianadjc@algartech.com;rafaelggs@algartech.com;taysdss@algartech.com;viniciussg@algartech.com;</t>
  </si>
  <si>
    <t>joaogvc@algartech.com,m1nxnxefxetrukrzvgozdhyqef1vh0jvuushxg==,marianadjc@algartech.com,rafaelggs@algartech.com,taysdss@algartech.com,viniciussg@algartech.com</t>
  </si>
  <si>
    <t>mail.google.com/sync/u/0/i/s?hl=pt-BR&amp;c=627</t>
  </si>
  <si>
    <t>https://joaogvc@algartech.com,leonardoao@algartech.com,marianadjc@algartech.com,paulacn@algartech.com,rafaelggs@algartech.com,taysdss@algartech.com,thiagordu@algartech.com,viniciussg@algartech.com</t>
  </si>
  <si>
    <t>55c4abb8-8cf7-4fd5-8e2b-5d9012193c46.tmp</t>
  </si>
  <si>
    <t>\\acsfs\profiles$\quindaizaagds\Downloads\55c4abb8-8cf7-4fd5-8e2b-5d9012193c46.tmp</t>
  </si>
  <si>
    <t>b2ae8acb-861b-417a-8ae3-52940e8678b9.tmp</t>
  </si>
  <si>
    <t>\\acsfs\profiles$\quindaizaagds\Downloads\b2ae8acb-861b-417a-8ae3-52940e8678b9.tmp</t>
  </si>
  <si>
    <t>d9bbd964-c406-42b4-8972-9f13e79eabb5.tmp</t>
  </si>
  <si>
    <t>\\acsfs\profiles$\quindaizaagds\Downloads\d9bbd964-c406-42b4-8972-9f13e79eabb5.tmp</t>
  </si>
  <si>
    <t>a3361584-f951-4855-b6dc-73caf4b6c772.tmp</t>
  </si>
  <si>
    <t>\\acsfs\profiles$\quindaizaagds\Downloads\a3361584-f951-4855-b6dc-73caf4b6c772.tmp</t>
  </si>
  <si>
    <t>lu243762e7vxd.tmp</t>
  </si>
  <si>
    <t>\\acsfs\profiles$\CLAUDIAJCA\lu243762e7vxd.tmp</t>
  </si>
  <si>
    <t>\\acsfs\profiles$\CLAUDIAJCA\lu243762e7vxd.tmp\</t>
  </si>
  <si>
    <t>\\acsfs\profiles$\CLAUDIAJCA\lu243762e7vxd.tmp\META-INF\</t>
  </si>
  <si>
    <t>\\acsfs\profiles$\CLAUDIAJCA\lu243762e7vxd.tmp\Thumbnails\</t>
  </si>
  <si>
    <t>lu79556a0ulzo.tmp</t>
  </si>
  <si>
    <t>\\acsfs\profiles$\BRUNAAR\Numero\lu79556a0ulzo.tmp</t>
  </si>
  <si>
    <t>6a98ed41-b682-4d46-8480-10f970537add.tmp</t>
  </si>
  <si>
    <t>\\acsfs\profiles$\jalilebds\Downloads\6a98ed41-b682-4d46-8480-10f970537add.tmp</t>
  </si>
  <si>
    <t>Erro Operacional Marta. (dezembro) (1).ods</t>
  </si>
  <si>
    <t>\\acsfs\profiles$\wedersonbadr\Downloads\Erro Operacional Marta. (dezembro) (1).ods</t>
  </si>
  <si>
    <t>\\acsfs\profiles$\wedersonbadr\Downloads\Erro Operacional Marta. (dezembro) (1).ods\</t>
  </si>
  <si>
    <t>\\acsfs\profiles$\wedersonbadr\Downloads\Erro Operacional Marta. (dezembro) (1).ods\META-INF\</t>
  </si>
  <si>
    <t>\\acsfs\profiles$\wedersonbadr\Downloads\Erro Operacional Marta. (dezembro) (1).ods\Thumbnails\</t>
  </si>
  <si>
    <t>\\acsfs\DEPTOS\Operacao\PCP\5 - Comum\PLANEJAMENTO BV\13 - ARQUIVOS CORPORATIVOS\</t>
  </si>
  <si>
    <t>\\acsfs\DEPTOS\Operacao\PCP\5 - Comum\PLANEJAMENTO BV\13 - ARQUIVOS CORPORATIVOS\Thumbs.db</t>
  </si>
  <si>
    <t>4425b710-d10b-4e82-a022-8b49803da6d2.tmp</t>
  </si>
  <si>
    <t>\\acsfs\profiles$\mariliafplb\Downloads\4425b710-d10b-4e82-a022-8b49803da6d2.tmp</t>
  </si>
  <si>
    <t>COORDENACAO GEXP - BIG DATA</t>
  </si>
  <si>
    <t>10.200.36.74</t>
  </si>
  <si>
    <t>D0-94-66-A2-5A-56</t>
  </si>
  <si>
    <t>ATDIRETORIA-01</t>
  </si>
  <si>
    <t>nubiafrsp</t>
  </si>
  <si>
    <t>c:\users\nubiafrsp\downloads\</t>
  </si>
  <si>
    <t>cronograma auditoria top - 2020 (1) (1).xlsx</t>
  </si>
  <si>
    <t>4d981aaf-1796-49ad-b952-ed5e85e81d36.tmp</t>
  </si>
  <si>
    <t>\\acsfs\profiles$\quindaizaagds\Downloads\4d981aaf-1796-49ad-b952-ed5e85e81d36.tmp</t>
  </si>
  <si>
    <t>bdb77fa2-3b95-412e-b1a3-adbc05c5954d.tmp</t>
  </si>
  <si>
    <t>\\acsfs\profiles$\quindaizaagds\Downloads\bdb77fa2-3b95-412e-b1a3-adbc05c5954d.tmp</t>
  </si>
  <si>
    <t>b3fca27b-9954-467b-9900-af6de5380557.tmp</t>
  </si>
  <si>
    <t>\\acsfs\profiles$\quindaizaagds\Downloads\b3fca27b-9954-467b-9900-af6de5380557.tmp</t>
  </si>
  <si>
    <t>brunodaf</t>
  </si>
  <si>
    <t>C:\Users\brunodaf\OneDrive - Grupo Algar\</t>
  </si>
  <si>
    <t>Chamados CNPQ.xlsx</t>
  </si>
  <si>
    <t>\\acsfs\profiles$\wedersonbadr\</t>
  </si>
  <si>
    <t>\\acsfs\profiles$\wedersonbadr\Thumbs.db</t>
  </si>
  <si>
    <t>\\acsfs\profiles$\ciceraads\</t>
  </si>
  <si>
    <t>link de acesso.txt</t>
  </si>
  <si>
    <t>\\acsfs\profiles$\ciceraads\link de acesso.txt</t>
  </si>
  <si>
    <t>74997b3a-e25a-4ef9-ab6c-45ee90b2d573.tmp</t>
  </si>
  <si>
    <t>\\acsfs\profiles$\mariagsg\Downloads\74997b3a-e25a-4ef9-ab6c-45ee90b2d573.tmp</t>
  </si>
  <si>
    <t>2ca417e6-09b9-454f-b9da-eb6cfd95b844.tmp</t>
  </si>
  <si>
    <t>\\acsfs\profiles$\henriquehmdo\Downloads\2ca417e6-09b9-454f-b9da-eb6cfd95b844.tmp</t>
  </si>
  <si>
    <t>.~lock.VENDAS DEZEMBRO..!.ods#</t>
  </si>
  <si>
    <t>\\acsfs\profiles$\regisedsj\My Documents\.~lock.VENDAS DEZEMBRO..!.ods#</t>
  </si>
  <si>
    <t>\\acsfs\profiles$\regisedsj\My Documents\.~lock.VENDAS.ods#</t>
  </si>
  <si>
    <t>Acompanhamento improdutividade BV Financeira cópia.xlsx</t>
  </si>
  <si>
    <t>\\acsfs\DEPTOS\Operacao\PCP\5 - Comum\PLANEJAMENTO BV\14 - ACOMPANHAMENTO\1 - REPORT ACOMPANHAMENTO\2020\1 - JANEIRO\FINANCEIRA\Acompanhamento improdutividade BV Financeira cópia.xlsx</t>
  </si>
  <si>
    <t>PagadoresRelatorioMensal.xlsx</t>
  </si>
  <si>
    <t>c000a88f-71b4-42e2-968a-5117fda9ff6c.tmp</t>
  </si>
  <si>
    <t>\\acsfs\profiles$\lorrainerdl\Downloads\c000a88f-71b4-42e2-968a-5117fda9ff6c.tmp</t>
  </si>
  <si>
    <t>d8226641-7a32-4ae9-9294-a6cab679d1d1.tmp</t>
  </si>
  <si>
    <t>\\acsfs\profiles$\lorrainerdl\Downloads\d8226641-7a32-4ae9-9294-a6cab679d1d1.tmp</t>
  </si>
  <si>
    <t>2d0ba431-ea6f-440e-ba72-fe25956c4c1a.tmp</t>
  </si>
  <si>
    <t>\\acsfs\profiles$\inarajst\Downloads\2d0ba431-ea6f-440e-ba72-fe25956c4c1a.tmp</t>
  </si>
  <si>
    <t>lu302402r1mh0.tmp</t>
  </si>
  <si>
    <t>\\acsfs\profiles$\jalilebds\Downloads\lu302402r1mh0.tmp</t>
  </si>
  <si>
    <t>CML NOVOS NEGOCIOS</t>
  </si>
  <si>
    <t>10.200.60.94</t>
  </si>
  <si>
    <t>D4-6A-6A-F9-8D-37</t>
  </si>
  <si>
    <t>NB-LUCIANOCLE</t>
  </si>
  <si>
    <t>lucianocle</t>
  </si>
  <si>
    <t>mail.google.com/_/upload?authuser=1&amp;dcp=asu-n&amp;upload_id=AEnB2UqBapupiJkqqpoXxA22MmPkoT16l_FfWtaPJQtQUOyEUc6Ca_PtwLh91Qpio2HeiksAbq-RzpOkCmQCPVPvNVkjYNzQ-Q&amp;upload_protocol=resumable</t>
  </si>
  <si>
    <t>\\acsfs\DEPTOS\Controladoria\2 - Business Performance\2019\1 - Precificacao\1 - Analises e Acompanhamentos\1 - GAT\12 - Dezembro\IBM VLI\Ajustados\</t>
  </si>
  <si>
    <t>220040 - IBM - VLI - Field - BP Aprovada - C2 - (C017_B017) rev1.xlsb</t>
  </si>
  <si>
    <t>\\acsfs\DEPTOS\Controladoria\2 - Business Performance\2019\1 - Precificacao\1 - Analises e Acompanhamentos\1 - GAT\12 - Dezembro\IBM VLI\Ajustados\220040 - IBM - VLI - Field - BP Aprovada - C2 - (C017_B017) rev1.xlsb\</t>
  </si>
  <si>
    <t>Microsoft_Excel_Worksheet.xlsx</t>
  </si>
  <si>
    <t>.~lock.VENDAS JANEIRO 2020.ods#</t>
  </si>
  <si>
    <t>\\acsfs\profiles$\regisedsj\My Documents\.~lock.VENDAS JANEIRO 2020.ods#</t>
  </si>
  <si>
    <t>lu124681s9ux.tmp</t>
  </si>
  <si>
    <t>\\acsfs\profiles$\regisedsj\My Documents\lu124681s9ux.tmp</t>
  </si>
  <si>
    <t>bb1a5f56-4051-4a07-8206-170330562099.tmp</t>
  </si>
  <si>
    <t>\\acsfs\profiles$\gabrielarb\Downloads\bb1a5f56-4051-4a07-8206-170330562099.tmp</t>
  </si>
  <si>
    <t>\\acsfs\profiles$\regisedsj\My Documents\lu124681s9ux.tmp\</t>
  </si>
  <si>
    <t>\\acsfs\profiles$\regisedsj\My Documents\lu124681s9ux.tmp\META-INF\</t>
  </si>
  <si>
    <t>\\acsfs\profiles$\regisedsj\My Documents\lu124681s9ux.tmp\Thumbnails\</t>
  </si>
  <si>
    <t>b284a7db-8eab-408f-be5e-e0bbac00eefa.tmp</t>
  </si>
  <si>
    <t>\\acsfs\profiles$\regisedsj\Downloads\b284a7db-8eab-408f-be5e-e0bbac00eefa.tmp</t>
  </si>
  <si>
    <t>c07e99e6-9b33-41f1-bf94-2427cd6e6943.tmp</t>
  </si>
  <si>
    <t>\\acsfs\profiles$\wenderbnm\Downloads\c07e99e6-9b33-41f1-bf94-2427cd6e6943.tmp</t>
  </si>
  <si>
    <t>4182e976-52b3-4061-b9ac-8b2c5c7c87a9.tmp</t>
  </si>
  <si>
    <t>\\acsfs\profiles$\gabrielamdp\Downloads\4182e976-52b3-4061-b9ac-8b2c5c7c87a9.tmp</t>
  </si>
  <si>
    <t>892b2661-0036-4597-9232-eda9fdf978a4.tmp</t>
  </si>
  <si>
    <t>\\acsfs\profiles$\gabrielamdp\Downloads\892b2661-0036-4597-9232-eda9fdf978a4.tmp</t>
  </si>
  <si>
    <t>e55dfd84-2f18-4eaa-9062-9bec328df904.tmp</t>
  </si>
  <si>
    <t>\\acsfs\profiles$\gabrielamdp\Downloads\e55dfd84-2f18-4eaa-9062-9bec328df904.tmp</t>
  </si>
  <si>
    <t>2b5a4215-7068-4120-baa3-41b013070598.tmp</t>
  </si>
  <si>
    <t>\\acsfs\profiles$\gabrielamdp\Downloads\2b5a4215-7068-4120-baa3-41b013070598.tmp</t>
  </si>
  <si>
    <t>2c412d05-0bdf-4ee3-9861-6d7e8680605e.tmp</t>
  </si>
  <si>
    <t>\\acsfs\profiles$\michelerds\Downloads\2c412d05-0bdf-4ee3-9861-6d7e8680605e.tmp</t>
  </si>
  <si>
    <t>DCO DIRETORIA COMERCIAL</t>
  </si>
  <si>
    <t>10.200.57.72</t>
  </si>
  <si>
    <t>20-04-0F-FD-B4-7A</t>
  </si>
  <si>
    <t>NB-POLATI</t>
  </si>
  <si>
    <t>polati</t>
  </si>
  <si>
    <t>C:\Users\polati\OneDrive - Grupo Algar\algar\BU Financeira 2020\</t>
  </si>
  <si>
    <t>bu financeira 2020.xlsx</t>
  </si>
  <si>
    <t>9e9ac2b9-dabd-44d7-9e3f-a3f5bafb59b4.tmp</t>
  </si>
  <si>
    <t>\\acsfs\profiles$\milenaas\Downloads\9e9ac2b9-dabd-44d7-9e3f-a3f5bafb59b4.tmp</t>
  </si>
  <si>
    <t>renatass@algartech.com.br;</t>
  </si>
  <si>
    <t>ENC: Inlcusões</t>
  </si>
  <si>
    <t>renatass@algartech.com.br</t>
  </si>
  <si>
    <t>/o=exchangelabs/ou=exchange administrative group (fydibohf23spdlt)/cn=recipients/cn=8b5b63d67af648d081a40c45cc800804-fabiana per;equipefabi@algartech.com.br;tecnicospj@algartech.com.br;thaismo@algartech.com.br;</t>
  </si>
  <si>
    <t>Planejamento TRN MIGRAÇÃO FULL</t>
  </si>
  <si>
    <t>TRN MIGRAÇÃO FULL_CRC.xlsx</t>
  </si>
  <si>
    <t>/o=exchangelabs/ou=exchange administrative group (fydibohf23spdlt)/cn=recipients/cn=8b5b63d67af648d081a40c45cc800804-fabiana per,equipefabi@algartech.com.br,tecnicospj@algartech.com.br,thaismo@algartech.com.br</t>
  </si>
  <si>
    <t>brunodaf@algartech.com</t>
  </si>
  <si>
    <t>C:\Users\brunodaf\Downloads\</t>
  </si>
  <si>
    <t>Relatório Telecom - Dezembro.xlsx</t>
  </si>
  <si>
    <t>10717155-c20d-4dbf-9349-a96ee72864bd.tmp</t>
  </si>
  <si>
    <t>\\acsfs\profiles$\brendadsl\Downloads\10717155-c20d-4dbf-9349-a96ee72864bd.tmp</t>
  </si>
  <si>
    <t>2761ba03-c8bf-4f74-8370-4333d888faef.tmp</t>
  </si>
  <si>
    <t>\\acsfs\profiles$\brendadsl\Downloads\2761ba03-c8bf-4f74-8370-4333d888faef.tmp</t>
  </si>
  <si>
    <t>f6229985-a17f-48bc-96e5-05b6c53b79a5.tmp</t>
  </si>
  <si>
    <t>\\acsfs\profiles$\brendadsl\Downloads\f6229985-a17f-48bc-96e5-05b6c53b79a5.tmp</t>
  </si>
  <si>
    <t>4d521970-63a8-4d52-800e-fd66a09f7473.tmp</t>
  </si>
  <si>
    <t>\\acsfs\profiles$\brendadsl\Downloads\4d521970-63a8-4d52-800e-fd66a09f7473.tmp</t>
  </si>
  <si>
    <t>77ec2758-04ab-4c26-9e3b-714c07b8fb69.tmp</t>
  </si>
  <si>
    <t>\\acsfs\profiles$\brendadsl\Downloads\77ec2758-04ab-4c26-9e3b-714c07b8fb69.tmp</t>
  </si>
  <si>
    <t>52829b66-b462-40cd-8668-0bb0412eadd1.tmp</t>
  </si>
  <si>
    <t>\\acsfs\profiles$\brendadsl\Downloads\52829b66-b462-40cd-8668-0bb0412eadd1.tmp</t>
  </si>
  <si>
    <t>lu302402r1mh3.tmp</t>
  </si>
  <si>
    <t>\\acsfs\profiles$\jalilebds\Downloads\lu302402r1mh3.tmp</t>
  </si>
  <si>
    <t>.~lock.Controle de Erros operacionais - Dezembro -ATUALIZADA.ods#</t>
  </si>
  <si>
    <t>\\acsfs\profiles$\wedersonbadr\Downloads\.~lock.Controle de Erros operacionais - Dezembro -ATUALIZADA.ods#</t>
  </si>
  <si>
    <t>079eef90-4de6-4065-a806-affc1c193382.tmp</t>
  </si>
  <si>
    <t>\\acsfs\profiles$\antoniosva\Downloads\079eef90-4de6-4065-a806-affc1c193382.tmp</t>
  </si>
  <si>
    <t>e8aea972-a638-4e68-a7e8-62744b85cfd7.tmp</t>
  </si>
  <si>
    <t>\\acsfs\profiles$\antoniosva\Downloads\e8aea972-a638-4e68-a7e8-62744b85cfd7.tmp</t>
  </si>
  <si>
    <t>1fad6837-3c7b-4edc-baa2-ae3ae8df3832.tmp</t>
  </si>
  <si>
    <t>\\acsfs\profiles$\antoniosva\Downloads\1fad6837-3c7b-4edc-baa2-ae3ae8df3832.tmp</t>
  </si>
  <si>
    <t>939bcf1f-5d88-4ea5-9eb2-5eead9136318.tmp</t>
  </si>
  <si>
    <t>\\acsfs\profiles$\georgendsq\Downloads\939bcf1f-5d88-4ea5-9eb2-5eead9136318.tmp</t>
  </si>
  <si>
    <t>e0114029-333e-466b-9ed0-7b963f457031.tmp</t>
  </si>
  <si>
    <t>\\acsfs\profiles$\georgendsq\Downloads\e0114029-333e-466b-9ed0-7b963f457031.tmp</t>
  </si>
  <si>
    <t>34d889ba-7e0f-4ce4-8b94-c867450c22a3.tmp</t>
  </si>
  <si>
    <t>\\acsfs\profiles$\georgendsq\Downloads\34d889ba-7e0f-4ce4-8b94-c867450c22a3.tmp</t>
  </si>
  <si>
    <t>eafd3971-8549-4eba-a3b3-9a824606bf16.tmp</t>
  </si>
  <si>
    <t>\\acsfs\profiles$\georgendsq\Downloads\eafd3971-8549-4eba-a3b3-9a824606bf16.tmp</t>
  </si>
  <si>
    <t>9ba9604d-97f9-4c50-bde3-33bc1322eba8.tmp</t>
  </si>
  <si>
    <t>\\acsfs\profiles$\georgendsq\Downloads\9ba9604d-97f9-4c50-bde3-33bc1322eba8.tmp</t>
  </si>
  <si>
    <t>731106ce-414d-49ef-9454-25a838da5951.tmp</t>
  </si>
  <si>
    <t>\\acsfs\profiles$\andrezacapf\Downloads\731106ce-414d-49ef-9454-25a838da5951.tmp</t>
  </si>
  <si>
    <t>e3be74c6-b90c-48a1-ad37-62166fbf5047.tmp</t>
  </si>
  <si>
    <t>\\acsfs\profiles$\andrezacapf\Downloads\e3be74c6-b90c-48a1-ad37-62166fbf5047.tmp</t>
  </si>
  <si>
    <t>2115cc5a-487e-474d-b5d3-18165d162fdb.tmp</t>
  </si>
  <si>
    <t>\\acsfs\profiles$\andrezacapf\Downloads\2115cc5a-487e-474d-b5d3-18165d162fdb.tmp</t>
  </si>
  <si>
    <t>b1463046-258e-4d9a-822b-ab7f0d35c6bb.tmp</t>
  </si>
  <si>
    <t>\\acsfs\profiles$\andrezacapf\Downloads\b1463046-258e-4d9a-822b-ab7f0d35c6bb.tmp</t>
  </si>
  <si>
    <t>bb7f2c44-3e6e-4200-a2b3-e9e648d6ba82.tmp</t>
  </si>
  <si>
    <t>\\acsfs\profiles$\andrezacapf\Downloads\bb7f2c44-3e6e-4200-a2b3-e9e648d6ba82.tmp</t>
  </si>
  <si>
    <t>839ad9af-223f-480f-bfc8-9c8432d73366.tmp</t>
  </si>
  <si>
    <t>\\acsfs\profiles$\andrezacapf\Downloads\839ad9af-223f-480f-bfc8-9c8432d73366.tmp</t>
  </si>
  <si>
    <t>b210787b-c014-44ef-998f-6d5b8f54372c.tmp</t>
  </si>
  <si>
    <t>\\acsfs\profiles$\jonatanls\Downloads\b210787b-c014-44ef-998f-6d5b8f54372c.tmp</t>
  </si>
  <si>
    <t>karenjss</t>
  </si>
  <si>
    <t>\\acsfs\profiles$\KARENJSS\Downloads\</t>
  </si>
  <si>
    <t>ceb546b8-df5a-4e99-b66e-93a8c5f0e722.tmp</t>
  </si>
  <si>
    <t>\\acsfs\profiles$\KARENJSS\Downloads\ceb546b8-df5a-4e99-b66e-93a8c5f0e722.tmp</t>
  </si>
  <si>
    <t>\\acsfs\DEPTOS\Operacao\Banco_Votorantim\Qualidade\Anderson\Laudo\Joao Icatu\</t>
  </si>
  <si>
    <t>\\acsfs\DEPTOS\Operacao\Banco_Votorantim\Qualidade\Anderson\Laudo\Joao Icatu\Thumbs.db</t>
  </si>
  <si>
    <t>10.200.32.111</t>
  </si>
  <si>
    <t>18-66-DA-FE-9F-AA</t>
  </si>
  <si>
    <t>NB-RICARDOS</t>
  </si>
  <si>
    <t>ricardos</t>
  </si>
  <si>
    <t>D:\OneDrive\AlgarTech\Pré-Vendas\Cliente\2020\A100\215436 - A100 - SPOF - Option 1\</t>
  </si>
  <si>
    <t>Dispêndio - SPOF Geração_ 191217.xlsx</t>
  </si>
  <si>
    <t>Classificacao_de_Ativos_-_SPOF_Diesel_(3).xlsx</t>
  </si>
  <si>
    <t>D:\OneDrive\AlgarTech\Pré-Vendas\Cliente\2020\A100\215436 - A100 - SPOF - Option 1\reprojetospofa100.zip\</t>
  </si>
  <si>
    <t>EL-LM-DE-001_R01.xls</t>
  </si>
  <si>
    <t>Classificacao_de_Ativos_-_SPOF Diesel.xlsx</t>
  </si>
  <si>
    <t>215436_Dimensionamento_GP.xlsx</t>
  </si>
  <si>
    <t>D:\OneDrive\AlgarTech\Pré-Vendas\Cliente\2020\A100\215436 - A100 - SPOF - Option 1\Precificacao_BPFinanceiro\</t>
  </si>
  <si>
    <t>Resumo Resultados Financeiros.xlsx</t>
  </si>
  <si>
    <t>Resumo Resultados Financeiros(2).xlsx</t>
  </si>
  <si>
    <t>D:\OneDrive\AlgarTech\Pré-Vendas\Cliente\2020\A100\215436 - A100 - SPOF - Option 1\Precificacao_BPFinanceiro\Precificacao_V1.eml\</t>
  </si>
  <si>
    <t>D:\OneDrive\AlgarTech\Pré-Vendas\Cliente\2020\A100\215436 - A100 - SPOF - Option 1\reprojetospofa100\</t>
  </si>
  <si>
    <t>\\acsfs\deptos\Operacao\Banco_Votorantim\Supervisao\DIÁRIO DE BORDO BV\</t>
  </si>
  <si>
    <t>Diario de Bordo - BV 2019.xlsb</t>
  </si>
  <si>
    <t>\\acsfs\deptos\Operacao\Banco_Votorantim\Supervisao\DIÁRIO DE BORDO BV\Diario de Bordo - BV 2019.xlsb</t>
  </si>
  <si>
    <t>Diario de Bordo - BV.xlsb</t>
  </si>
  <si>
    <t>\\acsfs\deptos\Operacao\Banco_Votorantim\Supervisao\DIÁRIO DE BORDO BV\Diario de Bordo - BV.xlsb</t>
  </si>
  <si>
    <t>2ce47112-c99c-40e0-a270-3e5cdf4a3fa4.tmp</t>
  </si>
  <si>
    <t>\\acsfs\profiles$\wedersonbadr\My Documents\My Music\2ce47112-c99c-40e0-a270-3e5cdf4a3fa4.tmp</t>
  </si>
  <si>
    <t>Vendas notas.txt</t>
  </si>
  <si>
    <t>\\acsfs\profiles$\jonathanwap\Vendas notas.txt</t>
  </si>
  <si>
    <t>lu15500126w02.tmp</t>
  </si>
  <si>
    <t>\\acsfs\profiles$\jonathanwap\lu15500126w02.tmp</t>
  </si>
  <si>
    <t>\\acsfs\profiles$\jonathanwap\lu15500126w02.tmp\</t>
  </si>
  <si>
    <t>\\acsfs\profiles$\jonathanwap\lu15500126w02.tmp\META-INF\</t>
  </si>
  <si>
    <t>\\acsfs\profiles$\jonathanwap\lu15500126w02.tmp\Thumbnails\</t>
  </si>
  <si>
    <t>ce4c09cf-7c2c-45e5-9927-6d336e697040.tmp</t>
  </si>
  <si>
    <t>\\acsfs\profiles$\rafaelahpn\Downloads\ce4c09cf-7c2c-45e5-9927-6d336e697040.tmp</t>
  </si>
  <si>
    <t>\\acsfs\DEPTOS\Operacao\PCP\5 - Comum\PLANEJAMENTO BV\14 - ACOMPANHAMENTO\1 - REPORT ACOMPANHAMENTO\2020\1 - JANEIRO\CARTÕES\Login Logout Cartões\</t>
  </si>
  <si>
    <t>mail.google.com/sync/u/0/i/s?hl=pt-BR&amp;c=661</t>
  </si>
  <si>
    <t>mail.google.com/sync/u/0/i/s?hl=pt-BR&amp;c=663</t>
  </si>
  <si>
    <t>mail.google.com/sync/u/0/i/s?hl=pt-BR&amp;c=665</t>
  </si>
  <si>
    <t>bvcartes-supervisores@algarnet.onmicrosoft.com;joaogvc@algartech.com;leonardoao@algartech.com;m1nxnxefxetrukrzvgozdhyqef1vh0jvuushxg==;marianacds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1nxnxefxetrukrzvgozdhyqef1vh0jvuushxg==,marianacds@algartech.com,marianadjc@algartech.com,mirianppb@algartech.com,paulacn@algartech.com,rafaelggs@algartech.com,taysdss@algartech.com,thiagordu@algartech.com,viniciussg@algartech.com</t>
  </si>
  <si>
    <t>mail.google.com/sync/u/0/i/s?hl=pt-BR&amp;c=667</t>
  </si>
  <si>
    <t>mail.google.com/sync/u/0/i/s?hl=pt-BR&amp;c=669</t>
  </si>
  <si>
    <t>mail.google.com/sync/u/0/i/s?hl=pt-BR&amp;c=673</t>
  </si>
  <si>
    <t>mail.google.com/sync/u/0/i/s?hl=pt-BR&amp;c=675</t>
  </si>
  <si>
    <t>mail.google.com/sync/u/0/i/s?hl=pt-BR&amp;c=677</t>
  </si>
  <si>
    <t>mail.google.com/sync/u/0/i/s?hl=pt-BR&amp;c=679</t>
  </si>
  <si>
    <t>mail.google.com/sync/u/0/i/s?hl=pt-BR&amp;c=681</t>
  </si>
  <si>
    <t>mail.google.com/_/upload?authuser=0&amp;dcp=asu-n&amp;upload_id=AEnB2UoZgH-61i483lEifE2I5yA1yKJYa0SnwmQ2BaQnDZvEX0pKrAk8J3vFGj7OlNfOcAIp7yeqMK6gY_xu95U_Z2Q4kWlSnJEf6feL6M2ie51BYd8XEJ4&amp;upload_protocol=resumable</t>
  </si>
  <si>
    <t>RELATORIO DE LOGIN - BV CARTÕES 01-01.xlsm</t>
  </si>
  <si>
    <t>mail.google.com/sync/u/0/i/s?hl=pt-BR&amp;c=11</t>
  </si>
  <si>
    <t>mail.google.com/sync/u/0/i/s?hl=pt-BR&amp;c=13</t>
  </si>
  <si>
    <t>mail.google.com/sync/u/0/i/s?hl=pt-BR&amp;c=19</t>
  </si>
  <si>
    <t>mail.google.com/sync/u/0/i/s?hl=pt-BR&amp;c=28</t>
  </si>
  <si>
    <t>CURVA NORMAL - 31/12/2019</t>
  </si>
  <si>
    <t>6a7f1dca-a503-44b0-87c1-388f732bec3b.tmp</t>
  </si>
  <si>
    <t>\\acsfs\profiles$\antoniosva\Downloads\6a7f1dca-a503-44b0-87c1-388f732bec3b.tmp</t>
  </si>
  <si>
    <t>d1de3c14-a6a2-45ea-8fbc-ad9b04abfb9b.tmp</t>
  </si>
  <si>
    <t>\\acsfs\profiles$\antoniosva\Downloads\d1de3c14-a6a2-45ea-8fbc-ad9b04abfb9b.tmp</t>
  </si>
  <si>
    <t>e93a9fb9-971e-4c46-b3ef-1fef8c334193.tmp</t>
  </si>
  <si>
    <t>\\acsfs\profiles$\antoniosva\Downloads\e93a9fb9-971e-4c46-b3ef-1fef8c334193.tmp</t>
  </si>
  <si>
    <t>bu financeira 2020-NB-POLATI.xlsx</t>
  </si>
  <si>
    <t>0ac502b9-db4a-429b-8f85-7d9a827c0250.tmp</t>
  </si>
  <si>
    <t>\\acsfs\profiles$\georgendsq\Downloads\0ac502b9-db4a-429b-8f85-7d9a827c0250.tmp</t>
  </si>
  <si>
    <t>12/31/2019 16:56:24</t>
  </si>
  <si>
    <t>\\acsfs\profiles$\marcosvnds\My Documents\xworkcenter\logs\</t>
  </si>
  <si>
    <t>XLOG_marcosvnds_31122019_091223.log</t>
  </si>
  <si>
    <t>\\acsfs\profiles$\marcosvnds\My Documents\xworkcenter\logs\XLOG_marcosvnds_31122019_091223.log</t>
  </si>
  <si>
    <t>100bb2cc-167b-4550-a442-3dc59e8f6808.tmp</t>
  </si>
  <si>
    <t>\\acsfs\profiles$\andrezacapf\Downloads\100bb2cc-167b-4550-a442-3dc59e8f6808.tmp</t>
  </si>
  <si>
    <t>fe6d9ed1-f38c-4696-838f-571e7bea65f8.tmp</t>
  </si>
  <si>
    <t>\\acsfs\profiles$\andrezacapf\Downloads\fe6d9ed1-f38c-4696-838f-571e7bea65f8.tmp</t>
  </si>
  <si>
    <t>25e31350-d6e3-43e5-b73f-ceb04ec0ef7b.tmp</t>
  </si>
  <si>
    <t>\\acsfs\profiles$\andrezacapf\Downloads\25e31350-d6e3-43e5-b73f-ceb04ec0ef7b.tmp</t>
  </si>
  <si>
    <t>475f970f-0720-4582-a586-fcfcac85516f.tmp</t>
  </si>
  <si>
    <t>\\acsfs\profiles$\andrezacapf\Downloads\475f970f-0720-4582-a586-fcfcac85516f.tmp</t>
  </si>
  <si>
    <t>86fa6726-8e5d-49da-b99b-e02146e0b303.tmp</t>
  </si>
  <si>
    <t>\\acsfs\profiles$\jonatanls\Downloads\86fa6726-8e5d-49da-b99b-e02146e0b303.tmp</t>
  </si>
  <si>
    <t>5a7b8856-4630-483e-b42e-dad7e5563238.tmp</t>
  </si>
  <si>
    <t>\\acsfs\profiles$\jonatanls\Downloads\5a7b8856-4630-483e-b42e-dad7e5563238.tmp</t>
  </si>
  <si>
    <t>f91b1e31-8c9f-4f66-acb9-1f04d7ffc371.tmp</t>
  </si>
  <si>
    <t>\\acsfs\profiles$\KARENJSS\Downloads\f91b1e31-8c9f-4f66-acb9-1f04d7ffc371.tmp</t>
  </si>
  <si>
    <t>https://udpmailboxap01/h/search?si=0&amp;so=0&amp;sc=59310&amp;sfi=6&amp;st=message&amp;action=compose</t>
  </si>
  <si>
    <t>\\acsfs\DEPTOS\Operacao\PCP\5 - Comum\PLANEJAMENTO BV\23 - EXTRAÇÕES\Agent State Details\DEZEMBRO\</t>
  </si>
  <si>
    <t>Agent State Details 30-12-2019.xlsx</t>
  </si>
  <si>
    <t>\\acsfs\DEPTOS\Operacao\PCP\5 - Comum\PLANEJAMENTO BV\23 - EXTRAÇÕES\Agent State Details\DEZEMBRO\Agent State Details 30-12-2019.xlsx</t>
  </si>
  <si>
    <t>\\acsfs\DEPTOS\Operacao\PCP\5 - Comum\PLANEJAMENTO BV\23 - EXTRAÇÕES\Agente Login Logout details report\DEZEMBRO\</t>
  </si>
  <si>
    <t>AGENT LOGIN LOGOUT DETAILS REPORT 30-12-2019.xlsx</t>
  </si>
  <si>
    <t>\\acsfs\DEPTOS\Operacao\PCP\5 - Comum\PLANEJAMENTO BV\23 - EXTRAÇÕES\Agente Login Logout details report\DEZEMBRO\AGENT LOGIN LOGOUT DETAILS REPORT 30-12-2019.xlsx</t>
  </si>
  <si>
    <t>Agent State Details 31-12-2019.xlsx</t>
  </si>
  <si>
    <t>\\acsfs\DEPTOS\Operacao\PCP\5 - Comum\PLANEJAMENTO BV\23 - EXTRAÇÕES\Agent State Details\DEZEMBRO\Agent State Details 31-12-2019.xlsx</t>
  </si>
  <si>
    <t>AGENT LOGIN LOGOUT DETAILS REPORT 31-12-2019.xlsx</t>
  </si>
  <si>
    <t>\\acsfs\DEPTOS\Operacao\PCP\5 - Comum\PLANEJAMENTO BV\23 - EXTRAÇÕES\Agente Login Logout details report\DEZEMBRO\AGENT LOGIN LOGOUT DETAILS REPORT 31-12-2019.xlsx</t>
  </si>
  <si>
    <t>.~lock.Vendas.xlsx#</t>
  </si>
  <si>
    <t>\\acsfs\profiles$\victoriaksr\My Documents\.~lock.Vendas.xlsx#</t>
  </si>
  <si>
    <t>10.200.67.178</t>
  </si>
  <si>
    <t>78-2B-CB-C1-05-2A</t>
  </si>
  <si>
    <t>VOTORANT-AFB008</t>
  </si>
  <si>
    <t>8084a857-8738-4d57-ae7f-b8fd40faada3.tmp</t>
  </si>
  <si>
    <t>\\acsfs\profiles$\gabriellalpr\Downloads\8084a857-8738-4d57-ae7f-b8fd40faada3.tmp</t>
  </si>
  <si>
    <t>b38585ee-288f-42a7-a1d1-36f367df2de7.tmp</t>
  </si>
  <si>
    <t>\\acsfs\profiles$\gabriellalpr\Downloads\b38585ee-288f-42a7-a1d1-36f367df2de7.tmp</t>
  </si>
  <si>
    <t>70048513-2c51-48dd-8b62-85714c008784.tmp</t>
  </si>
  <si>
    <t>\\acsfs\profiles$\gabriellalpr\Downloads\70048513-2c51-48dd-8b62-85714c008784.tmp</t>
  </si>
  <si>
    <t>2a095efa-0a40-44cb-9b91-5cc3a92a19f9.tmp</t>
  </si>
  <si>
    <t>\\acsfs\profiles$\gabriellalpr\Downloads\2a095efa-0a40-44cb-9b91-5cc3a92a19f9.tmp</t>
  </si>
  <si>
    <t>\\acsfs\profiles$\bernardopcm\Contacts\</t>
  </si>
  <si>
    <t>BERNARDO PATRICK CARNEIRO MOTA (26).contact</t>
  </si>
  <si>
    <t>\\acsfs\profiles$\bernardopcm\Contacts\BERNARDO PATRICK CARNEIRO MOTA (26).contact</t>
  </si>
  <si>
    <t>\\acsfs\profiles$\bernardopcm\My Documents\My Videos\</t>
  </si>
  <si>
    <t>\\acsfs\profiles$\bernardopcm\My Documents\My Videos\desktop.ini</t>
  </si>
  <si>
    <t>\\acsfs\profiles$\bernardopcm\My Documents\My Pictures\</t>
  </si>
  <si>
    <t>\\acsfs\profiles$\bernardopcm\My Documents\My Pictures\desktop.ini</t>
  </si>
  <si>
    <t>\\acsfs\profiles$\bernardopcm\Contacts\desktop.ini</t>
  </si>
  <si>
    <t>\\acsfs\profiles$\bernardopcm\Favorites\</t>
  </si>
  <si>
    <t>\\acsfs\profiles$\bernardopcm\Favorites\desktop.ini</t>
  </si>
  <si>
    <t>\\acsfs\profiles$\bernardopcm\My Documents\My Music\</t>
  </si>
  <si>
    <t>\\acsfs\profiles$\bernardopcm\My Documents\My Music\desktop.ini</t>
  </si>
  <si>
    <t>\\acsfs\profiles$\bernardopcm\Searches\</t>
  </si>
  <si>
    <t>\\acsfs\profiles$\bernardopcm\Searches\desktop.ini</t>
  </si>
  <si>
    <t>\\acsfs\profiles$\bernardopcm\Downloads\desktop.ini</t>
  </si>
  <si>
    <t>\\acsfs\profiles$\bernardopcm\My Documents\</t>
  </si>
  <si>
    <t>\\acsfs\profiles$\bernardopcm\My Documents\desktop.ini</t>
  </si>
  <si>
    <t>\\acsfs\profiles$\bernardopcm\Saved Games\</t>
  </si>
  <si>
    <t>\\acsfs\profiles$\bernardopcm\Saved Games\desktop.ini</t>
  </si>
  <si>
    <t>\\acsfs\profiles$\BERNARDOPCM\Favorites\Links for Brasil\</t>
  </si>
  <si>
    <t>\\acsfs\profiles$\BERNARDOPCM\Favorites\Links for Brasil\desktop.ini</t>
  </si>
  <si>
    <t>\\acsfs\profiles$\BERNARDOPCM\Favorites\Links for Brasil\Microsoft Brasil.url</t>
  </si>
  <si>
    <t>\\acsfs\profiles$\BERNARDOPCM\Favorites\Links for Brasil\Windows Brasil.url</t>
  </si>
  <si>
    <t>\\acsfs\profiles$\BERNARDOPCM\Favorites\Links for Brasil\MSN Brasil.url</t>
  </si>
  <si>
    <t>10.200.67.52</t>
  </si>
  <si>
    <t>ee6b3156-915b-4993-8376-744424166762.tmp</t>
  </si>
  <si>
    <t>\\acsfs\profiles$\marcosvnds\Downloads\ee6b3156-915b-4993-8376-744424166762.tmp</t>
  </si>
  <si>
    <t>18b231bd-b245-4615-996b-ef823ce56ae9.tmp</t>
  </si>
  <si>
    <t>\\acsfs\profiles$\marcosvnds\Downloads\18b231bd-b245-4615-996b-ef823ce56ae9.tmp</t>
  </si>
  <si>
    <t>7663aeef-b200-4c0b-890a-070416585547.tmp</t>
  </si>
  <si>
    <t>\\acsfs\profiles$\andrezacapf\Downloads\7663aeef-b200-4c0b-890a-070416585547.tmp</t>
  </si>
  <si>
    <t>a3bb2b66-edbc-41b4-9260-be9db320fe8c.tmp</t>
  </si>
  <si>
    <t>\\acsfs\profiles$\KARENJSS\Downloads\a3bb2b66-edbc-41b4-9260-be9db320fe8c.tmp</t>
  </si>
  <si>
    <t>b7af515b-3d84-4c64-a83c-acf67b339856.tmp</t>
  </si>
  <si>
    <t>\\acsfs\profiles$\regisadsa\Downloads\b7af515b-3d84-4c64-a83c-acf67b339856.tmp</t>
  </si>
  <si>
    <t>8aecee66-2e2b-4969-ad45-aff9f2a1c57e.tmp</t>
  </si>
  <si>
    <t>\\acsfs\profiles$\regisadsa\Downloads\8aecee66-2e2b-4969-ad45-aff9f2a1c57e.tmp</t>
  </si>
  <si>
    <t>dccaf748-905d-43fb-9145-0d4fa8996f64.tmp</t>
  </si>
  <si>
    <t>\\acsfs\profiles$\regisadsa\Downloads\dccaf748-905d-43fb-9145-0d4fa8996f64.tmp</t>
  </si>
  <si>
    <t>98ea9efd-d19d-4386-8979-4aa144b2242f.tmp</t>
  </si>
  <si>
    <t>\\acsfs\profiles$\regisadsa\Downloads\98ea9efd-d19d-4386-8979-4aa144b2242f.tmp</t>
  </si>
  <si>
    <t>78d1dc0c-7d5e-4185-a358-1ec57211628d.tmp</t>
  </si>
  <si>
    <t>\\acsfs\profiles$\regisadsa\Downloads\78d1dc0c-7d5e-4185-a358-1ec57211628d.tmp</t>
  </si>
  <si>
    <t>9c9f6b09-6dea-439d-91f6-523df17109a9.tmp</t>
  </si>
  <si>
    <t>\\acsfs\profiles$\quindaizaagds\Downloads\9c9f6b09-6dea-439d-91f6-523df17109a9.tmp</t>
  </si>
  <si>
    <t>mail.google.com/sync/u/0/i/s?hl=pt-BR&amp;c=142</t>
  </si>
  <si>
    <t>717d3f44-e3c1-4547-b85c-c2cadf84fb79.tmp</t>
  </si>
  <si>
    <t>\\acsfs\profiles$\inarajst\Downloads\717d3f44-e3c1-4547-b85c-c2cadf84fb79.tmp</t>
  </si>
  <si>
    <t>6b0b599b-a063-4349-ad54-00e0369fdac7.tmp</t>
  </si>
  <si>
    <t>\\acsfs\profiles$\THYAGOSP\Downloads\6b0b599b-a063-4349-ad54-00e0369fdac7.tmp</t>
  </si>
  <si>
    <t>\\acsfs\DEPTOS\Operacao\PCP\5 - Comum\PLANEJAMENTO BV\23 - EXTRAÇÕES\Agent utilization\</t>
  </si>
  <si>
    <t>Agent utilization 01-12 a 31-12.xlsx</t>
  </si>
  <si>
    <t>\\acsfs\DEPTOS\Operacao\PCP\5 - Comum\PLANEJAMENTO BV\23 - EXTRAÇÕES\Agent utilization\Agent utilization 01-12 a 31-12.xlsx</t>
  </si>
  <si>
    <t>mail.google.com/sync/u/0/i/s?hl=pt-BR&amp;c=618</t>
  </si>
  <si>
    <t>algartechcpcbv@algartech.com;andrelpsa@algartech.com;cpc-controldeskavon@algartech.com;joseasn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mail.google.com/sync/u/0/i/s?hl=pt-BR&amp;c=623</t>
  </si>
  <si>
    <t>cpc-controldeskavon@algartech.com;joseasn@algartech.com;marianadjc@algartech.com;viniciussg@algartech.com;</t>
  </si>
  <si>
    <t>cpc-controldeskavon@algartech.com,joseasn@algartech.com,marianadjc@algartech.com,viniciussg@algartech.com</t>
  </si>
  <si>
    <t>10.200.99.125</t>
  </si>
  <si>
    <t>74-86-7A-F7-9E-52</t>
  </si>
  <si>
    <t>NB-JOSEMTR</t>
  </si>
  <si>
    <t>fernandaap</t>
  </si>
  <si>
    <t>\\acsfs\deptos\educacao empresarial\2 - operações\2.5 - avon\03 - treinadores\fernanda\formações fv\front 1\formação janeiro-20\</t>
  </si>
  <si>
    <t>lista de treinamento avon.xlsx</t>
  </si>
  <si>
    <t>b8a0ed69-8ef8-45b8-aba3-f96326a35e34.tmp</t>
  </si>
  <si>
    <t>\\acsfs\profiles$\gabriellalpr\Downloads\b8a0ed69-8ef8-45b8-aba3-f96326a35e34.tmp</t>
  </si>
  <si>
    <t>c2cc2fe1-5ae1-40f7-84c2-278fc90983f2.tmp</t>
  </si>
  <si>
    <t>\\acsfs\profiles$\bernardopcm\Downloads\c2cc2fe1-5ae1-40f7-84c2-278fc90983f2.tmp</t>
  </si>
  <si>
    <t>b3034571-fb61-4a78-8c2d-703649f3ede3.tmp</t>
  </si>
  <si>
    <t>\\acsfs\profiles$\bernardopcm\Downloads\b3034571-fb61-4a78-8c2d-703649f3ede3.tmp</t>
  </si>
  <si>
    <t>Não confirmado 623344.crdownload</t>
  </si>
  <si>
    <t>\\acsfs\profiles$\bernardopcm\Downloads\Não confirmado 623344.crdownload</t>
  </si>
  <si>
    <t>99fc007a-4779-4325-aa8a-19232b2a5618.tmp</t>
  </si>
  <si>
    <t>\\acsfs\profiles$\bernardopcm\Downloads\99fc007a-4779-4325-aa8a-19232b2a5618.tmp</t>
  </si>
  <si>
    <t>0b58d6b5-3129-4825-b6aa-d250c55c2763.tmp</t>
  </si>
  <si>
    <t>\\acsfs\profiles$\marcosvnds\Downloads\0b58d6b5-3129-4825-b6aa-d250c55c2763.tmp</t>
  </si>
  <si>
    <t>815ec9a2-e464-4719-9045-426185858f2b.tmp</t>
  </si>
  <si>
    <t>\\acsfs\profiles$\marcosvnds\Downloads\815ec9a2-e464-4719-9045-426185858f2b.tmp</t>
  </si>
  <si>
    <t>d1808b0b-d710-4eec-a983-eb6839ff408d.tmp</t>
  </si>
  <si>
    <t>\\acsfs\profiles$\marcosvnds\Downloads\d1808b0b-d710-4eec-a983-eb6839ff408d.tmp</t>
  </si>
  <si>
    <t>93e47626-d7e2-4f5e-b249-c7f7233bab57.tmp</t>
  </si>
  <si>
    <t>\\acsfs\profiles$\marcosvnds\Downloads\93e47626-d7e2-4f5e-b249-c7f7233bab57.tmp</t>
  </si>
  <si>
    <t>b4c311f6-725e-4dc4-b272-61e2a509bc34.tmp</t>
  </si>
  <si>
    <t>\\acsfs\profiles$\marcosvnds\Downloads\b4c311f6-725e-4dc4-b272-61e2a509bc34.tmp</t>
  </si>
  <si>
    <t>10.200.67.160</t>
  </si>
  <si>
    <t>c20d7124-72c0-45aa-98b2-ba24854f3d4b.tmp</t>
  </si>
  <si>
    <t>\\acsfs\profiles$\victorgl\Downloads\c20d7124-72c0-45aa-98b2-ba24854f3d4b.tmp</t>
  </si>
  <si>
    <t>c1d1a3c6-077f-4aa4-ae70-cff6856589dd.tmp</t>
  </si>
  <si>
    <t>\\acsfs\profiles$\victorgl\Downloads\c1d1a3c6-077f-4aa4-ae70-cff6856589dd.tmp</t>
  </si>
  <si>
    <t>f4a42386-7165-427a-8919-6246ed3b7ce2.tmp</t>
  </si>
  <si>
    <t>\\acsfs\profiles$\victorgl\Downloads\f4a42386-7165-427a-8919-6246ed3b7ce2.tmp</t>
  </si>
  <si>
    <t>e47bfc2b-0501-4828-9c3f-119362b7600e.tmp</t>
  </si>
  <si>
    <t>\\acsfs\profiles$\KARENJSS\Downloads\e47bfc2b-0501-4828-9c3f-119362b7600e.tmp</t>
  </si>
  <si>
    <t>47cbc2a0-e587-4120-acce-3beb965f5ee4.tmp</t>
  </si>
  <si>
    <t>\\acsfs\profiles$\KARENJSS\Downloads\47cbc2a0-e587-4120-acce-3beb965f5ee4.tmp</t>
  </si>
  <si>
    <t>lu302402r1mha.tmp</t>
  </si>
  <si>
    <t>\\acsfs\profiles$\jalilebds\Downloads\lu302402r1mha.tmp</t>
  </si>
  <si>
    <t>4915f29d-5038-4562-8512-de42b193648e.tmp</t>
  </si>
  <si>
    <t>\\acsfs\profiles$\larissaad\Downloads\4915f29d-5038-4562-8512-de42b193648e.tmp</t>
  </si>
  <si>
    <t>mail.google.com/sync/u/0/i/s?hl=pt-BR&amp;c=653</t>
  </si>
  <si>
    <t>mail.google.com/sync/u/0/i/s?hl=pt-BR&amp;c=658</t>
  </si>
  <si>
    <t>mail.google.com/sync/u/0/i/s?hl=pt-BR&amp;c=668</t>
  </si>
  <si>
    <t>mail.google.com/sync/u/0/i/s?hl=pt-BR&amp;c=678</t>
  </si>
  <si>
    <t>mail.google.com/sync/u/0/i/s?hl=pt-BR&amp;c=683</t>
  </si>
  <si>
    <t>mail.google.com/sync/u/0/i/s?hl=pt-BR&amp;c=689</t>
  </si>
  <si>
    <t>mail.google.com/sync/u/0/i/s?hl=pt-BR&amp;c=694</t>
  </si>
  <si>
    <t>mail.google.com/sync/u/0/i/s?hl=pt-BR&amp;c=699</t>
  </si>
  <si>
    <t>mail.google.com/sync/u/0/i/s?hl=pt-BR&amp;c=704</t>
  </si>
  <si>
    <t>mail.google.com/sync/u/0/i/s?hl=pt-BR&amp;c=709</t>
  </si>
  <si>
    <t>mail.google.com/sync/u/0/i/s?hl=pt-BR&amp;c=714</t>
  </si>
  <si>
    <t>mail.google.com/sync/u/0/i/s?hl=pt-BR&amp;c=720</t>
  </si>
  <si>
    <t>\\udpavonfs01\avon\00 - ACOMPANHAMENTO AVON\04 - BACKOFFICE CORNERSTONE\2019\12.2019\RELATORIO\FECHAMENTO\</t>
  </si>
  <si>
    <t>\\udpavonfs01\avon\00 - ACOMPANHAMENTO AVON\04 - BACKOFFICE CORNERSTONE\2019\12.2019\RELATORIO\FECHAMENTO\Acompanhamento Backoffice Cornerstone DEZ.19.xlsx</t>
  </si>
  <si>
    <t>mail.google.com/sync/u/0/i/s?hl=pt-BR&amp;c=726</t>
  </si>
  <si>
    <t>mail.google.com/sync/u/0/i/s?hl=pt-BR&amp;c=731</t>
  </si>
  <si>
    <t>\\acsfs\profiles$\laianear\</t>
  </si>
  <si>
    <t>preaud.txt</t>
  </si>
  <si>
    <t>\\acsfs\profiles$\laianear\preaud.txt</t>
  </si>
  <si>
    <t>Laiane.txt</t>
  </si>
  <si>
    <t>\\acsfs\profiles$\laianear\Laiane.txt</t>
  </si>
  <si>
    <t>673d971e-b452-48b4-a79b-67db368f1ef8.tmp</t>
  </si>
  <si>
    <t>\\acsfs\profiles$\gabriellalpr\Downloads\673d971e-b452-48b4-a79b-67db368f1ef8.tmp</t>
  </si>
  <si>
    <t>5522b3a0-f974-4742-9fa1-6e9de5729fb5.tmp</t>
  </si>
  <si>
    <t>\\acsfs\profiles$\YASMINSC\Downloads\5522b3a0-f974-4742-9fa1-6e9de5729fb5.tmp</t>
  </si>
  <si>
    <t>e8fab3ba-b9b0-4151-b25e-c083a04cd398.tmp</t>
  </si>
  <si>
    <t>\\acsfs\profiles$\regisadsa\Downloads\e8fab3ba-b9b0-4151-b25e-c083a04cd398.tmp</t>
  </si>
  <si>
    <t>2a6bc686-abb8-482b-a1c1-0f7c90eaf194.tmp</t>
  </si>
  <si>
    <t>\\acsfs\profiles$\quindaizaagds\Downloads\2a6bc686-abb8-482b-a1c1-0f7c90eaf194.tmp</t>
  </si>
  <si>
    <t>fabriciadc@algartech.com.br;joaogvc@algartech.com;josiascdsj@algartech.com;marianadjc@algartech.com;rafaelggs@algartech.com;taysdss@algartech.com;viniciussg@algartech.com;</t>
  </si>
  <si>
    <t>fabriciadc@algartech.com.br,joaogvc@algartech.com,josiascdsj@algartech.com,marianadjc@algartech.com,rafaelggs@algartech.com,taysdss@algartech.com,viniciussg@algartech.com</t>
  </si>
  <si>
    <t>78-2B-CB-C1-06-43</t>
  </si>
  <si>
    <t>VOTORANT-WB007</t>
  </si>
  <si>
    <t>lorenabmc</t>
  </si>
  <si>
    <t>\\acsfs\profiles$\lorenabmc\Downloads\</t>
  </si>
  <si>
    <t>baab0b1b-41e5-45cb-992d-7c4bde3c6323.tmp</t>
  </si>
  <si>
    <t>\\acsfs\profiles$\lorenabmc\Downloads\baab0b1b-41e5-45cb-992d-7c4bde3c6323.tmp</t>
  </si>
  <si>
    <t>0d63b1db-89b1-4a51-a766-6ecc608dbabf.tmp</t>
  </si>
  <si>
    <t>\\acsfs\profiles$\lorenabmc\Downloads\0d63b1db-89b1-4a51-a766-6ecc608dbabf.tmp</t>
  </si>
  <si>
    <t>100014239771614;</t>
  </si>
  <si>
    <t>https://100014239771614</t>
  </si>
  <si>
    <t>10.200.61.36</t>
  </si>
  <si>
    <t>D8-9C-67-4D-6A-83</t>
  </si>
  <si>
    <t>NB-VANESSASARA</t>
  </si>
  <si>
    <t>vanessasara</t>
  </si>
  <si>
    <t>vanessasara@algartech.com</t>
  </si>
  <si>
    <t>pmoalgartech@algartech.com;</t>
  </si>
  <si>
    <t>C:\Users\vanessasara\Desktop\</t>
  </si>
  <si>
    <t>Calendário de Governança_2020.xlsx</t>
  </si>
  <si>
    <t>pmoalgartech@algartech.com</t>
  </si>
  <si>
    <t>7a6cfcca-58b4-4533-8823-c11f4b0de37e.tmp</t>
  </si>
  <si>
    <t>\\acsfs\profiles$\victorgl\Downloads\7a6cfcca-58b4-4533-8823-c11f4b0de37e.tmp</t>
  </si>
  <si>
    <t>a2647643-e0d9-4220-958f-1e6e6d31feff.tmp</t>
  </si>
  <si>
    <t>\\acsfs\profiles$\anafsb\Downloads\a2647643-e0d9-4220-958f-1e6e6d31feff.tmp</t>
  </si>
  <si>
    <t>e733349e-ea86-4070-9642-2c8be2e6c2c1.tmp</t>
  </si>
  <si>
    <t>\\acsfs\profiles$\KARENJSS\Downloads\e733349e-ea86-4070-9642-2c8be2e6c2c1.tmp</t>
  </si>
  <si>
    <t>a596aa71-7500-4967-8531-ac1cdcbdd7a1.tmp</t>
  </si>
  <si>
    <t>\\acsfs\profiles$\KARENJSS\Downloads\a596aa71-7500-4967-8531-ac1cdcbdd7a1.tmp</t>
  </si>
  <si>
    <t>a7537ff1-fe2e-4024-aeac-1976aabdfe58.tmp</t>
  </si>
  <si>
    <t>\\acsfs\profiles$\KARENJSS\Downloads\a7537ff1-fe2e-4024-aeac-1976aabdfe58.tmp</t>
  </si>
  <si>
    <t>39f8f646-339b-417b-84a6-34b05ef2f315.tmp</t>
  </si>
  <si>
    <t>\\acsfs\profiles$\ANAPDSB\Downloads\39f8f646-339b-417b-84a6-34b05ef2f315.tmp</t>
  </si>
  <si>
    <t>lu302402r1mhd.tmp</t>
  </si>
  <si>
    <t>\\acsfs\profiles$\jalilebds\Downloads\lu302402r1mhd.tmp</t>
  </si>
  <si>
    <t>\\acsfs\profiles$\wedersonbadr\Contacts\</t>
  </si>
  <si>
    <t>WEDERSON BRUNO ALVES DOS REIS (25643).contact</t>
  </si>
  <si>
    <t>\\acsfs\profiles$\wedersonbadr\Contacts\WEDERSON BRUNO ALVES DOS REIS (25643).contact</t>
  </si>
  <si>
    <t>1e2ece11-b5b2-4ef8-adef-23ed12ddbdb7.tmp</t>
  </si>
  <si>
    <t>\\acsfs\profiles$\rafaelahpn\Downloads\1e2ece11-b5b2-4ef8-adef-23ed12ddbdb7.tmp</t>
  </si>
  <si>
    <t>Erro carnê.PNG</t>
  </si>
  <si>
    <t>\\acsfs\profiles$\brendavdoa\My Documents\Erro carnê.PNG</t>
  </si>
  <si>
    <t>mail.google.com/sync/u/0/i/s?hl=pt-BR&amp;c=96</t>
  </si>
  <si>
    <t>mail.google.com/sync/u/0/i/s?hl=pt-BR&amp;c=98</t>
  </si>
  <si>
    <t>mail.google.com/sync/u/0/i/s?hl=pt-BR&amp;c=103</t>
  </si>
  <si>
    <t>mail.google.com/sync/u/0/i/s?hl=pt-BR&amp;c=111</t>
  </si>
  <si>
    <t>mail.google.com/sync/u/0/i/s?hl=pt-BR&amp;c=113</t>
  </si>
  <si>
    <t>mail.google.com/sync/u/0/i/s?hl=pt-BR&amp;c=118</t>
  </si>
  <si>
    <t>mail.google.com/sync/u/0/i/s?hl=pt-BR&amp;c=120</t>
  </si>
  <si>
    <t>mail.google.com/sync/u/0/i/s?hl=pt-BR&amp;c=122</t>
  </si>
  <si>
    <t>46f82b66-7c20-4632-a765-6e96ca3d706d.tmp</t>
  </si>
  <si>
    <t>\\acsfs\profiles$\antoniosva\Downloads\46f82b66-7c20-4632-a765-6e96ca3d706d.tmp</t>
  </si>
  <si>
    <t>bc858ed7-5a19-4374-acf1-174df0354a8f.tmp</t>
  </si>
  <si>
    <t>\\acsfs\profiles$\leticiala\Downloads\bc858ed7-5a19-4374-acf1-174df0354a8f.tmp</t>
  </si>
  <si>
    <t>4434ad86-d15e-4ec3-a9d5-31c982504c79.tmp</t>
  </si>
  <si>
    <t>\\acsfs\profiles$\leticiala\Downloads\4434ad86-d15e-4ec3-a9d5-31c982504c79.tmp</t>
  </si>
  <si>
    <t>96d85659-e90c-45a6-8c24-a0da189f9895.tmp</t>
  </si>
  <si>
    <t>\\acsfs\profiles$\inarajst\Downloads\96d85659-e90c-45a6-8c24-a0da189f9895.tmp</t>
  </si>
  <si>
    <t>165b8fd6-1184-41a9-b436-792e31d3f0b1.tmp</t>
  </si>
  <si>
    <t>\\acsfs\profiles$\lorenabmc\Downloads\165b8fd6-1184-41a9-b436-792e31d3f0b1.tmp</t>
  </si>
  <si>
    <t>mail.google.com/sync/u/0/i/s?hl=pt-BR&amp;c=746</t>
  </si>
  <si>
    <t>mail.google.com/sync/u/0/i/s?hl=pt-BR&amp;c=752</t>
  </si>
  <si>
    <t>mail.google.com/sync/u/0/i/s?hl=pt-BR&amp;c=757</t>
  </si>
  <si>
    <t>mail.google.com/sync/u/0/i/s?hl=pt-BR&amp;c=762</t>
  </si>
  <si>
    <t>mail.google.com/sync/u/0/i/s?hl=pt-BR&amp;c=767</t>
  </si>
  <si>
    <t>mail.google.com/sync/u/0/i/s?hl=pt-BR&amp;c=772</t>
  </si>
  <si>
    <t>mail.google.com/sync/u/0/i/s?hl=pt-BR&amp;c=778</t>
  </si>
  <si>
    <t>algartechcpcbv@algartech.com;andrelpsa@algartech.com;cpc-controldeskavon@algartech.com;joseasn@algartech.com;josiascdsj@algartech.com;leonardoao@algartech.com;luiz.henriquesantos@avon.com;marianadjc@algartech.com;mensal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mensal,paulacn@algartech.com,qualidadealgarbv@algartech.com,rafaelggs@algartech.com,supervisaobancovotorantim@algartech.com,taysdss@algartech.com,thiagolrc@bv.algartech.com,viniciussg@algartech.com</t>
  </si>
  <si>
    <t>mail.google.com/sync/u/0/i/s?hl=pt-BR&amp;c=783</t>
  </si>
  <si>
    <t>mail.google.com/sync/u/0/i/s?hl=pt-BR&amp;c=788</t>
  </si>
  <si>
    <t>mail.google.com/sync/u/0/i/s?hl=pt-BR&amp;c=793</t>
  </si>
  <si>
    <t>mail.google.com/sync/u/0/i/s?hl=pt-BR&amp;c=798</t>
  </si>
  <si>
    <t>mail.google.com/sync/u/0/i/s?hl=pt-BR&amp;c=803</t>
  </si>
  <si>
    <t>mail.google.com/sync/u/0/i/s?hl=pt-BR&amp;c=809</t>
  </si>
  <si>
    <t>\\acsfs\DEPTOS\Operacao\PCP\5 - Comum\PLANEJAMENTO BV\23 - EXTRAÇÕES\Agent State Details\2020\JANEIRO\</t>
  </si>
  <si>
    <t>Agent State Details 01.01.2020.xlsx</t>
  </si>
  <si>
    <t>\\acsfs\DEPTOS\Operacao\PCP\5 - Comum\PLANEJAMENTO BV\23 - EXTRAÇÕES\Agent State Details\2020\JANEIRO\Agent State Details 01.01.2020.xlsx</t>
  </si>
  <si>
    <t>2a9de230-7417-447a-83cd-1a473a3ac064.tmp</t>
  </si>
  <si>
    <t>\\acsfs\profiles$\rafaelamsv\Downloads\2a9de230-7417-447a-83cd-1a473a3ac064.tmp</t>
  </si>
  <si>
    <t>lu359443ydymq.tmp</t>
  </si>
  <si>
    <t>\\acsfs\profiles$\marcellewdl\My Documents\lu359443ydymq.tmp</t>
  </si>
  <si>
    <t>\\acsfs\profiles$\marcellewdl\My Documents\lu359443ydymq.tmp\</t>
  </si>
  <si>
    <t>\\acsfs\profiles$\marcellewdl\My Documents\lu359443ydymq.tmp\META-INF\</t>
  </si>
  <si>
    <t>\\acsfs\profiles$\marcellewdl\My Documents\lu359443ydymq.tmp\Thumbnails\</t>
  </si>
  <si>
    <t>lu13728nh564.tmp</t>
  </si>
  <si>
    <t>\\acsfs\profiles$\luanarda\lu13728nh564.tmp</t>
  </si>
  <si>
    <t>\\acsfs\profiles$\luanarda\lu13728nh564.tmp\</t>
  </si>
  <si>
    <t>\\acsfs\profiles$\luanarda\lu13728nh564.tmp\META-INF\</t>
  </si>
  <si>
    <t>\\acsfs\profiles$\luanarda\lu13728nh564.tmp\Thumbnails\</t>
  </si>
  <si>
    <t>wanessabds@algartech.com</t>
  </si>
  <si>
    <t>\\acsfs\Deptos\Controladoria\2 - Business Performance\2019\1 - Precificacao\6 - Revisao da Metodologia\Consultoria Teros\07-Jeciene\</t>
  </si>
  <si>
    <t>Prototipo ferramenta v2.xlsm</t>
  </si>
  <si>
    <t>f30cc9f2-9748-4f0f-909a-0b23e3569de0.tmp</t>
  </si>
  <si>
    <t>\\acsfs\profiles$\sarahbal\Downloads\f30cc9f2-9748-4f0f-909a-0b23e3569de0.tmp</t>
  </si>
  <si>
    <t>69ddb6e0-1a86-44cc-acc3-f6014c2e5421.tmp</t>
  </si>
  <si>
    <t>\\acsfs\profiles$\edicarlosdl\Downloads\69ddb6e0-1a86-44cc-acc3-f6014c2e5421.tmp</t>
  </si>
  <si>
    <t>656a9a05-6886-4cf3-80c6-8c6ccb23076f.tmp</t>
  </si>
  <si>
    <t>\\acsfs\profiles$\matheusmax\Downloads\656a9a05-6886-4cf3-80c6-8c6ccb23076f.tmp</t>
  </si>
  <si>
    <t>1199262c-1ca7-4b93-8fed-48ea3f8eae35.tmp</t>
  </si>
  <si>
    <t>\\acsfs\profiles$\matheusmax\Downloads\1199262c-1ca7-4b93-8fed-48ea3f8eae35.tmp</t>
  </si>
  <si>
    <t>9b3aaa89-950b-4a5c-bcd6-fa66019359ed.tmp</t>
  </si>
  <si>
    <t>\\acsfs\profiles$\welidicdj\Downloads\9b3aaa89-950b-4a5c-bcd6-fa66019359ed.tmp</t>
  </si>
  <si>
    <t>0b2ae28e-76c0-4ac8-b899-475e39846149.tmp</t>
  </si>
  <si>
    <t>\\acsfs\profiles$\welidicdj\Downloads\0b2ae28e-76c0-4ac8-b899-475e39846149.tmp</t>
  </si>
  <si>
    <t>\\acsfs\profiles$\HENRIQUEHMDO\</t>
  </si>
  <si>
    <t>VENDAS 01.txt</t>
  </si>
  <si>
    <t>\\acsfs\profiles$\HENRIQUEHMDO\VENDAS 01.txt</t>
  </si>
  <si>
    <t>lu302402r1mhl.tmp</t>
  </si>
  <si>
    <t>\\acsfs\profiles$\jalilebds\Downloads\lu302402r1mhl.tmp</t>
  </si>
  <si>
    <t>14be7502-2ce0-411d-bad3-8a698c553c57.tmp</t>
  </si>
  <si>
    <t>\\acsfs\profiles$\alinepp\Downloads\14be7502-2ce0-411d-bad3-8a698c553c57.tmp</t>
  </si>
  <si>
    <t>\\acsfs\DEPTOS\Operacao\PCP\5 - Comum\PLANEJAMENTO BV\23 - EXTRAÇÕES\Agente Login Logout details report\</t>
  </si>
  <si>
    <t>AGENT LOGIN LOGOUT DETAILS REPORT 01.01.2020.xlsx</t>
  </si>
  <si>
    <t>\\acsfs\DEPTOS\Operacao\PCP\5 - Comum\PLANEJAMENTO BV\23 - EXTRAÇÕES\Agente Login Logout details report\AGENT LOGIN LOGOUT DETAILS REPORT 01.01.2020.xlsx</t>
  </si>
  <si>
    <t>d0ed5b26-a803-4e2c-a5c2-c8aa226d3786.tmp</t>
  </si>
  <si>
    <t>\\acsfs\profiles$\wenderbnm\Downloads\d0ed5b26-a803-4e2c-a5c2-c8aa226d3786.tmp</t>
  </si>
  <si>
    <t>36c8e47d-d731-49bc-99fd-a7761f96ff9a.tmp</t>
  </si>
  <si>
    <t>\\acsfs\profiles$\vivianibfs\Downloads\36c8e47d-d731-49bc-99fd-a7761f96ff9a.tmp</t>
  </si>
  <si>
    <t>\\acsfs\DEPTOS\Operacao\PCP\5 - Comum\ACOMPANHAMENTO AMEX\10- Acompanhamento PF\BACKOFFICE PF\03-CNPF\03 - PAINEL DE PRODUTIVIDADE\Painel\2019\12 - Dezembro\</t>
  </si>
  <si>
    <t>Painel de Produtividade Contas Novas - Dezembro - Fechamento.xlsx</t>
  </si>
  <si>
    <t>7e719609-4d31-4634-8421-738acce69fac.tmp</t>
  </si>
  <si>
    <t>\\acsfs\profiles$\KARENJSS\Downloads\7e719609-4d31-4634-8421-738acce69fac.tmp</t>
  </si>
  <si>
    <t>f85356bb-b2fa-4c7d-aafd-db2451c67f8f.tmp</t>
  </si>
  <si>
    <t>\\acsfs\profiles$\KARENJSS\Downloads\f85356bb-b2fa-4c7d-aafd-db2451c67f8f.tmp</t>
  </si>
  <si>
    <t>58c15770-1294-4448-90b5-429e4232a889.tmp</t>
  </si>
  <si>
    <t>\\acsfs\profiles$\edicarlosdl\Downloads\58c15770-1294-4448-90b5-429e4232a889.tmp</t>
  </si>
  <si>
    <t>35f64b0c-7576-4f7c-81a6-cd14499e92cd.tmp</t>
  </si>
  <si>
    <t>\\acsfs\profiles$\alinepp\Downloads\35f64b0c-7576-4f7c-81a6-cd14499e92cd.tmp</t>
  </si>
  <si>
    <t>99b39ccf-b957-43aa-9b4a-2b634b193e81.tmp</t>
  </si>
  <si>
    <t>\\acsfs\profiles$\alinepp\Downloads\99b39ccf-b957-43aa-9b4a-2b634b193e81.tmp</t>
  </si>
  <si>
    <t>b966d9ad-109f-4c5c-82f5-e1afe5d663bb.tmp</t>
  </si>
  <si>
    <t>\\acsfs\profiles$\alinepp\Downloads\b966d9ad-109f-4c5c-82f5-e1afe5d663bb.tmp</t>
  </si>
  <si>
    <t>8b45d335-c928-4671-b355-dff26ab738fa.tmp</t>
  </si>
  <si>
    <t>\\acsfs\profiles$\philipegsf\Downloads\8b45d335-c928-4671-b355-dff26ab738fa.tmp</t>
  </si>
  <si>
    <t>02af54d1-ce2b-4048-9f41-5198ba9bf086.tmp</t>
  </si>
  <si>
    <t>\\acsfs\profiles$\fabianobmf\Downloads\02af54d1-ce2b-4048-9f41-5198ba9bf086.tmp</t>
  </si>
  <si>
    <t>5b6f06df-7f7b-400f-a106-d280875e4775.tmp</t>
  </si>
  <si>
    <t>\\acsfs\profiles$\vivianibfs\Downloads\5b6f06df-7f7b-400f-a106-d280875e4775.tmp</t>
  </si>
  <si>
    <t>e99d0660-6f87-4285-bfa0-e0379c69a8a6.tmp</t>
  </si>
  <si>
    <t>\\acsfs\profiles$\vivianibfs\Downloads\e99d0660-6f87-4285-bfa0-e0379c69a8a6.tmp</t>
  </si>
  <si>
    <t>4caeca72-d705-467f-b937-7a3f8fb18a78.tmp</t>
  </si>
  <si>
    <t>\\acsfs\profiles$\vivianibfs\Downloads\4caeca72-d705-467f-b937-7a3f8fb18a78.tmp</t>
  </si>
  <si>
    <t>\\acsfs\DEPTOS\EDUCACAO EMPRESARIAL\4 - Gestão de Educação\</t>
  </si>
  <si>
    <t>\\acsfs\DEPTOS\EDUCACAO EMPRESARIAL\4 - Gestão de Educação\Thumbs.db</t>
  </si>
  <si>
    <t>\\acsfs\DEPTOS\EDUCACAO EMPRESARIAL\2 - Operações\0.01 BV CARTÕES\Larisa\</t>
  </si>
  <si>
    <t>\\acsfs\DEPTOS\EDUCACAO EMPRESARIAL\2 - Operações\0.01 BV CARTÕES\Larisa\Thumbs.db</t>
  </si>
  <si>
    <t>mail.google.com/sync/u/0/i/s?hl=pt-BR&amp;c=77</t>
  </si>
  <si>
    <t>mail.google.com/sync/u/0/i/s?hl=pt-BR&amp;c=81</t>
  </si>
  <si>
    <t>10.200.66.196</t>
  </si>
  <si>
    <t>74-86-7A-FB-1A-4B</t>
  </si>
  <si>
    <t>VOTORANT-WB008</t>
  </si>
  <si>
    <t>3dc53c79-c617-4fe3-ad22-adb26216f872.tmp</t>
  </si>
  <si>
    <t>\\acsfs\profiles$\lorenabmc\Downloads\3dc53c79-c617-4fe3-ad22-adb26216f872.tmp</t>
  </si>
  <si>
    <t>82a29142-3a01-4872-acf4-814568f3b007.tmp</t>
  </si>
  <si>
    <t>\\acsfs\profiles$\lorenabmc\Downloads\82a29142-3a01-4872-acf4-814568f3b007.tmp</t>
  </si>
  <si>
    <t>463215ec-e636-4a12-94eb-743f6bd2f835.tmp</t>
  </si>
  <si>
    <t>\\acsfs\profiles$\lorenabmc\Downloads\463215ec-e636-4a12-94eb-743f6bd2f835.tmp</t>
  </si>
  <si>
    <t>b4140bb6-828b-413f-be26-70061b37d6c8.tmp</t>
  </si>
  <si>
    <t>\\acsfs\profiles$\lorenabmc\Downloads\b4140bb6-828b-413f-be26-70061b37d6c8.tmp</t>
  </si>
  <si>
    <t>5b0a211f-6236-451b-ba85-3d816f484d30.tmp</t>
  </si>
  <si>
    <t>\\acsfs\profiles$\ERICALSR\Downloads\5b0a211f-6236-451b-ba85-3d816f484d30.tmp</t>
  </si>
  <si>
    <t>8e7682e8-fedb-4b77-a752-370f459829a9.tmp</t>
  </si>
  <si>
    <t>\\acsfs\profiles$\alinepp\Downloads\8e7682e8-fedb-4b77-a752-370f459829a9.tmp</t>
  </si>
  <si>
    <t>mail.google.com/sync/u/0/i/s?hl=pt-BR&amp;c=823</t>
  </si>
  <si>
    <t>mail.google.com/sync/u/0/i/s?hl=pt-BR&amp;c=826</t>
  </si>
  <si>
    <t>mail.google.com/sync/u/0/i/s?hl=pt-BR&amp;c=829</t>
  </si>
  <si>
    <t>mail.google.com/sync/u/0/i/s?hl=pt-BR&amp;c=831</t>
  </si>
  <si>
    <t>8d102fd3-6399-4f5f-b239-bf5d50fac22e.tmp</t>
  </si>
  <si>
    <t>\\acsfs\profiles$\philipegsf\Downloads\8d102fd3-6399-4f5f-b239-bf5d50fac22e.tmp</t>
  </si>
  <si>
    <t>c13af7f5-f068-4fd2-9567-76e0e8bb5fd8.tmp</t>
  </si>
  <si>
    <t>\\acsfs\profiles$\fabianobmf\Downloads\c13af7f5-f068-4fd2-9567-76e0e8bb5fd8.tmp</t>
  </si>
  <si>
    <t>fc7e960d-c81e-430c-ab4b-76f20a229a53.tmp</t>
  </si>
  <si>
    <t>\\acsfs\profiles$\leticiala\Downloads\fc7e960d-c81e-430c-ab4b-76f20a229a53.tmp</t>
  </si>
  <si>
    <t>55359771-8df9-4ef8-8c5b-0e1156d483e4.tmp</t>
  </si>
  <si>
    <t>\\acsfs\profiles$\victorgl\Downloads\55359771-8df9-4ef8-8c5b-0e1156d483e4.tmp</t>
  </si>
  <si>
    <t>XLOG_marcosvnds_02012020_141917.log</t>
  </si>
  <si>
    <t>\\acsfs\profiles$\marcosvnds\My Documents\xworkcenter\logs\XLOG_marcosvnds_02012020_141917.log</t>
  </si>
  <si>
    <t>7faa744c-8c7b-462d-8a71-d2433c602a95.tmp</t>
  </si>
  <si>
    <t>\\acsfs\profiles$\KARENJSS\Downloads\7faa744c-8c7b-462d-8a71-d2433c602a95.tmp</t>
  </si>
  <si>
    <t>30eec610-744c-45a4-b9dd-7155e799ba9a.tmp</t>
  </si>
  <si>
    <t>\\acsfs\profiles$\marcosvnds\Downloads\30eec610-744c-45a4-b9dd-7155e799ba9a.tmp</t>
  </si>
  <si>
    <t>0810ba78-b578-46de-9823-3db1f93edfa2.tmp</t>
  </si>
  <si>
    <t>\\acsfs\profiles$\eduardofss\Downloads\0810ba78-b578-46de-9823-3db1f93edfa2.tmp</t>
  </si>
  <si>
    <t>676b1491-4476-4a6d-8918-70c7abcc665c.tmp</t>
  </si>
  <si>
    <t>\\acsfs\profiles$\gabrieleods\Downloads\676b1491-4476-4a6d-8918-70c7abcc665c.tmp</t>
  </si>
  <si>
    <t>bc9bf52b-8f80-4f27-a897-dc540c7fe4a7.tmp</t>
  </si>
  <si>
    <t>\\acsfs\profiles$\gabrieleods\Downloads\bc9bf52b-8f80-4f27-a897-dc540c7fe4a7.tmp</t>
  </si>
  <si>
    <t>eec74da5-dbbe-46d6-9e81-16da35579f07.tmp</t>
  </si>
  <si>
    <t>\\acsfs\profiles$\gabrieleods\Downloads\eec74da5-dbbe-46d6-9e81-16da35579f07.tmp</t>
  </si>
  <si>
    <t>c:\users\robsonams\downloads\</t>
  </si>
  <si>
    <t>kit_pre_deslig_disp_sem_justa_causa_ind_100377_lays costa braga.pdf</t>
  </si>
  <si>
    <t>lu302402r1mhs.tmp</t>
  </si>
  <si>
    <t>\\acsfs\profiles$\jalilebds\Downloads\lu302402r1mhs.tmp</t>
  </si>
  <si>
    <t>mail.google.com/sync/u/0/i/s?hl=pt-BR&amp;c=834</t>
  </si>
  <si>
    <t>mail.google.com/sync/u/0/i/s?hl=pt-BR&amp;c=841</t>
  </si>
  <si>
    <t>mail.google.com/sync/u/0/i/s?hl=pt-BR&amp;c=843</t>
  </si>
  <si>
    <t>mail.google.com/sync/u/0/i/s?hl=pt-BR&amp;c=845</t>
  </si>
  <si>
    <t>mail.google.com/sync/u/0/i/s?hl=pt-BR&amp;c=848</t>
  </si>
  <si>
    <t>mail.google.com/sync/u/0/i/s?hl=pt-BR&amp;c=850</t>
  </si>
  <si>
    <t>algartechcpcbv@algartech.com;andrelpsa@algartech.com;cpc-controldeskavon@algartech.com;joseasn@algartech.com;josiascdsj@algartech.com;leonardoao@algartech.com;luiz.henriquesantos@avon.com;marianadjc@algartech.com;maristelavodq@bv.algartech.com;mensal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maristelavodq@bv.algartech.com,mensal,paulacn@algartech.com,qualidadealgarbv@algartech.com,rafaelggs@algartech.com,supervisaobancovotorantim@algartech.com,taysdss@algartech.com,thiagolrc@bv.algartech.com,viniciussg@algartech.com</t>
  </si>
  <si>
    <t>mail.google.com/sync/u/0/i/s?hl=pt-BR&amp;c=852</t>
  </si>
  <si>
    <t>mail.google.com/sync/u/0/i/s?hl=pt-BR&amp;c=854</t>
  </si>
  <si>
    <t>mail.google.com/sync/u/0/i/s?hl=pt-BR&amp;c=856</t>
  </si>
  <si>
    <t>mail.google.com/sync/u/0/i/s?hl=pt-BR&amp;c=858</t>
  </si>
  <si>
    <t>mail.google.com/sync/u/0/i/s?hl=pt-BR&amp;c=860</t>
  </si>
  <si>
    <t>mail.google.com/sync/u/0/i/s?hl=pt-BR&amp;c=863</t>
  </si>
  <si>
    <t>mail.google.com/sync/u/0/i/s?hl=pt-BR&amp;c=865</t>
  </si>
  <si>
    <t>mail.google.com/sync/u/0/i/s?hl=pt-BR&amp;c=867</t>
  </si>
  <si>
    <t>mail.google.com/sync/u/0/i/s?hl=pt-BR&amp;c=869</t>
  </si>
  <si>
    <t>mail.google.com/sync/u/0/i/s?hl=pt-BR&amp;c=871</t>
  </si>
  <si>
    <t>mail.google.com/sync/u/0/i/s?hl=pt-BR&amp;c=875</t>
  </si>
  <si>
    <t>mail.google.com/sync/u/0/i/s?hl=pt-BR&amp;c=877</t>
  </si>
  <si>
    <t>mail.google.com/sync/u/0/i/s?hl=pt-BR&amp;c=880</t>
  </si>
  <si>
    <t>c4d827e1-547e-4663-8190-06835d36beca.tmp</t>
  </si>
  <si>
    <t>\\acsfs\profiles$\rafaelamsv\Downloads\c4d827e1-547e-4663-8190-06835d36beca.tmp</t>
  </si>
  <si>
    <t>b0cdb7bd-6344-4d47-baf8-23b0448b9b28.tmp</t>
  </si>
  <si>
    <t>\\acsfs\profiles$\philipegsf\Downloads\b0cdb7bd-6344-4d47-baf8-23b0448b9b28.tmp</t>
  </si>
  <si>
    <t>9bfdd3b0-d8dd-4e0a-a2b9-b857a3ea339a.tmp</t>
  </si>
  <si>
    <t>\\acsfs\profiles$\bernardopcm\Downloads\9bfdd3b0-d8dd-4e0a-a2b9-b857a3ea339a.tmp</t>
  </si>
  <si>
    <t>\\acsfs\profiles$\LUCASBS\Planilhas\</t>
  </si>
  <si>
    <t>.~lock.Vendas Dezembro 2.xlsx#</t>
  </si>
  <si>
    <t>\\acsfs\profiles$\LUCASBS\Planilhas\.~lock.Vendas Dezembro 2.xlsx#</t>
  </si>
  <si>
    <t>http://servicedesk.algartech.com:8686/c/portal/session_click</t>
  </si>
  <si>
    <t>0c8720c9-e978-4c06-afba-fedad13afa28.tmp</t>
  </si>
  <si>
    <t>\\acsfs\profiles$\KARENJSS\Downloads\0c8720c9-e978-4c06-afba-fedad13afa28.tmp</t>
  </si>
  <si>
    <t>846fe266-1aa0-4ab3-b4ed-a3656d03b96c.tmp</t>
  </si>
  <si>
    <t>\\acsfs\profiles$\KARENJSS\Downloads\846fe266-1aa0-4ab3-b4ed-a3656d03b96c.tmp</t>
  </si>
  <si>
    <t>6a5d3f35-6e76-4cdc-b40d-b6f5a69c9c9b.tmp</t>
  </si>
  <si>
    <t>\\acsfs\profiles$\marcosvnds\Downloads\6a5d3f35-6e76-4cdc-b40d-b6f5a69c9c9b.tmp</t>
  </si>
  <si>
    <t>2a63890a-f00d-4946-8f38-fd88f878e68c.tmp</t>
  </si>
  <si>
    <t>\\acsfs\profiles$\marcosvnds\Downloads\2a63890a-f00d-4946-8f38-fd88f878e68c.tmp</t>
  </si>
  <si>
    <t>c0bd5138-71fa-41e5-8fc9-f11e968fc0c0.tmp</t>
  </si>
  <si>
    <t>\\acsfs\profiles$\marcosvnds\Downloads\c0bd5138-71fa-41e5-8fc9-f11e968fc0c0.tmp</t>
  </si>
  <si>
    <t>GESTÃO POR PROCESSOS - UDI</t>
  </si>
  <si>
    <t>10.200.57.65</t>
  </si>
  <si>
    <t>FC-01-7C-C0-2A-99</t>
  </si>
  <si>
    <t>NB-MARIANNACSM</t>
  </si>
  <si>
    <t>mariannacsm</t>
  </si>
  <si>
    <t>mariannacsm@algartech.com</t>
  </si>
  <si>
    <t>mail.google.com/_/upload?authuser=0&amp;dcp=asu-n&amp;upload_id=AEnB2Uo_HBn44ukkN3_N8zb1kgRjPYuAIUBVCRCdeuh8-6g2F1_bJVrCGU4LW-PJZL9wt4k5W3LCTMPZv3z0WnjU29CefVnhiAclyH5aLmgFFg6heE_GKTI&amp;upload_protocol=resumable</t>
  </si>
  <si>
    <t>\\acsfs\deptos\PMO Governança\01 - COMITÊ DE NEGÓCIOS\APROVAÇÕES\PENDENTE\SICOOB\</t>
  </si>
  <si>
    <t>152004 Sicoob BP - 24 meses PA + Digital FINAL v19.4_v2.xlsb</t>
  </si>
  <si>
    <t>\\acsfs\deptos\PMO Governança\01 - COMITÊ DE NEGÓCIOS\APROVAÇÕES\PENDENTE\SICOOB\152004 Sicoob BP - 24 meses PA + Digital FINAL v19.4_v2.xlsb\</t>
  </si>
  <si>
    <t>COORD GERAL TI</t>
  </si>
  <si>
    <t>10.200.32.211</t>
  </si>
  <si>
    <t>64-1C-67-9B-A1-85</t>
  </si>
  <si>
    <t>NB-GUILHERMEASO</t>
  </si>
  <si>
    <t>guilhermeaso</t>
  </si>
  <si>
    <t>sollero@algartech.com</t>
  </si>
  <si>
    <t>mail.google.com/_/upload?authuser=0&amp;dcp=asu-n&amp;upload_id=AEnB2UrRT5mrw3sHjh55BPUNwY0KxM0TGfHWdhfTaJv12LuA2oq6yof6Y_H49BjgMKp3LVRByhBxCJ9HhIyjjM7qfCyoQtilqw&amp;upload_protocol=resumable</t>
  </si>
  <si>
    <t>acacio@algartech.com;aline.de.almeida@algartech.com;alinesf@algartech.com;amandacdr@algartech.com;camiladod@algartech.com;camilat@algartech.com;camilavs@algartech.com;danieldom@algartech.com;douglasxm@algartech.com;edilsonrb@algartech.com;elisangela.silva@algartech.com;fabianomm@algartech.com;gabrieljst@algartech.com;guilhermeaso@algartech.com;hugobsa@algartech.com;joelson.rosa@algarnet.onmicrosoft.com;leonardo.caetano@algartech.com;luiz.m.carvalho@algartech.com;marceloat@algartech.com;marco.padovani@algartech.com;octavio.vasconcellos@algartech.com;rafaelbdt@algartech.com;renata.silva@algartech.com;renatobrl@algartech.com;roselainesds@algartech.com;saramfg@algartech.com;simoneesm@algartech.com;victorhsr@algartech.com;walter.silva@algartech.com;wesleydal@algartech.com;william.lopes@algartech.com;wilsonaapn@algartech.com;</t>
  </si>
  <si>
    <t>C:\Users\guilhermeaso\Downloads\</t>
  </si>
  <si>
    <t>012020_Forecast de Receita Oficial_2020.xlsx</t>
  </si>
  <si>
    <t>acacio@algartech.com,aline.de.almeida@algartech.com,alinesf@algartech.com,amandacdr@algartech.com,camiladod@algartech.com,camilat@algartech.com,camilavs@algartech.com,danieldom@algartech.com,douglasxm@algartech.com,edilsonrb@algartech.com,elisangela.silva@algartech.com,fabianomm@algartech.com,gabrieljst@algartech.com,guilhermeaso@algartech.com,hugobsa@algartech.com,joelson.rosa@algarnet.onmicrosoft.com,leonardo.caetano@algartech.com,luiz.m.carvalho@algartech.com,marceloat@algartech.com,marco.padovani@algartech.com,octavio.vasconcellos@algartech.com,rafaelbdt@algartech.com,renata.silva@algartech.com,renatobrl@algartech.com,roselainesds@algartech.com,saramfg@algartech.com,simoneesm@algartech.com,victorhsr@algartech.com,walter.silva@algartech.com,wesleydal@algartech.com,william.lopes@algartech.com,wilsonaapn@algartech.com</t>
  </si>
  <si>
    <t>mail.google.com/_/upload?authuser=1&amp;dcp=asu-n&amp;upload_id=AEnB2Urtd9YcbxUSlahSdiJsTOtgbXs4IIga009KavWPG_FD-DQUhyiVavRuB6BDZKZ5aCwtChNejF05G3GxocklC0QQEYi_PWRdJxpLiBz69pUUWV-TISk&amp;upload_protocol=resumable</t>
  </si>
  <si>
    <t>C:\Users\alinerg\Documents\ASC\Planilhas de configuração - SETUP\</t>
  </si>
  <si>
    <t>SETUP_Operação e Pausas.xls</t>
  </si>
  <si>
    <t>aca563bb-0ab8-4a23-b3e7-7584da21e041.tmp</t>
  </si>
  <si>
    <t>\\acsfs\profiles$\francislayneads\Downloads\aca563bb-0ab8-4a23-b3e7-7584da21e041.tmp</t>
  </si>
  <si>
    <t>9f57c977-99cc-4898-8358-d6891e15a6cd.tmp</t>
  </si>
  <si>
    <t>\\acsfs\profiles$\lorenabmc\Downloads\9f57c977-99cc-4898-8358-d6891e15a6cd.tmp</t>
  </si>
  <si>
    <t>57a0b779-b763-49a6-9281-5ea297c2cb1f.tmp</t>
  </si>
  <si>
    <t>\\acsfs\profiles$\alinepp\Downloads\57a0b779-b763-49a6-9281-5ea297c2cb1f.tmp</t>
  </si>
  <si>
    <t>\\acsfs\deptos\Operacao\PCP\5 - Comum\CONTROL DESK\2 - DAC2\Control Desk AVON\Relatorios\WHATSAPP\2019\12 - Dezembro\</t>
  </si>
  <si>
    <t>Report PA Digital_TOPS_Dezembro.xlsm</t>
  </si>
  <si>
    <t>\\acsfs\deptos\Operacao\PCP\5 - Comum\CONTROL DESK\2 - DAC2\Control Desk AVON\Relatorios\WHATSAPP\2020\Report PA Digital_TOPS_Dezembro.xlsm</t>
  </si>
  <si>
    <t>10.200.67.38</t>
  </si>
  <si>
    <t>74-86-7A-FB-1B-51</t>
  </si>
  <si>
    <t>VOTORANT-PB010</t>
  </si>
  <si>
    <t>joaopnbg</t>
  </si>
  <si>
    <t>\\acsfs\profiles$\joaopnbg\Desktop\</t>
  </si>
  <si>
    <t>dados e script.txt</t>
  </si>
  <si>
    <t>\\acsfs\profiles$\joaopnbg\Desktop\dados e script.txt</t>
  </si>
  <si>
    <t>rodrigoap@algartech.com.br</t>
  </si>
  <si>
    <t>adrianoms@algartech.com;anapscl@algartech.com;andressacpd@algartech.com;elton.costa@quilleconsultoria.com.br;fabio.ribeiro@algarnet.onmicrosoft.com;fabiolacc@algartecnologia.com.br;fredericobs@algartecnologia.com.br;julianatem@algartech.com;katiargf@algartech.com;luanaaoli@algartech.com;lucieneili@algartech.com;micheless@algartech.com.br;polati@algartech.com;rafaelaas@algartech.com;</t>
  </si>
  <si>
    <t>Resumo Gerencial Bacen Procedente Amex até 31/12</t>
  </si>
  <si>
    <t>Base Bacen Procedente 2019.xlsx</t>
  </si>
  <si>
    <t>adrianoms@algartech.com,anapscl@algartech.com,andressacpd@algartech.com,elton.costa@quilleconsultoria.com.br,fabio.ribeiro@algarnet.onmicrosoft.com,fabiolacc@algartecnologia.com.br,fredericobs@algartecnologia.com.br,julianatem@algartech.com,katiargf@algartech.com,luanaaoli@algartech.com,lucieneili@algartech.com,micheless@algartech.com.br,polati@algartech.com,rafaelaas@algartech.com</t>
  </si>
  <si>
    <t>c:\users\karinefg\downloads\</t>
  </si>
  <si>
    <t>kit_pre_deslig_pedido_demissao_ausente_98953_sabrina silva cassemiro.pdf</t>
  </si>
  <si>
    <t>9904853f-3136-471f-9c8d-2ee711691a79.tmp</t>
  </si>
  <si>
    <t>\\acsfs\profiles$\gabrieleods\Downloads\9904853f-3136-471f-9c8d-2ee711691a79.tmp</t>
  </si>
  <si>
    <t>98d47e94-3d94-45f2-8654-bb38c9d18551.tmp</t>
  </si>
  <si>
    <t>\\acsfs\profiles$\gabrieleods\Downloads\98d47e94-3d94-45f2-8654-bb38c9d18551.tmp</t>
  </si>
  <si>
    <t>lu302402r1mhv.tmp</t>
  </si>
  <si>
    <t>\\acsfs\profiles$\jalilebds\Downloads\lu302402r1mhv.tmp</t>
  </si>
  <si>
    <t>CTIC SERVICOS GERENCIADOS - FIELD SERVICE</t>
  </si>
  <si>
    <t>10.200.57.58</t>
  </si>
  <si>
    <t>64-1C-67-9C-32-46</t>
  </si>
  <si>
    <t>NB-DENISEVC</t>
  </si>
  <si>
    <t>denisevca</t>
  </si>
  <si>
    <t>denisevc@algartech.com</t>
  </si>
  <si>
    <t>C:\Users\denisevca\Desktop\PACOTE VIAGEM\</t>
  </si>
  <si>
    <t>Expurgo Pacote Viagens Dezembro19.xls</t>
  </si>
  <si>
    <t>2039c66b-ea86-427a-ab96-a2d4323355d1.tmp</t>
  </si>
  <si>
    <t>\\acsfs\profiles$\gabrielarb\Downloads\2039c66b-ea86-427a-ab96-a2d4323355d1.tmp</t>
  </si>
  <si>
    <t>279c0d56-1e38-4bb8-899d-efe380b10fe9.tmp</t>
  </si>
  <si>
    <t>\\acsfs\profiles$\laylaams\Downloads\279c0d56-1e38-4bb8-899d-efe380b10fe9.tmp</t>
  </si>
  <si>
    <t>1efd1dab-8326-4b08-9718-0f9504e4f29f.tmp</t>
  </si>
  <si>
    <t>\\acsfs\profiles$\laylaams\Downloads\1efd1dab-8326-4b08-9718-0f9504e4f29f.tmp</t>
  </si>
  <si>
    <t>95d1fa7d-a57e-4c98-b9df-13d6a43081b9.tmp</t>
  </si>
  <si>
    <t>\\acsfs\profiles$\fabianobmf\Downloads\95d1fa7d-a57e-4c98-b9df-13d6a43081b9.tmp</t>
  </si>
  <si>
    <t>57b62e62-af0a-4d80-a864-ea3b0c60a2fa.tmp</t>
  </si>
  <si>
    <t>\\acsfs\profiles$\fabianobmf\Downloads\57b62e62-af0a-4d80-a864-ea3b0c60a2fa.tmp</t>
  </si>
  <si>
    <t>0dc41832-eea4-4afa-9ba6-6360b12e3eb4.tmp</t>
  </si>
  <si>
    <t>\\acsfs\profiles$\rosileiam\Downloads\0dc41832-eea4-4afa-9ba6-6360b12e3eb4.tmp</t>
  </si>
  <si>
    <t>6c0a07da-c9bc-4aaa-b839-8ba59ad20071.tmp</t>
  </si>
  <si>
    <t>\\acsfs\profiles$\rosileiam\Downloads\6c0a07da-c9bc-4aaa-b839-8ba59ad20071.tmp</t>
  </si>
  <si>
    <t>189cf3d6-e438-450c-a498-0ce5b5e9217a.tmp</t>
  </si>
  <si>
    <t>\\acsfs\profiles$\geovannasm\Downloads\189cf3d6-e438-450c-a498-0ce5b5e9217a.tmp</t>
  </si>
  <si>
    <t>isabeldst</t>
  </si>
  <si>
    <t>\\acsfs\profiles$\isabeldst\My Documents\</t>
  </si>
  <si>
    <t>.~lock.planilha isabel.ods#</t>
  </si>
  <si>
    <t>\\acsfs\profiles$\isabeldst\My Documents\.~lock.planilha isabel.ods#</t>
  </si>
  <si>
    <t>7c9abf48-4adf-4a74-96df-24dad87a2dbf.tmp</t>
  </si>
  <si>
    <t>\\acsfs\profiles$\brunalas\Downloads\7c9abf48-4adf-4a74-96df-24dad87a2dbf.tmp</t>
  </si>
  <si>
    <t>mail.google.com/sync/u/0/i/s?hl=pt-BR&amp;c=130</t>
  </si>
  <si>
    <t>mail.google.com/sync/u/0/i/s?hl=pt-BR&amp;c=134</t>
  </si>
  <si>
    <t>mail.google.com/sync/u/0/i/s?hl=pt-BR&amp;c=136</t>
  </si>
  <si>
    <t>kit_pre_deslig_disp_sem_justa_causa_ind_97657_juliana ferreira da silva.pdf</t>
  </si>
  <si>
    <t>1fb330fc-df6e-4147-8c2f-e9163bd63b1f.tmp</t>
  </si>
  <si>
    <t>\\acsfs\profiles$\LAISLG\Downloads\1fb330fc-df6e-4147-8c2f-e9163bd63b1f.tmp</t>
  </si>
  <si>
    <t>33effa64-1512-419a-8b31-46d76535de88.tmp</t>
  </si>
  <si>
    <t>\\acsfs\profiles$\regisedsj\Downloads\33effa64-1512-419a-8b31-46d76535de88.tmp</t>
  </si>
  <si>
    <t>84b68bd4-9265-41ba-ae08-86adc014650d.tmp</t>
  </si>
  <si>
    <t>\\acsfs\profiles$\philipegsf\Downloads\84b68bd4-9265-41ba-ae08-86adc014650d.tmp</t>
  </si>
  <si>
    <t>\\acsfs\Deptos\EDUCACAO EMPRESARIAL\FERNANDA MONIT\Fernanda\RECLAMAÇÃO E OUVIDORIA\</t>
  </si>
  <si>
    <t>CPF 39621131855 Raine de Oliveira Leite.pdf</t>
  </si>
  <si>
    <t>\\acsfs\Deptos\EDUCACAO EMPRESARIAL\FERNANDA MONIT\Fernanda\RECLAMAÇÃO E OUVIDORIA\CPF 39621131855 Raine de Oliveira Leite.pdf</t>
  </si>
  <si>
    <t>43e50e08-cbb0-4091-b217-1be06cf05806.tmp</t>
  </si>
  <si>
    <t>\\acsfs\profiles$\henriqueco\Downloads\43e50e08-cbb0-4091-b217-1be06cf05806.tmp</t>
  </si>
  <si>
    <t>0bea4392-8c88-4180-a187-974a473a5399.tmp</t>
  </si>
  <si>
    <t>\\acsfs\profiles$\henriqueco\Downloads\0bea4392-8c88-4180-a187-974a473a5399.tmp</t>
  </si>
  <si>
    <t>DCO CML MERCADO GOVERNO</t>
  </si>
  <si>
    <t>10.207.12.66</t>
  </si>
  <si>
    <t>64-1C-67-A0-39-2F</t>
  </si>
  <si>
    <t>NB-JEFERSONFO</t>
  </si>
  <si>
    <t>jefersonfo</t>
  </si>
  <si>
    <t>C:\Users\jefersonfo\Downloads\FECHAMENTO FINANCEIRO - BV FINANCEIRA - NOV_19.eml\</t>
  </si>
  <si>
    <t>Novo Arquivo Faturamento_Algar_Novembro_2019_V1.xlsm</t>
  </si>
  <si>
    <t>0d6c024d-d094-46b0-98b1-d6bf795c8607.tmp</t>
  </si>
  <si>
    <t>\\acsfs\profiles$\sarahbal\Downloads\0d6c024d-d094-46b0-98b1-d6bf795c8607.tmp</t>
  </si>
  <si>
    <t>a835c3dc-13cb-451b-bd96-e7bedcce283c.tmp</t>
  </si>
  <si>
    <t>\\acsfs\profiles$\marcosvnds\Downloads\a835c3dc-13cb-451b-bd96-e7bedcce283c.tmp</t>
  </si>
  <si>
    <t>a324c23e-5724-46a0-a2dc-60e0644b82fa.tmp</t>
  </si>
  <si>
    <t>\\acsfs\profiles$\mariellecs\Downloads\a324c23e-5724-46a0-a2dc-60e0644b82fa.tmp</t>
  </si>
  <si>
    <t>3477a7fd-0d5f-4dab-9dd6-ed717790aeb0.tmp</t>
  </si>
  <si>
    <t>\\acsfs\profiles$\cintiadjl\Downloads\3477a7fd-0d5f-4dab-9dd6-ed717790aeb0.tmp</t>
  </si>
  <si>
    <t>2591cce0-9009-4c0e-88c8-cfefb8d8c038.tmp</t>
  </si>
  <si>
    <t>\\acsfs\profiles$\cintiadjl\Downloads\2591cce0-9009-4c0e-88c8-cfefb8d8c038.tmp</t>
  </si>
  <si>
    <t>.~lock.planilha 3.ods#</t>
  </si>
  <si>
    <t>\\acsfs\profiles$\isabeldst\My Documents\.~lock.planilha 3.ods#</t>
  </si>
  <si>
    <t>e19c92e7-af89-4cb2-98d7-b0d47bf09072.tmp</t>
  </si>
  <si>
    <t>\\acsfs\profiles$\brunalas\Downloads\e19c92e7-af89-4cb2-98d7-b0d47bf09072.tmp</t>
  </si>
  <si>
    <t>d6c491aa-0691-4144-a8dd-65e4ae8ef43e.tmp</t>
  </si>
  <si>
    <t>\\acsfs\profiles$\francislayneads\Downloads\d6c491aa-0691-4144-a8dd-65e4ae8ef43e.tmp</t>
  </si>
  <si>
    <t>c9e0d803-8fca-4953-b45a-246346300c41.tmp</t>
  </si>
  <si>
    <t>\\acsfs\profiles$\erichds\Downloads\c9e0d803-8fca-4953-b45a-246346300c41.tmp</t>
  </si>
  <si>
    <t>3fa2097f-4e22-40e5-954d-e9fa17f5ebfa.tmp</t>
  </si>
  <si>
    <t>\\acsfs\profiles$\erichds\Downloads\3fa2097f-4e22-40e5-954d-e9fa17f5ebfa.tmp</t>
  </si>
  <si>
    <t>90fd44e1-d666-4590-9b84-f150905e1999.tmp</t>
  </si>
  <si>
    <t>\\acsfs\profiles$\LAISLG\Downloads\90fd44e1-d666-4590-9b84-f150905e1999.tmp</t>
  </si>
  <si>
    <t>416eaf92-44a8-4325-9f73-2d6d4b146d70.tmp</t>
  </si>
  <si>
    <t>\\acsfs\profiles$\ERICALSR\Downloads\416eaf92-44a8-4325-9f73-2d6d4b146d70.tmp</t>
  </si>
  <si>
    <t>7a1306dd-b1af-4fa4-b348-d04aae124a6f.tmp</t>
  </si>
  <si>
    <t>\\acsfs\profiles$\gabrielarb\Downloads\7a1306dd-b1af-4fa4-b348-d04aae124a6f.tmp</t>
  </si>
  <si>
    <t>5b09d5ff-f141-4e42-bb87-55cf9c07de79.tmp</t>
  </si>
  <si>
    <t>\\acsfs\profiles$\geovanaasa\Downloads\5b09d5ff-f141-4e42-bb87-55cf9c07de79.tmp</t>
  </si>
  <si>
    <t>14913ed1-1cac-4d01-af47-9b5a86523722.tmp</t>
  </si>
  <si>
    <t>\\acsfs\profiles$\fabianafv\Downloads\14913ed1-1cac-4d01-af47-9b5a86523722.tmp</t>
  </si>
  <si>
    <t>208ec2d0-6c37-41bb-be2e-206d638d80fe.tmp</t>
  </si>
  <si>
    <t>\\acsfs\profiles$\henriqueco\Downloads\208ec2d0-6c37-41bb-be2e-206d638d80fe.tmp</t>
  </si>
  <si>
    <t>10.200.57.71</t>
  </si>
  <si>
    <t>54-BF-64-F5-7E-4A</t>
  </si>
  <si>
    <t>marcelodsd@algartech.com;thiagomoli@algartech.com;</t>
  </si>
  <si>
    <t>Painel Casos Especiais Dez</t>
  </si>
  <si>
    <t>Dezembro_ Casos Especiais.xlsm</t>
  </si>
  <si>
    <t>marcelodsd@algartech.com,thiagomoli@algartech.com</t>
  </si>
  <si>
    <t>7753872c-d92b-4e97-96bb-efc5d24ec292.tmp</t>
  </si>
  <si>
    <t>\\acsfs\profiles$\cintiadjl\Downloads\7753872c-d92b-4e97-96bb-efc5d24ec292.tmp</t>
  </si>
  <si>
    <t>0f471341-ed4d-46e0-9ad1-c0f8262427aa.tmp</t>
  </si>
  <si>
    <t>\\acsfs\profiles$\cintiadjl\Downloads\0f471341-ed4d-46e0-9ad1-c0f8262427aa.tmp</t>
  </si>
  <si>
    <t>9dbd2ecb-5d34-4d36-8b51-af5b24229d37.tmp</t>
  </si>
  <si>
    <t>\\acsfs\profiles$\cintiadjl\Downloads\9dbd2ecb-5d34-4d36-8b51-af5b24229d37.tmp</t>
  </si>
  <si>
    <t>e7371aaa-7fa5-41ae-96f5-7dd289df9e0b.tmp</t>
  </si>
  <si>
    <t>\\acsfs\profiles$\quindaizaagds\Downloads\e7371aaa-7fa5-41ae-96f5-7dd289df9e0b.tmp</t>
  </si>
  <si>
    <t>\\acsfs\profiles$\talitafdc\VENDAS.txt</t>
  </si>
  <si>
    <t>mail.google.com/sync/u/0/i/s?hl=pt-BR&amp;c=168</t>
  </si>
  <si>
    <t>mail.google.com/sync/u/0/i/s?hl=pt-BR&amp;c=172</t>
  </si>
  <si>
    <t>mail.google.com/sync/u/0/i/s?hl=pt-BR&amp;c=191</t>
  </si>
  <si>
    <t>mail.google.com/sync/u/0/i/s?hl=pt-BR&amp;c=193</t>
  </si>
  <si>
    <t>mail.google.com/sync/u/0/i/s?hl=pt-BR&amp;c=195</t>
  </si>
  <si>
    <t>mail.google.com/sync/u/0/i/s?hl=pt-BR&amp;c=198</t>
  </si>
  <si>
    <t>mail.google.com/sync/u/0/i/s?hl=pt-BR&amp;c=200</t>
  </si>
  <si>
    <t>mail.google.com/sync/u/0/i/s?hl=pt-BR&amp;c=207</t>
  </si>
  <si>
    <t>robsonams@algartech.com</t>
  </si>
  <si>
    <t>lu302402r1mhy.tmp</t>
  </si>
  <si>
    <t>\\acsfs\profiles$\jalilebds\Downloads\lu302402r1mhy.tmp</t>
  </si>
  <si>
    <t>27acd80b-37dd-4d15-943c-171d9fc3f966.tmp</t>
  </si>
  <si>
    <t>\\acsfs\profiles$\ayalabfi\Downloads\27acd80b-37dd-4d15-943c-171d9fc3f966.tmp</t>
  </si>
  <si>
    <t>https://cscatende.algarnet.com.br/framework/qupload/request/uploadfile.php?name=anexoschamado&amp;classname=hdanexochamado&amp;streamfield=dsanexo&amp;contentfield=&amp;namefield=nmanexo&amp;keys=cdchamado&amp;uploadtype=attachment&amp;insertkeys=&amp;optionalkeys=cdsituacao,cdclassificacao&amp;arrayname=anexoschamado[]&amp;idcheckbeforeaddattachment=n&amp;idcheckafteraddattachment=n</t>
  </si>
  <si>
    <t>boa tarde! segue anexa a acc;conforme solicitado.;</t>
  </si>
  <si>
    <t>C:\Users\vanessasara\Downloads\</t>
  </si>
  <si>
    <t>_ACC_-_Modelo_-_Sugestao_Nova_ACC_2016_v.final.xls</t>
  </si>
  <si>
    <t>https://boa tarde! segue anexa a acc,conforme solicitado.</t>
  </si>
  <si>
    <t>b6d42d9c-0501-41a5-95db-dcf8625104c4.tmp</t>
  </si>
  <si>
    <t>\\acsfs\profiles$\michelerds\Downloads\b6d42d9c-0501-41a5-95db-dcf8625104c4.tmp</t>
  </si>
  <si>
    <t>82f22234-ccaf-439c-8ce8-5195c4f7b91c.tmp</t>
  </si>
  <si>
    <t>\\acsfs\profiles$\fabianobmf\Downloads\82f22234-ccaf-439c-8ce8-5195c4f7b91c.tmp</t>
  </si>
  <si>
    <t>.~lock.Fabiana.xlsx#</t>
  </si>
  <si>
    <t>\\acsfs\profiles$\fabianafv\My Documents\.~lock.Fabiana.xlsx#</t>
  </si>
  <si>
    <t>.~lock.planilha ativo fabiana 30 -12-2019.ods#</t>
  </si>
  <si>
    <t>\\acsfs\profiles$\fabianafv\My Documents\.~lock.planilha ativo fabiana 30 -12-2019.ods#</t>
  </si>
  <si>
    <t>lu154242yupf0.tmp</t>
  </si>
  <si>
    <t>\\acsfs\profiles$\jonatanls\My Documents\lu154242yupf0.tmp</t>
  </si>
  <si>
    <t>lu154242yupf6.tmp</t>
  </si>
  <si>
    <t>\\acsfs\profiles$\jonatanls\My Documents\lu154242yupf6.tmp</t>
  </si>
  <si>
    <t>mail.google.com/_/upload?authuser=0&amp;dcp=asu-n&amp;upload_id=AEnB2Up4sBFqMsII6KcbsQhA_otmXodV39GkixzVdHx8LflOT1WiTPUmY5oo_gAfMeJcVfSbrT5TphJi62mIo9cIKzQcXG6F1v9oQPrNGTBcBey_EzU6wKc&amp;upload_protocol=resumable</t>
  </si>
  <si>
    <t>C:\Users\TEMP.ACS.000\Desktop\</t>
  </si>
  <si>
    <t>Rafael Raully Fernandes_1_6776225363894802525_1_32.wav</t>
  </si>
  <si>
    <t>024572d4-0461-4c3a-aa6d-c82f960ef6a4.tmp</t>
  </si>
  <si>
    <t>\\acsfs\profiles$\isabellegtds\Downloads\024572d4-0461-4c3a-aa6d-c82f960ef6a4.tmp</t>
  </si>
  <si>
    <t>https://fabriciadc@algartech.com.br,joaogvc@algartech.com,josiascdsj@algartech.com,marianadjc@algartech.com,rafaelggs@algartech.com,taysdss@algartech.com,viniciussg@algartech.com</t>
  </si>
  <si>
    <t>c:\users\paulacris\appdata\local\google\chrome\user data\default\file system\001\t\</t>
  </si>
  <si>
    <t>.usage</t>
  </si>
  <si>
    <t>\\acsfs\deptos\Operacao\PCP\5 - Comum\CONTROL DESK\2 - DAC2\Control Desk AVON\Relatorios\WHATSAPP\2019\12 - Dezembro\Report PA Digital_TOPS_Dezembro.xlsm</t>
  </si>
  <si>
    <t>\\acsfs\profiles$\ALEXANDREMM\</t>
  </si>
  <si>
    <t>Novo Documento de Texto.txt</t>
  </si>
  <si>
    <t>\\acsfs\profiles$\ALEXANDREMM\Novo Documento de Texto.txt</t>
  </si>
  <si>
    <t>Relatorio.Recibo.Ferias_20200102150536210137.pdf.v9mwoax.partial</t>
  </si>
  <si>
    <t>\\acsfs\profiles$\bernardopcm\Downloads\Relatorio.Recibo.Ferias_20200102150536210137.pdf.v9mwoax.partial</t>
  </si>
  <si>
    <t>micheless@algartech.com.br;</t>
  </si>
  <si>
    <t>Mascara_CNF_2019_12.xlsb</t>
  </si>
  <si>
    <t>micheless@algartech.com.br</t>
  </si>
  <si>
    <t>70f9d8b9-e219-4b33-a53e-83a1110f880c.tmp</t>
  </si>
  <si>
    <t>\\acsfs\profiles$\fabianobmf\Downloads\70f9d8b9-e219-4b33-a53e-83a1110f880c.tmp</t>
  </si>
  <si>
    <t>a3bb960b-1f93-4a23-883e-c5a990d5b25b.tmp</t>
  </si>
  <si>
    <t>\\acsfs\profiles$\sarahbal\Downloads\a3bb960b-1f93-4a23-883e-c5a990d5b25b.tmp</t>
  </si>
  <si>
    <t>c2fb1a66-baef-4250-a8e5-a6bedf9a4772.tmp</t>
  </si>
  <si>
    <t>\\acsfs\profiles$\victorgl\Downloads\c2fb1a66-baef-4250-a8e5-a6bedf9a4772.tmp</t>
  </si>
  <si>
    <t>lu154242yupfc.tmp</t>
  </si>
  <si>
    <t>\\acsfs\profiles$\jonatanls\My Documents\lu154242yupfc.tmp</t>
  </si>
  <si>
    <t>lu154242yupfi.tmp</t>
  </si>
  <si>
    <t>\\acsfs\profiles$\jonatanls\My Documents\lu154242yupfi.tmp</t>
  </si>
  <si>
    <t>anavbg@algartech.com;eduardo.santana@bv.com.br;mirianppb@algartech.com;talmaiardo@algartech.com;thiagordu@algartech.com;</t>
  </si>
  <si>
    <t>anavbg@algartech.com,eduardo.santana@bv.com.br,mirianppb@algartech.com,talmaiardo@algartech.com,thiagordu@algartech.com</t>
  </si>
  <si>
    <t>FECHAMENTO RELATORIO.png</t>
  </si>
  <si>
    <t>\\acsfs\DEPTOS\Operacao\Banco_Votorantim\Qualidade\Anderson\Jose\Atualizado\FECHAMENTO RELATORIO.png</t>
  </si>
  <si>
    <t>lu302402r1mi1.tmp</t>
  </si>
  <si>
    <t>\\acsfs\profiles$\jalilebds\Downloads\lu302402r1mi1.tmp</t>
  </si>
  <si>
    <t>\\acsfs\profiles$\laurandos\My Documents\My Videos\</t>
  </si>
  <si>
    <t>\\acsfs\profiles$\laurandos\My Documents\My Videos\desktop.ini</t>
  </si>
  <si>
    <t>\\acsfs\profiles$\laurandos\My Documents\My Pictures\</t>
  </si>
  <si>
    <t>\\acsfs\profiles$\laurandos\My Documents\My Pictures\desktop.ini</t>
  </si>
  <si>
    <t>\\acsfs\profiles$\laurandos\Contacts\</t>
  </si>
  <si>
    <t>\\acsfs\profiles$\laurandos\Contacts\desktop.ini</t>
  </si>
  <si>
    <t>\\acsfs\profiles$\laurandos\Favorites\</t>
  </si>
  <si>
    <t>\\acsfs\profiles$\laurandos\Favorites\desktop.ini</t>
  </si>
  <si>
    <t>\\acsfs\profiles$\laurandos\My Documents\My Music\</t>
  </si>
  <si>
    <t>\\acsfs\profiles$\laurandos\My Documents\My Music\desktop.ini</t>
  </si>
  <si>
    <t>\\acsfs\profiles$\laurandos\Searches\</t>
  </si>
  <si>
    <t>\\acsfs\profiles$\laurandos\Searches\desktop.ini</t>
  </si>
  <si>
    <t>\\acsfs\profiles$\laurandos\Downloads\desktop.ini</t>
  </si>
  <si>
    <t>\\acsfs\profiles$\laurandos\My Documents\</t>
  </si>
  <si>
    <t>\\acsfs\profiles$\laurandos\My Documents\desktop.ini</t>
  </si>
  <si>
    <t>\\acsfs\profiles$\laurandos\Saved Games\</t>
  </si>
  <si>
    <t>\\acsfs\profiles$\laurandos\Saved Games\desktop.ini</t>
  </si>
  <si>
    <t>winrt--{S-1-5-21-602162358-764733703-839522115-358570}-.searchconnector-ms</t>
  </si>
  <si>
    <t>\\acsfs\profiles$\laurandos\Searches\winrt--{S-1-5-21-602162358-764733703-839522115-358570}-.searchconnector-ms</t>
  </si>
  <si>
    <t>f3fef2ff-82bc-4177-ad8a-bbb48786f4eb.tmp</t>
  </si>
  <si>
    <t>\\acsfs\profiles$\laurandos\Downloads\f3fef2ff-82bc-4177-ad8a-bbb48786f4eb.tmp</t>
  </si>
  <si>
    <t>580fd0ea-e0bd-4994-a086-4b8f7f317b20.tmp</t>
  </si>
  <si>
    <t>\\acsfs\profiles$\philipegsf\Downloads\580fd0ea-e0bd-4994-a086-4b8f7f317b20.tmp</t>
  </si>
  <si>
    <t>COORD. DE SOLUCOES DE NEGOCIO - ENGESET</t>
  </si>
  <si>
    <t>10.200.60.107</t>
  </si>
  <si>
    <t>64-1C-67-9C-55-32</t>
  </si>
  <si>
    <t>NB-JOSERAS</t>
  </si>
  <si>
    <t>gustavoas</t>
  </si>
  <si>
    <t>mail.google.com/_/upload?authuser=0&amp;dcp=asu-n&amp;upload_id=AEnB2UpngVlGiHyTKpacefFwup-RGfjHcxcg6vKZpg6io3y_IBLzQFXpN2uqI6jjtl6GdQ-SRHk4D4l9lW6j7S8h_aZWlcvyn803GJVZCEX92MOqM9dmRtg&amp;upload_protocol=resumable</t>
  </si>
  <si>
    <t>C:\Users\gustavoas\Documents\Algar Tech Local\Gestão da área\</t>
  </si>
  <si>
    <t>Novo PTH PPE GAT Orçamento 2020_v5.xlsx</t>
  </si>
  <si>
    <t>fac65bbd-103d-475a-bb6a-c5c4711f75d2.tmp</t>
  </si>
  <si>
    <t>\\acsfs\profiles$\fabianafv\Downloads\fac65bbd-103d-475a-bb6a-c5c4711f75d2.tmp</t>
  </si>
  <si>
    <t>74599bf5-ee14-46a7-b6bf-e78689a8101b.tmp</t>
  </si>
  <si>
    <t>\\acsfs\profiles$\fabianafv\Downloads\74599bf5-ee14-46a7-b6bf-e78689a8101b.tmp</t>
  </si>
  <si>
    <t>C:\Users\wanessabds\Downloads\</t>
  </si>
  <si>
    <t>Base Componentes Versao 19.xlsx</t>
  </si>
  <si>
    <t>d25c395d-25c5-48ec-a2f2-be45a39fe48e.tmp</t>
  </si>
  <si>
    <t>\\acsfs\profiles$\sarahbal\Downloads\d25c395d-25c5-48ec-a2f2-be45a39fe48e.tmp</t>
  </si>
  <si>
    <t>flaviacno@algartech.com</t>
  </si>
  <si>
    <t>andrelps@algartech.com;ouvidoria@algar.com.br;</t>
  </si>
  <si>
    <t>andrelps@algartech.com,ouvidoria@algar.com.br</t>
  </si>
  <si>
    <t>fc246b02-6698-4be6-8da0-7bd3b8059e76.tmp</t>
  </si>
  <si>
    <t>\\acsfs\profiles$\laurandos\Downloads\fc246b02-6698-4be6-8da0-7bd3b8059e76.tmp</t>
  </si>
  <si>
    <t>mail.google.com/sync/u/0/i/s?hl=pt-BR&amp;c=885</t>
  </si>
  <si>
    <t>mail.google.com/sync/u/0/i/s?hl=pt-BR&amp;c=889</t>
  </si>
  <si>
    <t>mail.google.com/sync/u/0/i/s?hl=pt-BR&amp;c=891</t>
  </si>
  <si>
    <t>mail.google.com/sync/u/0/i/s?hl=pt-BR&amp;c=893</t>
  </si>
  <si>
    <t>mail.google.com/sync/u/0/i/s?hl=pt-BR&amp;c=895</t>
  </si>
  <si>
    <t>mail.google.com/sync/u/0/i/s?hl=pt-BR&amp;c=897</t>
  </si>
  <si>
    <t>mail.google.com/sync/u/0/i/s?hl=pt-BR&amp;c=899</t>
  </si>
  <si>
    <t>mail.google.com/sync/u/0/i/s?hl=pt-BR&amp;c=902</t>
  </si>
  <si>
    <t>mail.google.com/sync/u/0/i/s?hl=pt-BR&amp;c=904</t>
  </si>
  <si>
    <t>mail.google.com/sync/u/0/i/s?hl=pt-BR&amp;c=906</t>
  </si>
  <si>
    <t>mail.google.com/sync/u/0/i/s?hl=pt-BR&amp;c=909</t>
  </si>
  <si>
    <t>22279114-dbfc-4198-b11e-d2f8e9efd617.tmp</t>
  </si>
  <si>
    <t>\\acsfs\profiles$\gabrielafs\Downloads\22279114-dbfc-4198-b11e-d2f8e9efd617.tmp</t>
  </si>
  <si>
    <t>anapscl@algartech.com;bonfim.silva@bradesco.com.br;cristiany.caixeta@bradesco.com.br;greiciele.alves@bradesco.com.br;jussaragp@algartech.com;jussaragp@algartech.com.br;leandra.cardoso@bradesco.com.br;micheless@algartech.com.br;patricia.amaral@temposervicos.com.br;patriciaa.lima@temposervicos.com.br;patriciaroa@algartech.com.br;rosemery.silva@bradesco.com.br;</t>
  </si>
  <si>
    <t>Régua BackOffice Agências</t>
  </si>
  <si>
    <t>Bo Agências.xlsx</t>
  </si>
  <si>
    <t>anapscl@algartech.com,bonfim.silva@bradesco.com.br,cristiany.caixeta@bradesco.com.br,greiciele.alves@bradesco.com.br,jussaragp@algartech.com,jussaragp@algartech.com.br,leandra.cardoso@bradesco.com.br,micheless@algartech.com.br,patricia.amaral@temposervicos.com.br,patriciaa.lima@temposervicos.com.br,patriciaroa@algartech.com.br,rosemery.silva@bradesco.com.br</t>
  </si>
  <si>
    <t>431c4ecd-1903-4e62-9574-9d287a7a9b7f.tmp</t>
  </si>
  <si>
    <t>\\acsfs\profiles$\fabianafv\Downloads\431c4ecd-1903-4e62-9574-9d287a7a9b7f.tmp</t>
  </si>
  <si>
    <t>lu3194049o76u.tmp</t>
  </si>
  <si>
    <t>\\acsfs\profiles$\LUCASBS\Planilhas\lu3194049o76u.tmp</t>
  </si>
  <si>
    <t>mail.google.com/sync/u/0/i/s?hl=pt-BR&amp;c=99</t>
  </si>
  <si>
    <t>mail.google.com/sync/u/0/i/s?hl=pt-BR&amp;c=117</t>
  </si>
  <si>
    <t>mail.google.com/sync/u/0/i/s?hl=pt-BR&amp;c=157</t>
  </si>
  <si>
    <t>mail.google.com/sync/u/0/i/s?hl=pt-BR&amp;c=161</t>
  </si>
  <si>
    <t>C:\Users\flaviacno\Downloads\</t>
  </si>
  <si>
    <t>Controle de Erros operacionais - Dezembro -ATUALIZADA (1).xlsb</t>
  </si>
  <si>
    <t>f4eccb96-1c47-4a1a-bbd0-1fec03c29040.tmp</t>
  </si>
  <si>
    <t>\\acsfs\profiles$\gabrieleods\Downloads\f4eccb96-1c47-4a1a-bbd0-1fec03c29040.tmp</t>
  </si>
  <si>
    <t>aa4c9b24-3300-4213-8bf2-df35e830e043.tmp</t>
  </si>
  <si>
    <t>\\acsfs\profiles$\ERICALSR\Downloads\aa4c9b24-3300-4213-8bf2-df35e830e043.tmp</t>
  </si>
  <si>
    <t>mail.google.com/sync/u/0/i/s?hl=pt-BR&amp;c=934</t>
  </si>
  <si>
    <t>mail.google.com/sync/u/0/i/s?hl=pt-BR&amp;c=937</t>
  </si>
  <si>
    <t>catianalv@algartech.com;cpc-controldeskavon@algartech.com;joseasn@algartech.com;lucianarsantos@algartech.com;marianadjc@algartech.com;senildapdo@algartecnologia.com.br;</t>
  </si>
  <si>
    <t>catianalv@algartech.com,cpc-controldeskavon@algartech.com,joseasn@algartech.com,lucianarsantos@algartech.com,marianadjc@algartech.com,senildapdo@algartecnologia.com.br</t>
  </si>
  <si>
    <t>mail.google.com/sync/u/0/i/s?hl=pt-BR&amp;c=944</t>
  </si>
  <si>
    <t>catianalv@algartech.com;cpc-controldeskavon@algartech.com;joseasn@algartech.com;lucianarsantos@algartech.com;marianadjc@algartech.com;senildapdo@algartecnologia.com.br;viniciussg@algartech.com;</t>
  </si>
  <si>
    <t>catianalv@algartech.com,cpc-controldeskavon@algartech.com,joseasn@algartech.com,lucianarsantos@algartech.com,marianadjc@algartech.com,senildapdo@algartecnologia.com.br,viniciussg@algartech.com</t>
  </si>
  <si>
    <t>mail.google.com/sync/u/0/i/s?hl=pt-BR&amp;c=949</t>
  </si>
  <si>
    <t>mail.google.com/sync/u/0/i/s?hl=pt-BR&amp;c=955</t>
  </si>
  <si>
    <t>mail.google.com/sync/u/0/i/s?hl=pt-BR&amp;c=960</t>
  </si>
  <si>
    <t>mail.google.com/sync/u/0/i/s?hl=pt-BR&amp;c=965</t>
  </si>
  <si>
    <t>algartechcpcbv@algartech.com;andrelpsa@algartech.com;catianalv@algartech.com;cpc-controldeskavon@algartech.com;joseasn@algartech.com;josiascdsj@algartech.com;leonardoao@algartech.com;lucianarsantos@algartech.com;marianadjc@algartech.com;paulacn@algartech.com;qualidadealgarbv@algartech.com;rafaelggs@algartech.com;senildapdo@algartecnologia.com.br;supervisaobancovotorantim@algartech.com;taysdss@algartech.com;thiagolrc@bv.algartech.com;viniciussg@algartech.com;</t>
  </si>
  <si>
    <t>algartechcpcbv@algartech.com,andrelpsa@algartech.com,catianalv@algartech.com,cpc-controldeskavon@algartech.com,joseasn@algartech.com,josiascdsj@algartech.com,leonardoao@algartech.com,lucianarsantos@algartech.com,marianadjc@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970</t>
  </si>
  <si>
    <t>mail.google.com/sync/u/0/i/s?hl=pt-BR&amp;c=975</t>
  </si>
  <si>
    <t>mail.google.com/sync/u/0/i/s?hl=pt-BR&amp;c=980</t>
  </si>
  <si>
    <t>mail.google.com/sync/u/0/i/s?hl=pt-BR&amp;c=986</t>
  </si>
  <si>
    <t>mail.google.com/sync/u/0/i/s?hl=pt-BR&amp;c=991</t>
  </si>
  <si>
    <t>lu228362gud0x.tmp</t>
  </si>
  <si>
    <t>\\acsfs\profiles$\victoriaksr\My Documents\lu228362gud0x.tmp</t>
  </si>
  <si>
    <t>lu228362gud10.tmp</t>
  </si>
  <si>
    <t>\\acsfs\profiles$\victoriaksr\My Documents\lu228362gud10.tmp</t>
  </si>
  <si>
    <t>https://www.portalfornecedores.tim.com.br/sap/bc/webdynpro/sap/zwd_cf/;sap-ext-sid=npzi36dclssglynj8itjsw--cob2xskx6gmihlaxzduu3q--/~wd_key/?sap-contextid=sid:anon:hsapp1s_p1s_00:2fd4bb3m1jz3egcjqsvoizxojadhzbqclfc8b8jw-new&amp;sap-wd-resource-id=wd24&amp;sap-wd-secure-id=b869c988455d775bfafcb53d2d4dc4c5</t>
  </si>
  <si>
    <t>C:\Users\lauravx\Downloads\</t>
  </si>
  <si>
    <t>Pedidos - 2020-01-02T151741.055.csv</t>
  </si>
  <si>
    <t>https://www.portalfornecedores.tim.com.br/sap/bc/webdynpro/sap/zwd_cf/;sap-ext-sid=npzi36dclssglynj8itjsw--emnl5lc0nvgrsg4lc96lrg--/~wd_key/?sap-contextid=sid:anon:hsapp1s_p1s_00:2fd4gyfu-bxtaby-vltqiitdejlgzbqalfcy4wpc-new&amp;sap-wd-resource-id=wd24&amp;sap-wd-secure-id=16d5cb799b17ac7d378619d87aa62fd5</t>
  </si>
  <si>
    <t>Pedidos - 2020-01-02T151900.075.csv</t>
  </si>
  <si>
    <t>d606dd17-5735-4e71-838d-0c1fe3926725.tmp</t>
  </si>
  <si>
    <t>\\acsfs\profiles$\fabianafv\Downloads\d606dd17-5735-4e71-838d-0c1fe3926725.tmp</t>
  </si>
  <si>
    <t>mail.google.com/_/upload?authuser=0&amp;dcp=asu-n&amp;upload_id=AEnB2Ur4Uq0DpyulRxGoe4Rwsw4VO0G69R9gUzIKq7CnOiJfLlTD4KtJgfnpXiXTxH3t4VP97huBT0YVGN0V62fPKg5Phik61HVK1vPMkf7bRrqg8ObfkAM&amp;upload_protocol=resumable</t>
  </si>
  <si>
    <t>Karen de Souza Rodrigues_1_6756894489189625616_1_32.wav</t>
  </si>
  <si>
    <t>23097be5-cef4-4067-a705-ff0acf5dfae2.tmp</t>
  </si>
  <si>
    <t>\\acsfs\profiles$\regisadsa\Downloads\23097be5-cef4-4067-a705-ff0acf5dfae2.tmp</t>
  </si>
  <si>
    <t>b5e921ee-b306-4e8a-9cfb-4570704970d6.tmp</t>
  </si>
  <si>
    <t>\\acsfs\profiles$\mariagsg\Downloads\b5e921ee-b306-4e8a-9cfb-4570704970d6.tmp</t>
  </si>
  <si>
    <t>marianacgs@algartech.com</t>
  </si>
  <si>
    <t>785d4181-3ce0-4f75-b802-e16b7246b09d.tmp</t>
  </si>
  <si>
    <t>\\acsfs\profiles$\gabrieleods\Downloads\785d4181-3ce0-4f75-b802-e16b7246b09d.tmp</t>
  </si>
  <si>
    <t>63355f58-3c4b-4cef-845c-839183518781.tmp</t>
  </si>
  <si>
    <t>\\acsfs\profiles$\alinepp\Downloads\63355f58-3c4b-4cef-845c-839183518781.tmp</t>
  </si>
  <si>
    <t>mail.google.com/sync/u/0/i/s?hl=pt-BR&amp;c=996</t>
  </si>
  <si>
    <t>mail.google.com/sync/u/0/i/s?hl=pt-BR&amp;c=1003</t>
  </si>
  <si>
    <t>https://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cb2182b3-e937-4d55-a9a1-d69f6a0e217b.tmp</t>
  </si>
  <si>
    <t>\\acsfs\profiles$\rafaelahpn\Downloads\cb2182b3-e937-4d55-a9a1-d69f6a0e217b.tmp</t>
  </si>
  <si>
    <t>95bdc107-43b8-4f53-8c52-8cf2f9db4131.tmp</t>
  </si>
  <si>
    <t>\\acsfs\profiles$\gabrielafs\Downloads\95bdc107-43b8-4f53-8c52-8cf2f9db4131.tmp</t>
  </si>
  <si>
    <t>Relatorio.Recibo.Ferias_20200102152301210137.pdf.tubwx9u.partial</t>
  </si>
  <si>
    <t>\\acsfs\profiles$\bernardopcm\Downloads\Relatorio.Recibo.Ferias_20200102152301210137.pdf.tubwx9u.partial</t>
  </si>
  <si>
    <t>Relatorio.Recibo.Ferias_20200102152352210137.pdf.9r7ez5e.partial</t>
  </si>
  <si>
    <t>\\acsfs\profiles$\bernardopcm\Downloads\Relatorio.Recibo.Ferias_20200102152352210137.pdf.9r7ez5e.partial</t>
  </si>
  <si>
    <t>Relatorio.Recibo.Ferias_20200102152437210137.pdf.wylw9gr.partial</t>
  </si>
  <si>
    <t>\\acsfs\profiles$\bernardopcm\Downloads\Relatorio.Recibo.Ferias_20200102152437210137.pdf.wylw9gr.partial</t>
  </si>
  <si>
    <t>6fb2e907-6067-4f58-88f5-bb31c2e10625.tmp</t>
  </si>
  <si>
    <t>\\acsfs\profiles$\fabianafv\Downloads\6fb2e907-6067-4f58-88f5-bb31c2e10625.tmp</t>
  </si>
  <si>
    <t>lu154242yupfo.tmp</t>
  </si>
  <si>
    <t>\\acsfs\profiles$\jonatanls\My Documents\lu154242yupfo.tmp</t>
  </si>
  <si>
    <t>backofficebv@dxc.com;jean.loiola@bv.com.br;larissa.alcantara@bv.com.br;marianeps@algartech.com;talmaiardo@algartech.com;thiagordu@algartech.com;</t>
  </si>
  <si>
    <t>backofficebv@dxc.com,jean.loiola@bv.com.br,larissa.alcantara@bv.com.br,marianeps@algartech.com,talmaiardo@algartech.com,thiagordu@algartech.com</t>
  </si>
  <si>
    <t>Relatorio de Vendas - Auditoria BV Cartoes (Dezembro)_FECHAMENTO.xlsx</t>
  </si>
  <si>
    <t>\\acsfs\DEPTOS\Operacao\Banco_Votorantim\Qualidade\Anderson\Jose\Atualizado\Relatorio de Vendas - Auditoria BV Cartoes (Dezembro)_FECHAMENTO.xlsx</t>
  </si>
  <si>
    <t>be26250d-c278-4e17-8a86-f15b43202e7a.tmp</t>
  </si>
  <si>
    <t>\\acsfs\profiles$\philipegsf\Downloads\be26250d-c278-4e17-8a86-f15b43202e7a.tmp</t>
  </si>
  <si>
    <t>6f87507e-f50d-48ed-b5d0-929075f9eaa9.tmp</t>
  </si>
  <si>
    <t>\\acsfs\profiles$\andreapdsg\Downloads\6f87507e-f50d-48ed-b5d0-929075f9eaa9.tmp</t>
  </si>
  <si>
    <t>Q29udHJvbGxlci5QYXl3YXJl (18).ica</t>
  </si>
  <si>
    <t>\\acsfs\profiles$\andreapdsg\Downloads\Q29udHJvbGxlci5QYXl3YXJl (18).ica</t>
  </si>
  <si>
    <t>e581ab9f-a7de-425f-9fe5-8f91da561384.tmp</t>
  </si>
  <si>
    <t>\\acsfs\profiles$\andreapdsg\Downloads\e581ab9f-a7de-425f-9fe5-8f91da561384.tmp</t>
  </si>
  <si>
    <t>489f456f-a40a-42fd-a488-da6f39f1ae4f.tmp</t>
  </si>
  <si>
    <t>\\acsfs\profiles$\andreapdsg\Downloads\489f456f-a40a-42fd-a488-da6f39f1ae4f.tmp</t>
  </si>
  <si>
    <t>8078e242-87f3-4aa4-9c14-a0fc65690130.tmp</t>
  </si>
  <si>
    <t>\\acsfs\profiles$\JOAOVAL\Downloads\8078e242-87f3-4aa4-9c14-a0fc65690130.tmp</t>
  </si>
  <si>
    <t>backofficebv@dxc.com;jean.loiola@bv.com.br;larissa.alcantara@bv.com.br;marianeps@algartech.com;mirianppb@algartech.com;thiagordu@algartech.com;</t>
  </si>
  <si>
    <t>backofficebv@dxc.com,jean.loiola@bv.com.br,larissa.alcantara@bv.com.br,marianeps@algartech.com,mirianppb@algartech.com,thiagordu@algartech.com</t>
  </si>
  <si>
    <t>d3403d1f-c45c-4468-b014-a16428c46967.tmp</t>
  </si>
  <si>
    <t>\\acsfs\profiles$\mariajra\Downloads\d3403d1f-c45c-4468-b014-a16428c46967.tmp</t>
  </si>
  <si>
    <t>Não confirmado 101296.crdownload</t>
  </si>
  <si>
    <t>\\acsfs\profiles$\gabrieleods\Downloads\Não confirmado 101296.crdownload</t>
  </si>
  <si>
    <t>XLOG_vanessacgs_02012020_080925.log</t>
  </si>
  <si>
    <t>\\acsfs\profiles$\vanessacgs\My Documents\xworkcenter\logs\XLOG_vanessacgs_02012020_080925.log</t>
  </si>
  <si>
    <t>\\acsfs\profiles$\vanessacgs\Favorites\pausas.url\</t>
  </si>
  <si>
    <t>\\acsfs\profiles$\vanessacgs\Favorites\pausas.url\:favicon:$DATA</t>
  </si>
  <si>
    <t>pausas.url</t>
  </si>
  <si>
    <t>\\acsfs\profiles$\vanessacgs\Favorites\pausas.url</t>
  </si>
  <si>
    <t>9ee088d0-3ebf-4a36-8c2a-cc57ad177fa6.tmp</t>
  </si>
  <si>
    <t>\\acsfs\profiles$\gabrielarb\Downloads\9ee088d0-3ebf-4a36-8c2a-cc57ad177fa6.tmp</t>
  </si>
  <si>
    <t>b0a6f3bd-8a14-4384-9759-bc427f0cc258.tmp</t>
  </si>
  <si>
    <t>\\acsfs\profiles$\regisedsj\Downloads\b0a6f3bd-8a14-4384-9759-bc427f0cc258.tmp</t>
  </si>
  <si>
    <t>21a5922e-1bf8-4581-a4d3-e735f49f0dbd.tmp</t>
  </si>
  <si>
    <t>\\acsfs\profiles$\gabrielamdp\Downloads\21a5922e-1bf8-4581-a4d3-e735f49f0dbd.tmp</t>
  </si>
  <si>
    <t>lu4915684hbl6.tmp</t>
  </si>
  <si>
    <t>\\acsfs\profiles$\LUISPLS\My Documents\Nova pasta\lu4915684hbl6.tmp</t>
  </si>
  <si>
    <t>\\acsfs\profiles$\LUISPLS\My Documents\Nova pasta\lu4915684hbl6.tmp\</t>
  </si>
  <si>
    <t>\\acsfs\profiles$\LUISPLS\My Documents\Nova pasta\lu4915684hbl6.tmp\META-INF\</t>
  </si>
  <si>
    <t>\\acsfs\profiles$\LUISPLS\My Documents\Nova pasta\lu4915684hbl6.tmp\Thumbnails\</t>
  </si>
  <si>
    <t>https://www.portalfornecedores.tim.com.br/sap/bc/webdynpro/sap/zwd_cf/;sap-ext-sid=npzi36dclssglynj8itjsw--cob2xskx6gmihlaxzduu3q--/~wd_key/?sap-contextid=sid:anon:hsapp1s_p1s_00:2fd49aqaewnxlecichol_yhqew3hzboojfb7tje3-new&amp;sap-wd-resource-id=wd24&amp;sap-wd-secure-id=024f66027c58c08fcf9a1edb7d944c12</t>
  </si>
  <si>
    <t>Pedidos - 2020-01-02T153343.268.csv</t>
  </si>
  <si>
    <t>Pedidos - 2020-01-02T153505.080.csv</t>
  </si>
  <si>
    <t>https://www.portalfornecedores.tim.com.br/sap/bc/webdynpro/sap/zwd_cf/;sap-ext-sid=npzi36dclssglynj8itjsw--cob2xskx6gmihlaxzduu3q--/~wd_key/?sap-contextid=sid:anon:hsapp1s_p1s_00:2fd4pnl1sa5f1ckmxj_jkfbkdnbhzbofj1b5q7gn-new&amp;sap-wd-resource-id=wd24&amp;sap-wd-secure-id=0fe93f2025407936d7bacf3f381d4db4</t>
  </si>
  <si>
    <t>Pedidos - 2020-01-02T153618.834.csv</t>
  </si>
  <si>
    <t>https://www.portalfornecedores.tim.com.br/sap/bc/webdynpro/sap/zwd_cf/;sap-ext-sid=npzi36dclssglynj8itjsw--k2jdzyy*obi_d6n6zjic2w--/~wd_key/?sap-contextid=sid:anon:hsapp1s_p1s_00:2fd4ynjsvoa1tb4nwpukxclptwvgzbqjj1caix2b-new&amp;sap-wd-resource-id=wd24&amp;sap-wd-secure-id=9a32ead0c51529d37e2082751646c1a6</t>
  </si>
  <si>
    <t>\\acsfs\profiles$\flaviacdst\Favorites\Início - 1.url\</t>
  </si>
  <si>
    <t>\\acsfs\profiles$\flaviacdst\Favorites\Início - 1.url\:favicon:$DATA</t>
  </si>
  <si>
    <t>Início - 1.url</t>
  </si>
  <si>
    <t>\\acsfs\profiles$\flaviacdst\Favorites\Início - 1.url</t>
  </si>
  <si>
    <t>10.200.36.23</t>
  </si>
  <si>
    <t>64-1C-67-9C-54-29</t>
  </si>
  <si>
    <t>NB-HUMBERTOECJ</t>
  </si>
  <si>
    <t>humbertoecj</t>
  </si>
  <si>
    <t>humbertoecj@algartech.com</t>
  </si>
  <si>
    <t>mail.google.com/_/upload?authuser=0&amp;dcp=asu-n&amp;upload_id=AEnB2UqVR7Cv0MefGrjlbHQWTXphhju0wnQUOnhDe2qXm61-e8ZWtd4gqrnuz9C1iOYRkU9_het4A_greeqc6ePrVUu1CrS0rZlOQVaMlVP0GVo2TZR_paw&amp;upload_protocol=resumable</t>
  </si>
  <si>
    <t>C:\Projetos\AVON\SUPORTE\45_URA_SAR_Extracao_Assuntos_Navegacao\</t>
  </si>
  <si>
    <t>URA_SAR_Assuntos_DEZ2019.csv</t>
  </si>
  <si>
    <t>mail.google.com/sync/u/0/i/s?hl=pt-BR&amp;c=173</t>
  </si>
  <si>
    <t>backofficebv@dxc.com;bvs-centralcartoes@bvfinanceira.com.br;fabianacscg@algartech.com;fernandorsju@algartech.com;jean.loiola@bv.com.br;larissa.alcantara@bv.com.br;marianeps@algartech.com;talmaiardo@algartech.com;thiagordu@algartech.com;</t>
  </si>
  <si>
    <t>backofficebv@dxc.com,bvs-centralcartoes@bvfinanceira.com.br,fabianacscg@algartech.com,fernandorsju@algartech.com,jean.loiola@bv.com.br,larissa.alcantara@bv.com.br,marianeps@algartech.com,talmaiardo@algartech.com,thiagordu@algartech.com</t>
  </si>
  <si>
    <t>mail.google.com/sync/u/0/i/s?hl=pt-BR&amp;c=182</t>
  </si>
  <si>
    <t>828b3403-145f-4c36-88a2-e0a57df884cd.tmp</t>
  </si>
  <si>
    <t>\\acsfs\profiles$\rafaelahpn\Downloads\828b3403-145f-4c36-88a2-e0a57df884cd.tmp</t>
  </si>
  <si>
    <t>acea4c81-b15b-4b18-9a5f-5c7650d31d08.tmp</t>
  </si>
  <si>
    <t>\\acsfs\profiles$\laylaams\Downloads\acea4c81-b15b-4b18-9a5f-5c7650d31d08.tmp</t>
  </si>
  <si>
    <t>Pedidos - 2020-01-02T153916.438.csv</t>
  </si>
  <si>
    <t>1246e28b-2601-48ad-9d2c-8e9c8a0adfa4.tmp</t>
  </si>
  <si>
    <t>\\acsfs\profiles$\jonatanls\Downloads\1246e28b-2601-48ad-9d2c-8e9c8a0adfa4.tmp</t>
  </si>
  <si>
    <t>$IIKA757.pdf</t>
  </si>
  <si>
    <t>\\acsfs\profiles$\jonatanls\Downloads\$RECYCLE.BIN\$IIKA757.pdf</t>
  </si>
  <si>
    <t>$IZS9RND.pdf</t>
  </si>
  <si>
    <t>\\acsfs\profiles$\jonatanls\Downloads\$RECYCLE.BIN\$IZS9RND.pdf</t>
  </si>
  <si>
    <t>$IRDK8FK.pdf</t>
  </si>
  <si>
    <t>\\acsfs\profiles$\jonatanls\Downloads\$RECYCLE.BIN\$IRDK8FK.pdf</t>
  </si>
  <si>
    <t>$ILZE256.pdf</t>
  </si>
  <si>
    <t>\\acsfs\profiles$\jonatanls\Downloads\$RECYCLE.BIN\$ILZE256.pdf</t>
  </si>
  <si>
    <t>dd60f096-a9d2-4be4-9965-083f10928013.tmp</t>
  </si>
  <si>
    <t>\\acsfs\profiles$\jonatanls\Downloads\dd60f096-a9d2-4be4-9965-083f10928013.tmp</t>
  </si>
  <si>
    <t>mail.google.com/sync/u/0/i/s?hl=pt-BR&amp;c=205</t>
  </si>
  <si>
    <t>mail.google.com/sync/u/0/i/s?hl=pt-BR&amp;c=256</t>
  </si>
  <si>
    <t>3a7a23c5-e035-4aca-a76f-3dd3e4f01fc0.tmp</t>
  </si>
  <si>
    <t>\\acsfs\profiles$\matheusmax\Downloads\3a7a23c5-e035-4aca-a76f-3dd3e4f01fc0.tmp</t>
  </si>
  <si>
    <t>mail.google.com/sync/u/0/i/s?hl=pt-BR&amp;c=782</t>
  </si>
  <si>
    <t>andrelpsa@algartech.com;gabrielsma@algartech.com;robsonams@algartech.com;supervisaobancovotorantim@algartech.com;</t>
  </si>
  <si>
    <t>andrelpsa@algartech.com,gabrielsma@algartech.com,robsonams@algartech.com,supervisaobancovotorantim@algartech.com</t>
  </si>
  <si>
    <t>mail.google.com/sync/u/0/i/s?hl=pt-BR&amp;c=784</t>
  </si>
  <si>
    <t>mail.google.com/sync/u/0/i/s?hl=pt-BR&amp;c=786</t>
  </si>
  <si>
    <t>robsonams@algartech.com;</t>
  </si>
  <si>
    <t>mail.google.com/sync/u/0/i/s?hl=pt-BR&amp;c=790</t>
  </si>
  <si>
    <t>andrelpsa@algartech.com;fabianacscg@algartech.com;mirianppb@algartech.com;qualidadealgarbv@algartech.com;robsonams@algartech.com;talmaiardo@algartech.com;</t>
  </si>
  <si>
    <t>andrelpsa@algartech.com,fabianacscg@algartech.com,mirianppb@algartech.com,qualidadealgarbv@algartech.com,robsonams@algartech.com,talmaiardo@algartech.com</t>
  </si>
  <si>
    <t>mail.google.com/sync/u/0/i/s?hl=pt-BR&amp;c=796</t>
  </si>
  <si>
    <t>1fcc01cb-31be-4dcc-87ad-147be55d72f6.tmp</t>
  </si>
  <si>
    <t>\\acsfs\profiles$\myllenardl\Downloads\1fcc01cb-31be-4dcc-87ad-147be55d72f6.tmp</t>
  </si>
  <si>
    <t>b3e04d64-73e7-40cd-b4aa-1aee57e1818c.tmp</t>
  </si>
  <si>
    <t>\\acsfs\profiles$\myllenardl\Downloads\b3e04d64-73e7-40cd-b4aa-1aee57e1818c.tmp</t>
  </si>
  <si>
    <t>67db60ea-82fc-4390-abd6-6c8c23aaf694.tmp</t>
  </si>
  <si>
    <t>\\acsfs\profiles$\larissaad\Downloads\67db60ea-82fc-4390-abd6-6c8c23aaf694.tmp</t>
  </si>
  <si>
    <t>mail.google.com/sync/u/0/i/s?hl=pt-BR&amp;c=1043</t>
  </si>
  <si>
    <t>mail.google.com/sync/u/0/i/s?hl=pt-BR&amp;c=1046</t>
  </si>
  <si>
    <t>mail.google.com/sync/u/0/i/s?hl=pt-BR&amp;c=1048</t>
  </si>
  <si>
    <t>mail.google.com/sync/u/0/i/s?hl=pt-BR&amp;c=1050</t>
  </si>
  <si>
    <t>mail.google.com/sync/u/0/i/s?hl=pt-BR&amp;c=1052</t>
  </si>
  <si>
    <t>mail.google.com/sync/u/0/i/s?hl=pt-BR&amp;c=1054</t>
  </si>
  <si>
    <t>mail.google.com/sync/u/0/i/s?hl=pt-BR&amp;c=1057</t>
  </si>
  <si>
    <t>mail.google.com/sync/u/0/i/s?hl=pt-BR&amp;c=1061</t>
  </si>
  <si>
    <t>mail.google.com/sync/u/0/i/s?hl=pt-BR&amp;c=1064</t>
  </si>
  <si>
    <t>mail.google.com/sync/u/0/i/s?hl=pt-BR&amp;c=1066</t>
  </si>
  <si>
    <t>algartechcpcbv@algartech.com;andrelpsa@algartech.com;catianalv@algartech.com;cpc-controldeskavon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lgartechcpcbv@algartech.com,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ecbe8a33-f887-4735-a2de-6d0c5dcec2c8.tmp</t>
  </si>
  <si>
    <t>\\acsfs\profiles$\LUISPLS\Downloads\ecbe8a33-f887-4735-a2de-6d0c5dcec2c8.tmp</t>
  </si>
  <si>
    <t>2f645f1f-9b71-4a00-b6b2-aa33d88b8a9a.tmp</t>
  </si>
  <si>
    <t>\\acsfs\profiles$\leticiala\Downloads\2f645f1f-9b71-4a00-b6b2-aa33d88b8a9a.tmp</t>
  </si>
  <si>
    <t>9782c6b5-52aa-47a4-8f41-80eff84afd5e.tmp</t>
  </si>
  <si>
    <t>\\acsfs\profiles$\leticiala\Downloads\9782c6b5-52aa-47a4-8f41-80eff84afd5e.tmp</t>
  </si>
  <si>
    <t>mail.google.com/_/upload?authuser=0&amp;dcp=asu-n&amp;upload_id=AEnB2Up73j63Y5XkU1FZEJEDAQ2C1cHMBpYtZXHCzmQQT-7L4f3nnAUEYL-R9XgDHD0IBz89V3kq2xkxiXGBT0PzzFC1goEOpA&amp;upload_protocol=resumable</t>
  </si>
  <si>
    <t>Luana Rosa de Almeida_1_6764366254815905429_1_32.wav</t>
  </si>
  <si>
    <t>backofficebv@dxc.com;jean.loiola@bv.com.br;larissa.alcantara@bv.com.br;lilianls@algartech.com;marianeps@algartech.com;talmaiardo@algartech.com;thiagordu@algartech.com;</t>
  </si>
  <si>
    <t>backofficebv@dxc.com,jean.loiola@bv.com.br,larissa.alcantara@bv.com.br,lilianls@algartech.com,marianeps@algartech.com,talmaiardo@algartech.com,thiagordu@algartech.com</t>
  </si>
  <si>
    <t>mail.google.com/sync/u/0/i/s?hl=pt-BR&amp;c=233</t>
  </si>
  <si>
    <t>lilianls@algartech.com;</t>
  </si>
  <si>
    <t>lilianls@algartech.com</t>
  </si>
  <si>
    <t>kesiadof@algartech.com;lilianls@algartech.com;</t>
  </si>
  <si>
    <t>kesiadof@algartech.com,lilianls@algartech.com</t>
  </si>
  <si>
    <t>de22fd04-8cea-4802-866a-3ae94aa11133.tmp</t>
  </si>
  <si>
    <t>\\acsfs\profiles$\quindaizaagds\Downloads\de22fd04-8cea-4802-866a-3ae94aa11133.tmp</t>
  </si>
  <si>
    <t>e2925a43-d121-494d-a48d-9c9817338d2f.tmp</t>
  </si>
  <si>
    <t>\\acsfs\profiles$\quindaizaagds\Downloads\e2925a43-d121-494d-a48d-9c9817338d2f.tmp</t>
  </si>
  <si>
    <t>\\acsfs\profiles$\websondsa\My Documents\</t>
  </si>
  <si>
    <t>Bloco.txt</t>
  </si>
  <si>
    <t>\\acsfs\profiles$\websondsa\My Documents\Bloco.txt</t>
  </si>
  <si>
    <t>mail.google.com/sync/u/0/i/s?hl=pt-BR&amp;c=1068</t>
  </si>
  <si>
    <t>mail.google.com/sync/u/0/i/s?hl=pt-BR&amp;c=1072</t>
  </si>
  <si>
    <t>mail.google.com/sync/u/0/i/s?hl=pt-BR&amp;c=1077</t>
  </si>
  <si>
    <t>mail.google.com/sync/u/0/i/s?hl=pt-BR&amp;c=1082</t>
  </si>
  <si>
    <t>mail.google.com/sync/u/0/i/s?hl=pt-BR&amp;c=1088</t>
  </si>
  <si>
    <t>mail.google.com/sync/u/0/i/s?hl=pt-BR&amp;c=1093</t>
  </si>
  <si>
    <t>mail.google.com/sync/u/0/i/s?hl=pt-BR&amp;c=1098</t>
  </si>
  <si>
    <t>mail.google.com/sync/u/0/i/s?hl=pt-BR&amp;c=1103</t>
  </si>
  <si>
    <t>mail.google.com/sync/u/0/i/s?hl=pt-BR&amp;c=1110</t>
  </si>
  <si>
    <t>mail.google.com/sync/u/0/i/s?hl=pt-BR&amp;c=1115</t>
  </si>
  <si>
    <t>mail.google.com/sync/u/0/i/s?hl=pt-BR&amp;c=1121</t>
  </si>
  <si>
    <t>adrianofo@algartech.com.br;</t>
  </si>
  <si>
    <t>ENC: EXTERNAL: Re: RES: SALDO CREDOR UNE</t>
  </si>
  <si>
    <t>Re RES SALDO CREDOR UNE.msg\s1\</t>
  </si>
  <si>
    <t>SALDO CREDOR UNE.xlsx</t>
  </si>
  <si>
    <t>adrianofo@algartech.com.br</t>
  </si>
  <si>
    <t>ligiagb@algartech.com;ligiagb@algartech.com.br;</t>
  </si>
  <si>
    <t>ENC: URGENTE _ TRN MIGRAÇÃO FULL</t>
  </si>
  <si>
    <t>MIGRAÇÃO FULL.xlsx</t>
  </si>
  <si>
    <t>ligiagb@algartech.com,ligiagb@algartech.com.br</t>
  </si>
  <si>
    <t>8d314e23-1253-47ad-9c2c-899568e5debf.tmp</t>
  </si>
  <si>
    <t>\\acsfs\profiles$\gabrielamdp\Downloads\8d314e23-1253-47ad-9c2c-899568e5debf.tmp</t>
  </si>
  <si>
    <t>88ada61f-622e-4c94-9825-09b07fecebb8.tmp</t>
  </si>
  <si>
    <t>\\acsfs\profiles$\gabrielamdp\Downloads\88ada61f-622e-4c94-9825-09b07fecebb8.tmp</t>
  </si>
  <si>
    <t>lu75796a08irp.tmp</t>
  </si>
  <si>
    <t>\\acsfs\DEPTOS\Operacao\Banco_Votorantim\Supervisao\SUPERS BV CARTÕES\ANA VITORIA\APOIO\lu75796a08irp.tmp</t>
  </si>
  <si>
    <t>\\acsfs\DEPTOS\Operacao\Banco_Votorantim\Supervisao\SUPERS BV CARTÕES\ANA VITORIA\APOIO\lu75796a08irp.tmp\</t>
  </si>
  <si>
    <t>\\acsfs\DEPTOS\Operacao\Banco_Votorantim\Supervisao\SUPERS BV CARTÕES\ANA VITORIA\APOIO\lu75796a08irp.tmp\META-INF\</t>
  </si>
  <si>
    <t>\\acsfs\DEPTOS\Operacao\Banco_Votorantim\Supervisao\SUPERS BV CARTÕES\ANA VITORIA\APOIO\lu75796a08irp.tmp\Thumbnails\</t>
  </si>
  <si>
    <t>a9528c2b-1029-4d69-9c8d-cf46847568d1.tmp</t>
  </si>
  <si>
    <t>\\acsfs\profiles$\mariagsg\Downloads\a9528c2b-1029-4d69-9c8d-cf46847568d1.tmp</t>
  </si>
  <si>
    <t>XLOG_tiagosno_02012020_075152.log</t>
  </si>
  <si>
    <t>\\acsfs\profiles$\tiagosno\My Documents\xworkcenter\logs\XLOG_tiagosno_02012020_075152.log</t>
  </si>
  <si>
    <t>5da1aa0b-900c-47f2-a00b-9ef67217fa21.tmp</t>
  </si>
  <si>
    <t>\\acsfs\profiles$\fabianobmf\Downloads\5da1aa0b-900c-47f2-a00b-9ef67217fa21.tmp</t>
  </si>
  <si>
    <t>cb290f46-64e5-4226-b4e7-f07d99a0aa7c.tmp</t>
  </si>
  <si>
    <t>\\acsfs\profiles$\luanaagl\Downloads\cb290f46-64e5-4226-b4e7-f07d99a0aa7c.tmp</t>
  </si>
  <si>
    <t>lu302402r1mig.tmp</t>
  </si>
  <si>
    <t>\\acsfs\profiles$\jalilebds\Downloads\lu302402r1mig.tmp</t>
  </si>
  <si>
    <t>bba1a662-f9be-405b-97fe-92c903329336.tmp</t>
  </si>
  <si>
    <t>\\acsfs\profiles$\geovannasm\Downloads\bba1a662-f9be-405b-97fe-92c903329336.tmp</t>
  </si>
  <si>
    <t>lu302402r1mij.tmp</t>
  </si>
  <si>
    <t>\\acsfs\profiles$\jalilebds\Downloads\lu302402r1mij.tmp</t>
  </si>
  <si>
    <t>lu302402r1mim.tmp</t>
  </si>
  <si>
    <t>\\acsfs\profiles$\jalilebds\Downloads\lu302402r1mim.tmp</t>
  </si>
  <si>
    <t>88e52bc6-4363-48f4-bc45-b743dcbcd7fb.tmp</t>
  </si>
  <si>
    <t>\\acsfs\profiles$\erichds\Downloads\88e52bc6-4363-48f4-bc45-b743dcbcd7fb.tmp</t>
  </si>
  <si>
    <t>8fb4432c-974f-4ac3-83d1-df4fef24d000.tmp</t>
  </si>
  <si>
    <t>\\acsfs\profiles$\larissaad\Downloads\8fb4432c-974f-4ac3-83d1-df4fef24d000.tmp</t>
  </si>
  <si>
    <t>2b01e5a9-d09e-4b4d-985a-553558cd1f11.tmp</t>
  </si>
  <si>
    <t>\\acsfs\profiles$\michelerds\Downloads\2b01e5a9-d09e-4b4d-985a-553558cd1f11.tmp</t>
  </si>
  <si>
    <t>716fed49-3b04-43dd-bcd9-94e70cd3d3d3.tmp</t>
  </si>
  <si>
    <t>\\acsfs\profiles$\geovannasm\Downloads\716fed49-3b04-43dd-bcd9-94e70cd3d3d3.tmp</t>
  </si>
  <si>
    <t>7ed30dda-1573-4ae5-be63-e9e75ee378fc.tmp</t>
  </si>
  <si>
    <t>\\acsfs\profiles$\deborahsi\Downloads\7ed30dda-1573-4ae5-be63-e9e75ee378fc.tmp</t>
  </si>
  <si>
    <t>8256bfd7-8f66-4207-9005-49c1bc13d46b.tmp</t>
  </si>
  <si>
    <t>\\acsfs\profiles$\cintiadjl\Downloads\8256bfd7-8f66-4207-9005-49c1bc13d46b.tmp</t>
  </si>
  <si>
    <t>\\acsfs\profiles$\quindaizaagds\My Documents\My Pictures\</t>
  </si>
  <si>
    <t>\\acsfs\profiles$\quindaizaagds\My Documents\My Pictures\VENDAS.txt</t>
  </si>
  <si>
    <t>ccc80fe2-c808-4872-87c9-c7f8c0796760.tmp</t>
  </si>
  <si>
    <t>\\acsfs\profiles$\mariagsg\Downloads\ccc80fe2-c808-4872-87c9-c7f8c0796760.tmp</t>
  </si>
  <si>
    <t>65db271e-e276-43d4-9396-0163bed3c5d2.tmp</t>
  </si>
  <si>
    <t>\\acsfs\profiles$\myllenardl\Downloads\65db271e-e276-43d4-9396-0163bed3c5d2.tmp</t>
  </si>
  <si>
    <t>8900303f-b377-485d-ab63-3cd20e245bc3.tmp</t>
  </si>
  <si>
    <t>\\acsfs\profiles$\myllenardl\Downloads\8900303f-b377-485d-ab63-3cd20e245bc3.tmp</t>
  </si>
  <si>
    <t>18-66-DA-FE-9B-60</t>
  </si>
  <si>
    <t>NB-RICARDOBAL</t>
  </si>
  <si>
    <t>ricardobal</t>
  </si>
  <si>
    <t>C:\Users\ricardobal\Downloads\</t>
  </si>
  <si>
    <t>COORDENACAO DE GOVERNANCA CORPORATIVA GRC</t>
  </si>
  <si>
    <t>64-1C-67-9C-55-38</t>
  </si>
  <si>
    <t>NB-LUCASAV</t>
  </si>
  <si>
    <t>lucasav</t>
  </si>
  <si>
    <t>mail.google.com/_/upload?authuser=1&amp;dcp=asu-n&amp;upload_id=AEnB2UpiNfGBLI3kzlozbGIwk0lqvmya1r6M7rv5Z4M3m2aTSJukjXaP3f4D1K81be9sitHroq8-fXkocT9jcLrSuByiK70KFdkEaVsgM3_duyPWizH3CXQ&amp;upload_protocol=resumable</t>
  </si>
  <si>
    <t>\\acsfs\Deptos\CPC\4 - MIS\2 - Cliente\8 - Bradesco\53 - URR\03 - Entrega\Curva ABCD\</t>
  </si>
  <si>
    <t>Curva_ABCD_URR_Fechamento_Dezembro.xlsm</t>
  </si>
  <si>
    <t>406f9ca8-f124-414a-bf20-818b1cb2d3cc.tmp</t>
  </si>
  <si>
    <t>\\acsfs\profiles$\lorenabmc\Downloads\406f9ca8-f124-414a-bf20-818b1cb2d3cc.tmp</t>
  </si>
  <si>
    <t>7b331291-f697-4d8a-a958-28f645b28826.tmp</t>
  </si>
  <si>
    <t>\\acsfs\profiles$\lorenabmc\Downloads\7b331291-f697-4d8a-a958-28f645b28826.tmp</t>
  </si>
  <si>
    <t>fd5d1568-072c-46e0-92a4-a44b2c5fdf3c.tmp</t>
  </si>
  <si>
    <t>\\acsfs\profiles$\larissaad\Downloads\fd5d1568-072c-46e0-92a4-a44b2c5fdf3c.tmp</t>
  </si>
  <si>
    <t>24de3616-e14b-4304-8e97-4c95fba3ff6a.tmp</t>
  </si>
  <si>
    <t>\\acsfs\profiles$\rafaelahpn\Downloads\24de3616-e14b-4304-8e97-4c95fba3ff6a.tmp</t>
  </si>
  <si>
    <t>3e00c652-adc3-436d-b0e3-a93843e1f75b.tmp</t>
  </si>
  <si>
    <t>\\acsfs\profiles$\wedersonbadr\My Documents\My Music\3e00c652-adc3-436d-b0e3-a93843e1f75b.tmp</t>
  </si>
  <si>
    <t>ae07e7ae-930d-43ba-906a-0793d0d45818.tmp</t>
  </si>
  <si>
    <t>\\acsfs\profiles$\wedersonbadr\My Documents\My Music\ae07e7ae-930d-43ba-906a-0793d0d45818.tmp</t>
  </si>
  <si>
    <t>868ee400-4fe9-4470-ae41-7f770897174a.tmp</t>
  </si>
  <si>
    <t>\\acsfs\profiles$\wedersonbadr\My Documents\My Music\868ee400-4fe9-4470-ae41-7f770897174a.tmp</t>
  </si>
  <si>
    <t>637d6d43-7c09-4885-bfa4-0ddccb9fb06f.tmp</t>
  </si>
  <si>
    <t>\\acsfs\profiles$\rafaelahpn\Downloads\637d6d43-7c09-4885-bfa4-0ddccb9fb06f.tmp</t>
  </si>
  <si>
    <t>80fcac47-601d-4179-af5d-255135eec988.tmp</t>
  </si>
  <si>
    <t>\\acsfs\profiles$\rafaelahpn\Downloads\80fcac47-601d-4179-af5d-255135eec988.tmp</t>
  </si>
  <si>
    <t>6fe085b4-b7e4-451a-b502-43fbb8f92b06.tmp</t>
  </si>
  <si>
    <t>\\acsfs\profiles$\rafaelahpn\Downloads\6fe085b4-b7e4-451a-b502-43fbb8f92b06.tmp</t>
  </si>
  <si>
    <t>3ebaec56-79c6-40b4-9a4b-5225dd4f8132.tmp</t>
  </si>
  <si>
    <t>\\acsfs\profiles$\gabriellalpr\Downloads\3ebaec56-79c6-40b4-9a4b-5225dd4f8132.tmp</t>
  </si>
  <si>
    <t>mail.google.com/sync/u/0/i/s?hl=pt-BR&amp;c=252</t>
  </si>
  <si>
    <t>mail.google.com/sync/u/0/i/s?hl=pt-BR&amp;c=255</t>
  </si>
  <si>
    <t>mail.google.com/sync/u/0/i/s?hl=pt-BR&amp;c=271</t>
  </si>
  <si>
    <t>eliane.martins@bv.com.br;</t>
  </si>
  <si>
    <t>eliane.martins@bv.com.br</t>
  </si>
  <si>
    <t>ba2436fc-e3fe-4977-a7b0-d1e50bca1012.tmp</t>
  </si>
  <si>
    <t>\\acsfs\profiles$\brendadsl\Downloads\ba2436fc-e3fe-4977-a7b0-d1e50bca1012.tmp</t>
  </si>
  <si>
    <t>44fb7edb-0e29-4a67-91f8-383988cf0a19.tmp</t>
  </si>
  <si>
    <t>\\acsfs\profiles$\brendadsl\Downloads\44fb7edb-0e29-4a67-91f8-383988cf0a19.tmp</t>
  </si>
  <si>
    <t>675de308-177c-44ce-9c3f-c8defbbf508b.tmp</t>
  </si>
  <si>
    <t>\\acsfs\profiles$\brendadsl\Downloads\675de308-177c-44ce-9c3f-c8defbbf508b.tmp</t>
  </si>
  <si>
    <t>lu48882xoxqr.tmp</t>
  </si>
  <si>
    <t>\\acsfs\profiles$\LORRAYNEVAM\lu48882xoxqr.tmp</t>
  </si>
  <si>
    <t>\\acsfs\profiles$\LORRAYNEVAM\lu48882xoxqr.tmp\</t>
  </si>
  <si>
    <t>\\acsfs\profiles$\LORRAYNEVAM\lu48882xoxqr.tmp\META-INF\</t>
  </si>
  <si>
    <t>\\acsfs\profiles$\LORRAYNEVAM\lu48882xoxqr.tmp\Thumbnails\</t>
  </si>
  <si>
    <t>4cab1269-618d-494c-91b4-f160cff66f00.tmp</t>
  </si>
  <si>
    <t>\\acsfs\profiles$\francislayneads\Downloads\4cab1269-618d-494c-91b4-f160cff66f00.tmp</t>
  </si>
  <si>
    <t>10.200.66.10</t>
  </si>
  <si>
    <t>74-86-7A-FB-18-8E</t>
  </si>
  <si>
    <t>VOTORANT-ZB003</t>
  </si>
  <si>
    <t>2ddb3c44-60ea-440c-ad0f-0e12f45fee6e.tmp</t>
  </si>
  <si>
    <t>\\acsfs\profiles$\rafaelahpn\Downloads\2ddb3c44-60ea-440c-ad0f-0e12f45fee6e.tmp</t>
  </si>
  <si>
    <t>32641c79-1015-4bd5-9718-5c01e0ffa13e.tmp</t>
  </si>
  <si>
    <t>\\acsfs\profiles$\rafaelahpn\Downloads\32641c79-1015-4bd5-9718-5c01e0ffa13e.tmp</t>
  </si>
  <si>
    <t>b13dff75-cc38-4266-8588-5b399717a106.tmp</t>
  </si>
  <si>
    <t>\\acsfs\profiles$\andreapdsg\Downloads\b13dff75-cc38-4266-8588-5b399717a106.tmp</t>
  </si>
  <si>
    <t>24cd5860-291a-4457-b1f4-a2c108ce6cbd.tmp</t>
  </si>
  <si>
    <t>\\acsfs\profiles$\andreapdsg\Downloads\24cd5860-291a-4457-b1f4-a2c108ce6cbd.tmp</t>
  </si>
  <si>
    <t>a38a5d3c-40fb-4869-ac88-00212ce50876.tmp</t>
  </si>
  <si>
    <t>\\acsfs\profiles$\andreapdsg\Downloads\a38a5d3c-40fb-4869-ac88-00212ce50876.tmp</t>
  </si>
  <si>
    <t>mail.google.com/sync/u/0/i/s?hl=pt-BR&amp;c=276</t>
  </si>
  <si>
    <t>mail.google.com/sync/u/0/i/s?hl=pt-BR&amp;c=278</t>
  </si>
  <si>
    <t>mail.google.com/sync/u/0/i/s?hl=pt-BR&amp;c=282</t>
  </si>
  <si>
    <t>mail.google.com/sync/u/0/i/s?hl=pt-BR&amp;c=315</t>
  </si>
  <si>
    <t>mail.google.com/sync/u/0/i/s?hl=pt-BR&amp;c=317</t>
  </si>
  <si>
    <t>mail.google.com/sync/u/0/i/s?hl=pt-BR&amp;c=321</t>
  </si>
  <si>
    <t>mail.google.com/sync/u/0/i/s?hl=pt-BR&amp;c=336</t>
  </si>
  <si>
    <t>\\acsfs\DEPTOS\Operacao\PCP\5 - Comum\PLANEJAMENTO BV\22 - BANCO DE DADOS BV\FINANCEIRA\5F80BAAE.tmp\</t>
  </si>
  <si>
    <t>\\acsfs\DEPTOS\Operacao\PCP\5 - Comum\PLANEJAMENTO BV\22 - BANCO DE DADOS BV\FINANCEIRA\5F80BAAE.tmp\:Zone.Identifier:$DATA</t>
  </si>
  <si>
    <t>\\acsfs\DEPTOS\Operacao\PCP\5 - Comum\PLANEJAMENTO BV\22 - BANCO DE DADOS BV\FINANCEIRA\Banco de Dados BV 12-2019.xlsx</t>
  </si>
  <si>
    <t>lu302402r1miu.tmp</t>
  </si>
  <si>
    <t>\\acsfs\profiles$\jalilebds\Downloads\lu302402r1miu.tmp</t>
  </si>
  <si>
    <t>e9c612ca-91e8-46ac-bbe2-28b42dce9274.tmp</t>
  </si>
  <si>
    <t>\\acsfs\profiles$\laurandos\Downloads\e9c612ca-91e8-46ac-bbe2-28b42dce9274.tmp</t>
  </si>
  <si>
    <t>backofficebv@dxc.com;fernandaab@algartech.com;jose.ric.dos-santos@dxc.com;larissa.alcantara@bv.com.br;marianeps@algartech.com;talmaiardo@algartech.com;thiagordu@algartech.com;</t>
  </si>
  <si>
    <t>backofficebv@dxc.com,fernandaab@algartech.com,jose.ric.dos-santos@dxc.com,larissa.alcantara@bv.com.br,marianeps@algartech.com,talmaiardo@algartech.com,thiagordu@algartech.com</t>
  </si>
  <si>
    <t>mail.google.com/sync/u/0/i/s?hl=pt-BR&amp;c=1164</t>
  </si>
  <si>
    <t>6a55bfdf-02bc-453f-8fbf-4d3090bbdd22.tmp</t>
  </si>
  <si>
    <t>\\acsfs\profiles$\michelerds\Downloads\6a55bfdf-02bc-453f-8fbf-4d3090bbdd22.tmp</t>
  </si>
  <si>
    <t>mail.google.com/sync/u/0/i/s?hl=pt-BR&amp;c=370</t>
  </si>
  <si>
    <t>lu302402r1mix.tmp</t>
  </si>
  <si>
    <t>\\acsfs\profiles$\jalilebds\Downloads\lu302402r1mix.tmp</t>
  </si>
  <si>
    <t>mail.google.com/sync/u/0/i/s?hl=pt-BR&amp;c=485</t>
  </si>
  <si>
    <t>mail.google.com/sync/u/0/i/s?hl=pt-BR&amp;c=487</t>
  </si>
  <si>
    <t>mail.google.com/sync/u/0/i/s?hl=pt-BR&amp;c=494</t>
  </si>
  <si>
    <t>mail.google.com/sync/u/0/i/s?hl=pt-BR&amp;c=496</t>
  </si>
  <si>
    <t>mail.google.com/sync/u/0/i/s?hl=pt-BR&amp;c=501</t>
  </si>
  <si>
    <t>9ed57e8e-8181-4262-988d-d2e9b72985f4.tmp</t>
  </si>
  <si>
    <t>\\acsfs\profiles$\laurandos\Downloads\9ed57e8e-8181-4262-988d-d2e9b72985f4.tmp</t>
  </si>
  <si>
    <t>jefersonfo@algartech.com</t>
  </si>
  <si>
    <t>gabrieljst@algartech.com;</t>
  </si>
  <si>
    <t>C:\Users\jefersonfo\Documents\Administrativos\</t>
  </si>
  <si>
    <t>gabrieljst@algartech.com</t>
  </si>
  <si>
    <t>XLOG_anacdos_02012020_081500.log</t>
  </si>
  <si>
    <t>\\acsfs\profiles$\anacdos\My Documents\xworkcenter\logs\XLOG_anacdos_02012020_081500.log</t>
  </si>
  <si>
    <t>https://algar.folhasinergyrh.com.br/afastamento/upload?id=0&amp;idsolicitacao=17289</t>
  </si>
  <si>
    <t>31/12/2019;</t>
  </si>
  <si>
    <t>image2020-01-02-134558.pdf</t>
  </si>
  <si>
    <t>https://31/12/2019</t>
  </si>
  <si>
    <t>mail.google.com/sync/u/0/i/s?hl=pt-BR&amp;c=107</t>
  </si>
  <si>
    <t>lu302402r1mj0.tmp</t>
  </si>
  <si>
    <t>\\acsfs\profiles$\jalilebds\Downloads\lu302402r1mj0.tmp</t>
  </si>
  <si>
    <t>4e02fe31-23f7-4aac-82bb-eeb1fb8ba172.tmp</t>
  </si>
  <si>
    <t>\\acsfs\profiles$\alinepp\Downloads\4e02fe31-23f7-4aac-82bb-eeb1fb8ba172.tmp</t>
  </si>
  <si>
    <t>mail.google.com/sync/u/0/i/s?hl=pt-BR&amp;c=1182</t>
  </si>
  <si>
    <t>mail.google.com/sync/u/0/i/s?hl=pt-BR&amp;c=1184</t>
  </si>
  <si>
    <t>mail.google.com/sync/u/0/i/s?hl=pt-BR&amp;c=1187</t>
  </si>
  <si>
    <t>mail.google.com/sync/u/0/i/s?hl=pt-BR&amp;c=1189</t>
  </si>
  <si>
    <t>mail.google.com/sync/u/0/i/s?hl=pt-BR&amp;c=1191</t>
  </si>
  <si>
    <t>mail.google.com/sync/u/0/i/s?hl=pt-BR&amp;c=1193</t>
  </si>
  <si>
    <t>lu228362gud18.tmp</t>
  </si>
  <si>
    <t>\\acsfs\profiles$\victoriaksr\My Documents\lu228362gud18.tmp</t>
  </si>
  <si>
    <t>.~lock.TABELA VENDAS JANEIRO.ods#</t>
  </si>
  <si>
    <t>\\acsfs\profiles$\lucasgpe\Desktop\.~lock.TABELA VENDAS JANEIRO.ods#</t>
  </si>
  <si>
    <t>lu5040pcew.tmp</t>
  </si>
  <si>
    <t>\\acsfs\profiles$\lucasgpe\Desktop\lu5040pcew.tmp</t>
  </si>
  <si>
    <t>\\acsfs\profiles$\lucasgpe\Desktop\lu5040pcew.tmp\</t>
  </si>
  <si>
    <t>\\acsfs\profiles$\lucasgpe\Desktop\lu5040pcew.tmp\META-INF\</t>
  </si>
  <si>
    <t>\\acsfs\profiles$\lucasgpe\Desktop\lu5040pcew.tmp\Thumbnails\</t>
  </si>
  <si>
    <t>\\acsfs\profiles$\ADELVINSONLE\</t>
  </si>
  <si>
    <t>\\acsfs\profiles$\ADELVINSONLE\Novo Documento de Texto.txt</t>
  </si>
  <si>
    <t>https://algar.folhasinergyrh.com.br/afastamento/upload?id=0&amp;idsolicitacao=17299</t>
  </si>
  <si>
    <t>30/12/2019;31/12/2019;</t>
  </si>
  <si>
    <t>image2020-01-02-163119.pdf</t>
  </si>
  <si>
    <t>https://30/12/2019,31/12/2019</t>
  </si>
  <si>
    <t>10.200.36.29</t>
  </si>
  <si>
    <t>64-1C-67-9D-34-3F</t>
  </si>
  <si>
    <t>NB-DANILOAS</t>
  </si>
  <si>
    <t>daniloasb</t>
  </si>
  <si>
    <t>mail.google.com/_/upload?authuser=0&amp;dcp=asu-n&amp;upload_id=AEnB2Up4pL_WZCJ-NTIglSG7Fq5dhaKtdQDt7aAYB7bdqzFo7WQ4UqFDa3IAea3_lTrB2d_XFuIhNMQN2rpGkReKvA5TnGMtC0RtBNQFvvgd_9GI6qiIwi8&amp;upload_protocol=resumable</t>
  </si>
  <si>
    <t>C:\Users\daniloasb\Downloads\</t>
  </si>
  <si>
    <t>CAS - cab-servbrasif (3).xlsx</t>
  </si>
  <si>
    <t>lu302402r1mj3.tmp</t>
  </si>
  <si>
    <t>\\acsfs\profiles$\jalilebds\Downloads\lu302402r1mj3.tmp</t>
  </si>
  <si>
    <t>mail.google.com/sync/u/0/i/s?hl=pt-BR&amp;c=1196</t>
  </si>
  <si>
    <t>mail.google.com/sync/u/0/i/s?hl=pt-BR&amp;c=1198</t>
  </si>
  <si>
    <t>mail.google.com/sync/u/0/i/s?hl=pt-BR&amp;c=1201</t>
  </si>
  <si>
    <t>mail.google.com/sync/u/0/i/s?hl=pt-BR&amp;c=1203</t>
  </si>
  <si>
    <t>mail.google.com/sync/u/0/i/s?hl=pt-BR&amp;c=1206</t>
  </si>
  <si>
    <t>mail.google.com/sync/u/0/i/s?hl=pt-BR&amp;c=1208</t>
  </si>
  <si>
    <t>mail.google.com/sync/u/0/i/s?hl=pt-BR&amp;c=1211</t>
  </si>
  <si>
    <t>mail.google.com/sync/u/0/i/s?hl=pt-BR&amp;c=1213</t>
  </si>
  <si>
    <t>mail.google.com/sync/u/0/i/s?hl=pt-BR&amp;c=1215</t>
  </si>
  <si>
    <t>mail.google.com/sync/u/0/i/s?hl=pt-BR&amp;c=1218</t>
  </si>
  <si>
    <t>micheless@algartech.com;</t>
  </si>
  <si>
    <t>RES: Relatório Ações B.O - Especialistas</t>
  </si>
  <si>
    <t>MASCARA__ESPECIALISTAS_SET-NOV_BO.xlsx</t>
  </si>
  <si>
    <t>micheless@algartech.com</t>
  </si>
  <si>
    <t>mail.google.com/sync/u/0/i/s?hl=pt-BR&amp;c=420</t>
  </si>
  <si>
    <t>30/12/2019;eliane.martins@bv.com.br;</t>
  </si>
  <si>
    <t>30/12/2019,eliane.martins@bv.com.br</t>
  </si>
  <si>
    <t>mail.google.com/sync/u/0/i/s?hl=pt-BR&amp;c=422</t>
  </si>
  <si>
    <t>30/12/2019,31/12/2019</t>
  </si>
  <si>
    <t>mail.google.com/sync/u/0/i/s?hl=pt-BR&amp;c=424</t>
  </si>
  <si>
    <t>mail.google.com/sync/u/0/i/s?hl=pt-BR&amp;c=427</t>
  </si>
  <si>
    <t>mail.google.com/sync/u/0/i/s?hl=pt-BR&amp;c=431</t>
  </si>
  <si>
    <t>mail.google.com/sync/u/0/i/s?hl=pt-BR&amp;c=433</t>
  </si>
  <si>
    <t>mail.google.com/sync/u/0/i/s?hl=pt-BR&amp;c=435</t>
  </si>
  <si>
    <t>_x001A_;n@�})n&lt;x bc��r��&lt;���_x0012_��g{^=r'�b��_x0013_u_x0014_3�ogq��8{�y=�rwq��q_x000E_b�1�-�\��*��{�g_x001E_��lozn�_x001A_m���h����_x001E_��w�;</t>
  </si>
  <si>
    <t>_x001A_,n@�})n&lt;x bc��r��&lt;���_x0012_��g{^=r'�b��_x0013_u_x0014_3�ogq��8{�y=�rwq��q_x000E_b�1�-�\��*��{�g_x001E_��lozn�_x001A_m���h����_x001E_��w�</t>
  </si>
  <si>
    <t>C:\one drvie algar\algar\BU Financeira 2020\</t>
  </si>
  <si>
    <t>diretos marco.xlsx</t>
  </si>
  <si>
    <t>mail.google.com/sync/u/0/i/s?hl=pt-BR&amp;c=1221</t>
  </si>
  <si>
    <t>mail.google.com/sync/u/0/i/s?hl=pt-BR&amp;c=1229</t>
  </si>
  <si>
    <t>mail.google.com/sync/u/0/i/s?hl=pt-BR&amp;c=1232</t>
  </si>
  <si>
    <t>mail.google.com/sync/u/0/i/s?hl=pt-BR&amp;c=1235</t>
  </si>
  <si>
    <t>mail.google.com/sync/u/0/i/s?hl=pt-BR&amp;c=1237</t>
  </si>
  <si>
    <t>mail.google.com/sync/u/0/i/s?hl=pt-BR&amp;c=1239</t>
  </si>
  <si>
    <t>mail.google.com/sync/u/0/i/s?hl=pt-BR&amp;c=1241</t>
  </si>
  <si>
    <t>1eff5238-49f5-4854-b22b-2c863222f0e5.tmp</t>
  </si>
  <si>
    <t>\\acsfs\profiles$\henriqueco\Downloads\1eff5238-49f5-4854-b22b-2c863222f0e5.tmp</t>
  </si>
  <si>
    <t>XLOG_ellencds_02012020_090337.log</t>
  </si>
  <si>
    <t>\\acsfs\profiles$\ellencds\My Documents\xworkcenter\logs\XLOG_ellencds_02012020_090337.log</t>
  </si>
  <si>
    <t>1d5730a6-54c6-49fe-a2d2-17397ca80718.tmp</t>
  </si>
  <si>
    <t>\\acsfs\profiles$\joycemmdl\Downloads\1d5730a6-54c6-49fe-a2d2-17397ca80718.tmp</t>
  </si>
  <si>
    <t>lu302402r1mjb.tmp</t>
  </si>
  <si>
    <t>\\acsfs\profiles$\jalilebds\Downloads\lu302402r1mjb.tmp</t>
  </si>
  <si>
    <t>lu352563z7d7m.tmp</t>
  </si>
  <si>
    <t>\\acsfs\profiles$\isabeldst\My Documents\lu352563z7d7m.tmp</t>
  </si>
  <si>
    <t>\\acsfs\profiles$\isabeldst\My Documents\lu352563z7d7m.tmp\</t>
  </si>
  <si>
    <t>\\acsfs\profiles$\isabeldst\My Documents\lu352563z7d7m.tmp\META-INF\</t>
  </si>
  <si>
    <t>\\acsfs\profiles$\isabeldst\My Documents\lu352563z7d7m.tmp\Thumbnails\</t>
  </si>
  <si>
    <t>lu352563z7d7s.tmp</t>
  </si>
  <si>
    <t>\\acsfs\profiles$\isabeldst\My Documents\lu352563z7d7s.tmp</t>
  </si>
  <si>
    <t>\\acsfs\profiles$\isabeldst\My Documents\lu352563z7d7s.tmp\</t>
  </si>
  <si>
    <t>\\acsfs\profiles$\isabeldst\My Documents\lu352563z7d7s.tmp\META-INF\</t>
  </si>
  <si>
    <t>\\acsfs\profiles$\isabeldst\My Documents\lu352563z7d7s.tmp\Thumbnails\</t>
  </si>
  <si>
    <t>ff08f554-a96f-4f1b-b7c8-c22fe9ae12ed.tmp</t>
  </si>
  <si>
    <t>\\acsfs\profiles$\joycemmdl\Downloads\ff08f554-a96f-4f1b-b7c8-c22fe9ae12ed.tmp</t>
  </si>
  <si>
    <t>lu302402r1mje.tmp</t>
  </si>
  <si>
    <t>\\acsfs\profiles$\jalilebds\Downloads\lu302402r1mje.tmp</t>
  </si>
  <si>
    <t>a9c9bd91-344f-4e20-8101-9a7d079a744f.tmp</t>
  </si>
  <si>
    <t>\\acsfs\profiles$\erichds\Downloads\a9c9bd91-344f-4e20-8101-9a7d079a744f.tmp</t>
  </si>
  <si>
    <t>0ea94b0b-6a79-4e08-9a2c-694207d2f02e.tmp</t>
  </si>
  <si>
    <t>\\acsfs\profiles$\gabrielamdp\Downloads\0ea94b0b-6a79-4e08-9a2c-694207d2f02e.tmp</t>
  </si>
  <si>
    <t>C:\Users\karinefg\Downloads\</t>
  </si>
  <si>
    <t>image2020-01-02-163321.zip</t>
  </si>
  <si>
    <t>C:\Users\karinefg\Downloads\image2020-01-02-163321.zip\</t>
  </si>
  <si>
    <t>image2020-01-02-163321.pdf</t>
  </si>
  <si>
    <t>https://algar.folhasinergyrh.com.br/rescisao/upload?id=0&amp;idsolicitacao=0&amp;idprerescisao=1656</t>
  </si>
  <si>
    <t>02/01/2020;</t>
  </si>
  <si>
    <t>https://02/01/2020</t>
  </si>
  <si>
    <t>lu10232pc70.tmp</t>
  </si>
  <si>
    <t>\\acsfs\profiles$\fabianafv\My Documents\lu10232pc70.tmp</t>
  </si>
  <si>
    <t>\\acsfs\profiles$\fabianafv\My Documents\lu10232pc70.tmp\</t>
  </si>
  <si>
    <t>\\acsfs\profiles$\fabianafv\My Documents\lu10232pc70.tmp\META-INF\</t>
  </si>
  <si>
    <t>\\acsfs\profiles$\fabianafv\My Documents\lu10232pc70.tmp\Thumbnails\</t>
  </si>
  <si>
    <t>10.200.57.229</t>
  </si>
  <si>
    <t>EC-F4-BB-F7-2C-4E</t>
  </si>
  <si>
    <t>NB-HELIELDFS</t>
  </si>
  <si>
    <t>helieldfs</t>
  </si>
  <si>
    <t>helieldfs@algartech.com</t>
  </si>
  <si>
    <t>caique.silva@cscalgar.com.br;janecsa@algartech.com;sueleide.silva@cscalgar.com.br;</t>
  </si>
  <si>
    <t>\\acsfs\DEPTOS\Controladoria\Planejamento\Reuniões Mensais\2019\12 - Dezembro\Suporte Fechamento\Análise Resultado\</t>
  </si>
  <si>
    <t>122019_Relatorio_Despesa.xlsb</t>
  </si>
  <si>
    <t>caique.silva@cscalgar.com.br,janecsa@algartech.com,sueleide.silva@cscalgar.com.br</t>
  </si>
  <si>
    <t>mail.google.com/_/upload?authuser=0&amp;dcp=asu-n&amp;upload_id=AEnB2Uo6WuK8zgmBLaJL-6GfzRdb1415B1Vd-3pn7ky46CahT2R0-7hL0OFycUvhBB1JZtueAQTIynwGtY_iJaCvNN6pxxMOp3uZEze3758vWcakzFYoQOY&amp;upload_protocol=resumable</t>
  </si>
  <si>
    <t>122019_Relatorio_Indiretos.xlsb</t>
  </si>
  <si>
    <t>lu302402r1mjh.tmp</t>
  </si>
  <si>
    <t>\\acsfs\profiles$\jalilebds\Downloads\lu302402r1mjh.tmp</t>
  </si>
  <si>
    <t>mail.google.com/sync/u/0/i/s?hl=pt-BR&amp;c=1244</t>
  </si>
  <si>
    <t>mail.google.com/sync/u/0/i/s?hl=pt-BR&amp;c=1247</t>
  </si>
  <si>
    <t>mail.google.com/sync/u/0/i/s?hl=pt-BR&amp;c=1249</t>
  </si>
  <si>
    <t>mail.google.com/sync/u/0/i/s?hl=pt-BR&amp;c=1252</t>
  </si>
  <si>
    <t>mail.google.com/sync/u/0/i/s?hl=pt-BR&amp;c=1254</t>
  </si>
  <si>
    <t>656a1eec-e764-41f3-8c3b-6eff271c200a.tmp</t>
  </si>
  <si>
    <t>\\acsfs\profiles$\regisedsj\Downloads\656a1eec-e764-41f3-8c3b-6eff271c200a.tmp</t>
  </si>
  <si>
    <t>a96567e4-1331-4167-84c2-546a1b50c4ca.tmp</t>
  </si>
  <si>
    <t>\\acsfs\profiles$\rafaelahpn\Downloads\a96567e4-1331-4167-84c2-546a1b50c4ca.tmp</t>
  </si>
  <si>
    <t>a4e9d8d5-c226-441b-bfda-38cc11860e24.tmp</t>
  </si>
  <si>
    <t>\\acsfs\profiles$\fabianobmf\Downloads\a4e9d8d5-c226-441b-bfda-38cc11860e24.tmp</t>
  </si>
  <si>
    <t>b5b32f8d-bc7c-41f9-9db0-fd44aa16ffdf.tmp</t>
  </si>
  <si>
    <t>\\acsfs\profiles$\fabianobmf\Downloads\b5b32f8d-bc7c-41f9-9db0-fd44aa16ffdf.tmp</t>
  </si>
  <si>
    <t>lu302402r1mjk.tmp</t>
  </si>
  <si>
    <t>\\acsfs\profiles$\jalilebds\Downloads\lu302402r1mjk.tmp</t>
  </si>
  <si>
    <t>caa92061-c458-4ffc-802b-51fa2bd7e6c4.tmp</t>
  </si>
  <si>
    <t>\\acsfs\profiles$\jalilebds\Downloads\caa92061-c458-4ffc-802b-51fa2bd7e6c4.tmp</t>
  </si>
  <si>
    <t>.~lock.filas 1721 1725 e 1724 a tratar (1).xlsx#</t>
  </si>
  <si>
    <t>\\acsfs\profiles$\jalilebds\Downloads\.~lock.filas 1721 1725 e 1724 a tratar (1).xlsx#</t>
  </si>
  <si>
    <t>lu302402r1mjq.tmp</t>
  </si>
  <si>
    <t>\\acsfs\profiles$\jalilebds\Downloads\lu302402r1mjq.tmp</t>
  </si>
  <si>
    <t>lu302402r1mjt.tmp</t>
  </si>
  <si>
    <t>\\acsfs\profiles$\jalilebds\Downloads\lu302402r1mjt.tmp</t>
  </si>
  <si>
    <t>lu302402r1mjw.tmp</t>
  </si>
  <si>
    <t>\\acsfs\profiles$\jalilebds\Downloads\lu302402r1mjw.tmp</t>
  </si>
  <si>
    <t>adrianofo@algartech.com.br;hiago.santos@fisglobal.com;poliane.amaral@bradesco.com.br;</t>
  </si>
  <si>
    <t>Cópia de SALDO CREDOR UNE.xlsx</t>
  </si>
  <si>
    <t>adrianofo@algartech.com.br,hiago.santos@fisglobal.com,poliane.amaral@bradesco.com.br</t>
  </si>
  <si>
    <t>d092623a-6aad-4a45-bdb4-9de434a6ebba.tmp</t>
  </si>
  <si>
    <t>\\acsfs\profiles$\gabriellalpr\Downloads\d092623a-6aad-4a45-bdb4-9de434a6ebba.tmp</t>
  </si>
  <si>
    <t>Chamados Desvio.txt</t>
  </si>
  <si>
    <t>\\acsfs\Deptos\Operacao\Banco_Votorantim\Supervisao\Flávia Constantina Nogueira\Chamados Desvio.txt</t>
  </si>
  <si>
    <t>D:\OneDrive\Pessoal\Contas\</t>
  </si>
  <si>
    <t>Contas_2020.xlsx</t>
  </si>
  <si>
    <t>lu302402r1mjz.tmp</t>
  </si>
  <si>
    <t>\\acsfs\profiles$\jalilebds\Downloads\lu302402r1mjz.tmp</t>
  </si>
  <si>
    <t>lu302402r1mk2.tmp</t>
  </si>
  <si>
    <t>\\acsfs\profiles$\jalilebds\Downloads\lu302402r1mk2.tmp</t>
  </si>
  <si>
    <t>lu302402r1mk5.tmp</t>
  </si>
  <si>
    <t>\\acsfs\profiles$\jalilebds\Downloads\lu302402r1mk5.tmp</t>
  </si>
  <si>
    <t>lu302402r1mk8.tmp</t>
  </si>
  <si>
    <t>\\acsfs\profiles$\jalilebds\Downloads\lu302402r1mk8.tmp</t>
  </si>
  <si>
    <t>lu302402r1mkb.tmp</t>
  </si>
  <si>
    <t>\\acsfs\profiles$\jalilebds\Downloads\lu302402r1mkb.tmp</t>
  </si>
  <si>
    <t>lu302402r1mke.tmp</t>
  </si>
  <si>
    <t>\\acsfs\profiles$\jalilebds\Downloads\lu302402r1mke.tmp</t>
  </si>
  <si>
    <t>\\acsfs\deptos\Operacao\PCP\5 - Comum\CONTROL DESK\2 - DAC2\Control Desk AVON\Relatorios\Status de login\2019\12 - Dezembro\</t>
  </si>
  <si>
    <t>28-12 RELATORIO DE LOGIN AVON.xlsm</t>
  </si>
  <si>
    <t>\\acsfs\deptos\Operacao\PCP\5 - Comum\CONTROL DESK\2 - DAC2\Control Desk AVON\Relatorios\Status de login\2020\28-12 RELATORIO DE LOGIN AVON.xlsm</t>
  </si>
  <si>
    <t>\\acsfs\ACS\Suporte à Operações\02 - Faturamento\2020\1 - Janeiro\BRADESCO\</t>
  </si>
  <si>
    <t>d79fc508-a65a-40a1-bd1e-b0337e774ca5.tmp</t>
  </si>
  <si>
    <t>\\acsfs\profiles$\rosileiam\Downloads\d79fc508-a65a-40a1-bd1e-b0337e774ca5.tmp</t>
  </si>
  <si>
    <t>lu10232pc76.tmp</t>
  </si>
  <si>
    <t>\\acsfs\profiles$\fabianafv\My Documents\lu10232pc76.tmp</t>
  </si>
  <si>
    <t>\\acsfs\profiles$\fabianafv\My Documents\lu10232pc76.tmp\</t>
  </si>
  <si>
    <t>\\acsfs\profiles$\fabianafv\My Documents\lu10232pc76.tmp\META-INF\</t>
  </si>
  <si>
    <t>\\acsfs\profiles$\fabianafv\My Documents\lu10232pc76.tmp\Thumbnails\</t>
  </si>
  <si>
    <t>538827d0-a573-481a-b27c-1370b0696cb6.tmp</t>
  </si>
  <si>
    <t>\\acsfs\profiles$\fabianafv\Downloads\538827d0-a573-481a-b27c-1370b0696cb6.tmp</t>
  </si>
  <si>
    <t>lu211202da8ue.tmp</t>
  </si>
  <si>
    <t>\\acsfs\profiles$\edicarlosdl\My Documents\lu211202da8ue.tmp</t>
  </si>
  <si>
    <t>\\acsfs\profiles$\edicarlosdl\My Documents\lu211202da8ue.tmp\</t>
  </si>
  <si>
    <t>\\acsfs\profiles$\edicarlosdl\My Documents\lu211202da8ue.tmp\META-INF\</t>
  </si>
  <si>
    <t>\\acsfs\profiles$\edicarlosdl\My Documents\lu211202da8ue.tmp\Thumbnails\</t>
  </si>
  <si>
    <t>\\acsfs\DEPTOS\Operacao\Banco_Votorantim\Supervisao\CAMILLA LIMA RODRIGUES\</t>
  </si>
  <si>
    <t>LINKS.txt</t>
  </si>
  <si>
    <t>\\acsfs\DEPTOS\Operacao\Banco_Votorantim\Supervisao\CAMILLA LIMA RODRIGUES\LINKS.txt</t>
  </si>
  <si>
    <t>e8356721-9fe7-4db9-a2df-9460c5c2f61e.tmp</t>
  </si>
  <si>
    <t>\\acsfs\profiles$\andreapdsg\Downloads\e8356721-9fe7-4db9-a2df-9460c5c2f61e.tmp</t>
  </si>
  <si>
    <t>02c7f7ee-58ec-4468-9f97-28dc543fdd80.tmp</t>
  </si>
  <si>
    <t>\\acsfs\profiles$\nathaliaos\Downloads\02c7f7ee-58ec-4468-9f97-28dc543fdd80.tmp</t>
  </si>
  <si>
    <t>985af991-2fcc-4999-af5b-9e123872bce6.tmp</t>
  </si>
  <si>
    <t>\\acsfs\profiles$\nathaliaos\Downloads\985af991-2fcc-4999-af5b-9e123872bce6.tmp</t>
  </si>
  <si>
    <t>560e756b-13d8-4b25-a5b7-1acd8c305c11.tmp</t>
  </si>
  <si>
    <t>\\acsfs\profiles$\nathaliaos\Downloads\560e756b-13d8-4b25-a5b7-1acd8c305c11.tmp</t>
  </si>
  <si>
    <t>mail.google.com/_/upload?authuser=1&amp;dcp=asu-n&amp;upload_id=AEnB2UrCDuHvoA96i2mLPEQ343oouuyP631EQi-Ge9UMWLvElj-ZlA-OFP4nMPQ2Ubksiw2ARRW_AidTgs6y2bwHS7iy0NZK-plw2lJIdoutgus4rwy_iP4&amp;upload_protocol=resumable</t>
  </si>
  <si>
    <t>\\acsfs\DEPTOS\Controladoria\2 - Business Performance\2019\1 - Precificacao\1 - Analises e Acompanhamentos\1 - GAT\12 - Dezembro\IBM VLI\Ultimo\IBM VLI.zip\</t>
  </si>
  <si>
    <t>220040 - IBM - VLI - Field - BP Aprovada - C1 - (C017_B017) rev1.xlsb</t>
  </si>
  <si>
    <t>\\acsfs\DEPTOS\Controladoria\2 - Business Performance\2019\1 - Precificacao\1 - Analises e Acompanhamentos\1 - GAT\12 - Dezembro\IBM VLI\Ultimo\IBM VLI.zip\220040 - IBM - VLI - Field - BP Aprovada - C1 - (C017_B017) rev1.xlsb\</t>
  </si>
  <si>
    <t>\\acsfs\DEPTOS\Controladoria\2 - Business Performance\2019\1 - Precificacao\1 - Analises e Acompanhamentos\1 - GAT\12 - Dezembro\IBM VLI\Ultimo\IBM VLI.zip\220040 - IBM - VLI - Field - BP Aprovada - C2 - (C017_B017) rev1.xlsb\</t>
  </si>
  <si>
    <t>gustavodsil@algartech.com</t>
  </si>
  <si>
    <t>ab783619-68ec-432a-8796-0bd04dcaaadb.tmp</t>
  </si>
  <si>
    <t>\\acsfs\profiles$\philipegsf\Downloads\ab783619-68ec-432a-8796-0bd04dcaaadb.tmp</t>
  </si>
  <si>
    <t>C:\Users\gildaepma\Desktop\</t>
  </si>
  <si>
    <t>recuperacao custos dez.19.xls</t>
  </si>
  <si>
    <t>34420f93-c1fb-42f3-8124-3248aec5ee46.tmp</t>
  </si>
  <si>
    <t>\\acsfs\profiles$\taylaedoa\Downloads\34420f93-c1fb-42f3-8124-3248aec5ee46.tmp</t>
  </si>
  <si>
    <t>cc8758aa-2b63-46de-841b-aabf4ef47725.tmp</t>
  </si>
  <si>
    <t>\\acsfs\profiles$\taylaedoa\Downloads\cc8758aa-2b63-46de-841b-aabf4ef47725.tmp</t>
  </si>
  <si>
    <t>5cafeda1-2094-4fc4-8501-247bf21893a0.tmp</t>
  </si>
  <si>
    <t>\\acsfs\profiles$\regisedsj\Downloads\5cafeda1-2094-4fc4-8501-247bf21893a0.tmp</t>
  </si>
  <si>
    <t>000ef0e4-ded7-4e10-a7c4-7994e3d4f638.tmp</t>
  </si>
  <si>
    <t>\\acsfs\profiles$\regisedsj\Downloads\000ef0e4-ded7-4e10-a7c4-7994e3d4f638.tmp</t>
  </si>
  <si>
    <t>mgbbyetuvxuaauckwatkdgj6gnujbgtdifgleutbvvlcfe4uxarecw==;</t>
  </si>
  <si>
    <t>mgbbyetuvxuaauckwatkdgj6gnujbgtdifgleutbvvlcfe4uxarecw==</t>
  </si>
  <si>
    <t>mariajaf</t>
  </si>
  <si>
    <t>\\acsfs\profiles$\mariajaf\Downloads\</t>
  </si>
  <si>
    <t>ebeba2eb-855f-4a66-a344-0180e1bc1ae1.tmp</t>
  </si>
  <si>
    <t>\\acsfs\profiles$\mariajaf\Downloads\ebeba2eb-855f-4a66-a344-0180e1bc1ae1.tmp</t>
  </si>
  <si>
    <t>d03dce54-1a8c-4b74-a63a-845940301394.tmp</t>
  </si>
  <si>
    <t>\\acsfs\profiles$\leonardocb\Downloads\d03dce54-1a8c-4b74-a63a-845940301394.tmp</t>
  </si>
  <si>
    <t>c445ada6-8dc6-4de8-a39f-d2ae83c467cf.tmp</t>
  </si>
  <si>
    <t>\\acsfs\profiles$\leonardocb\Downloads\c445ada6-8dc6-4de8-a39f-d2ae83c467cf.tmp</t>
  </si>
  <si>
    <t>10.200.66.136</t>
  </si>
  <si>
    <t>mail.google.com/sync/u/0/i/s?hl=pt-BR&amp;c=91</t>
  </si>
  <si>
    <t>Q29udHJvbGxlci5QYXl3YXJlLU5vaXRl (3).ica</t>
  </si>
  <si>
    <t>\\acsfs\profiles$\mariajaf\Downloads\Q29udHJvbGxlci5QYXl3YXJlLU5vaXRl (3).ica</t>
  </si>
  <si>
    <t>12be46dd-04f5-4729-ae60-cce78f52b483.tmp</t>
  </si>
  <si>
    <t>\\acsfs\profiles$\mariajaf\Downloads\12be46dd-04f5-4729-ae60-cce78f52b483.tmp</t>
  </si>
  <si>
    <t>leandromsa</t>
  </si>
  <si>
    <t>\\acsfs\profiles$\leandromsa\Downloads\</t>
  </si>
  <si>
    <t>4b7d928e-4c02-4982-b73c-59b41b873fc5.tmp</t>
  </si>
  <si>
    <t>\\acsfs\profiles$\leandromsa\Downloads\4b7d928e-4c02-4982-b73c-59b41b873fc5.tmp</t>
  </si>
  <si>
    <t>480439e1-752b-4b35-b7d7-55aef1e422c3.tmp</t>
  </si>
  <si>
    <t>\\acsfs\profiles$\leandromsa\Downloads\480439e1-752b-4b35-b7d7-55aef1e422c3.tmp</t>
  </si>
  <si>
    <t>mail.google.com/sync/u/0/i/s?hl=pt-BR&amp;c=97</t>
  </si>
  <si>
    <t>mail.google.com/sync/u/0/i/s?hl=pt-BR&amp;c=102</t>
  </si>
  <si>
    <t>mail.google.com/sync/u/0/i/s?hl=pt-BR&amp;c=104</t>
  </si>
  <si>
    <t>29-12 RELATORIO DE LOGIN AVON - Cópia.xlsm</t>
  </si>
  <si>
    <t>\\acsfs\deptos\Operacao\PCP\5 - Comum\CONTROL DESK\2 - DAC2\Control Desk AVON\Relatorios\Status de login\2019\12 - Dezembro\29-12 RELATORIO DE LOGIN AVON - Cópia.xlsm</t>
  </si>
  <si>
    <t>andre.komatsubara@bradesco.com.br;evertonpdsr@algartech.com.br;lorrany.bianca@bradesco.com.br;murillo.silva@bradesco.com.br;</t>
  </si>
  <si>
    <t>Controle Inclusões</t>
  </si>
  <si>
    <t>CONTROLE INCLUSÕES.xlsx</t>
  </si>
  <si>
    <t>andre.komatsubara@bradesco.com.br,evertonpdsr@algartech.com.br,lorrany.bianca@bradesco.com.br,murillo.silva@bradesco.com.br</t>
  </si>
  <si>
    <t>bb7346a5-bc7c-4289-835a-5e0b858dd00c.tmp</t>
  </si>
  <si>
    <t>\\acsfs\profiles$\fabianafv\Downloads\bb7346a5-bc7c-4289-835a-5e0b858dd00c.tmp</t>
  </si>
  <si>
    <t>10.200.66.40</t>
  </si>
  <si>
    <t>74-86-7A-FB-18-D0</t>
  </si>
  <si>
    <t>VOTORANT-GB013</t>
  </si>
  <si>
    <t>guilhermeaso@algartech.com;</t>
  </si>
  <si>
    <t>TI INFRA Sollero.xls</t>
  </si>
  <si>
    <t>guilhermeaso@algartech.com</t>
  </si>
  <si>
    <t>30-12 RELATORIO DE LOGIN AVON.xlsm</t>
  </si>
  <si>
    <t>\\acsfs\deptos\Operacao\PCP\5 - Comum\CONTROL DESK\2 - DAC2\Control Desk AVON\Relatorios\Status de login\2019\12 - Dezembro\30-12 RELATORIO DE LOGIN AVON.xlsm</t>
  </si>
  <si>
    <t>mail.google.com/sync/u/0/i/s?hl=pt-BR&amp;c=1283</t>
  </si>
  <si>
    <t>mail.google.com/sync/u/0/i/s?hl=pt-BR&amp;c=1285</t>
  </si>
  <si>
    <t>mail.google.com/sync/u/0/i/s?hl=pt-BR&amp;c=1291</t>
  </si>
  <si>
    <t>mail.google.com/sync/u/0/i/s?hl=pt-BR&amp;c=1293</t>
  </si>
  <si>
    <t>algartechcpcbv@algartech.com;andrelpsa@algartech.com;cpc-controldeskavon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1295</t>
  </si>
  <si>
    <t>mail.google.com/sync/u/0/i/s?hl=pt-BR&amp;c=1297</t>
  </si>
  <si>
    <t>mail.google.com/sync/u/0/i/s?hl=pt-BR&amp;c=1299</t>
  </si>
  <si>
    <t>mail.google.com/sync/u/0/i/s?hl=pt-BR&amp;c=156</t>
  </si>
  <si>
    <t>andrelps@algartech.com;</t>
  </si>
  <si>
    <t>andrelps@algartech.com</t>
  </si>
  <si>
    <t>0ff862dd-a03f-4b1a-80e0-e031740ffe06.tmp</t>
  </si>
  <si>
    <t>\\acsfs\profiles$\JOAOVAL\Downloads\0ff862dd-a03f-4b1a-80e0-e031740ffe06.tmp</t>
  </si>
  <si>
    <t>10.200.62.14</t>
  </si>
  <si>
    <t>FC-01-7C-C0-96-7D</t>
  </si>
  <si>
    <t>lucianapdre@algartech.com</t>
  </si>
  <si>
    <t>leonardomcb@algartech.com;marco.goncalves@algar.com.br;</t>
  </si>
  <si>
    <t>\\acsfs\DEPTOS\Governança da Estratégia\M&amp;A e Parcerias\Sell Side\Data Center\2019 - Nimbus\Due Dilligence\Cicerone\</t>
  </si>
  <si>
    <t>Checklist Projeto Nimbus_Consolidado_Abertura Data Room V3.xlsx</t>
  </si>
  <si>
    <t>leonardomcb@algartech.com,marco.goncalves@algar.com.br</t>
  </si>
  <si>
    <t>100035125381406;fÉrias;</t>
  </si>
  <si>
    <t>https://100035125381406,fÉrias</t>
  </si>
  <si>
    <t>mail.google.com/sync/u/0/i/s?hl=pt-BR&amp;c=1302</t>
  </si>
  <si>
    <t>mail.google.com/sync/u/0/i/s?hl=pt-BR&amp;c=1305</t>
  </si>
  <si>
    <t>mail.google.com/sync/u/0/i/s?hl=pt-BR&amp;c=1307</t>
  </si>
  <si>
    <t>mail.google.com/sync/u/0/i/s?hl=pt-BR&amp;c=1309</t>
  </si>
  <si>
    <t>mail.google.com/sync/u/0/i/s?hl=pt-BR&amp;c=1311</t>
  </si>
  <si>
    <t>mail.google.com/sync/u/0/i/s?hl=pt-BR&amp;c=1313</t>
  </si>
  <si>
    <t>mail.google.com/sync/u/0/i/s?hl=pt-BR&amp;c=1315</t>
  </si>
  <si>
    <t>mail.google.com/sync/u/0/i/s?hl=pt-BR&amp;c=1317</t>
  </si>
  <si>
    <t>mail.google.com/sync/u/0/i/s?hl=pt-BR&amp;c=1320</t>
  </si>
  <si>
    <t>mail.google.com/sync/u/0/i/s?hl=pt-BR&amp;c=1322</t>
  </si>
  <si>
    <t>mail.google.com/sync/u/0/i/s?hl=pt-BR&amp;c=1324</t>
  </si>
  <si>
    <t>mail.google.com/sync/u/0/i/s?hl=pt-BR&amp;c=1326</t>
  </si>
  <si>
    <t>suzane.b.rodrigues@bradesco.com.br;</t>
  </si>
  <si>
    <t>ENC: Controle Inclusões</t>
  </si>
  <si>
    <t>suzane.b.rodrigues@bradesco.com.br</t>
  </si>
  <si>
    <t>c03b57fe-0dc6-490c-96f2-7e4298e2f9eb.tmp</t>
  </si>
  <si>
    <t>\\acsfs\profiles$\gabriellalpr\Downloads\c03b57fe-0dc6-490c-96f2-7e4298e2f9eb.tmp</t>
  </si>
  <si>
    <t>triagemrescisao@cscalgar.com.br;</t>
  </si>
  <si>
    <t>triagemrescisao@cscalgar.com.br</t>
  </si>
  <si>
    <t>mail.google.com/sync/u/0/i/s?hl=pt-BR&amp;c=1338</t>
  </si>
  <si>
    <t>mail.google.com/sync/u/0/i/s?hl=pt-BR&amp;c=1340</t>
  </si>
  <si>
    <t>mail.google.com/sync/u/0/i/s?hl=pt-BR&amp;c=1342</t>
  </si>
  <si>
    <t>mail.google.com/sync/u/0/i/s?hl=pt-BR&amp;c=1344</t>
  </si>
  <si>
    <t>mail.google.com/sync/u/0/i/s?hl=pt-BR&amp;c=1347</t>
  </si>
  <si>
    <t>mail.google.com/sync/u/0/i/s?hl=pt-BR&amp;c=1349</t>
  </si>
  <si>
    <t>mail.google.com/sync/u/0/i/s?hl=pt-BR&amp;c=1351</t>
  </si>
  <si>
    <t>mail.google.com/sync/u/0/i/s?hl=pt-BR&amp;c=1353</t>
  </si>
  <si>
    <t>mail.google.com/sync/u/0/i/s?hl=pt-BR&amp;c=1355</t>
  </si>
  <si>
    <t>mail.google.com/sync/u/0/i/s?hl=pt-BR&amp;c=1357</t>
  </si>
  <si>
    <t>mail.google.com/sync/u/0/i/s?hl=pt-BR&amp;c=1360</t>
  </si>
  <si>
    <t>mail.google.com/sync/u/0/i/s?hl=pt-BR&amp;c=1362</t>
  </si>
  <si>
    <t>mail.google.com/sync/u/0/i/s?hl=pt-BR&amp;c=1364</t>
  </si>
  <si>
    <t>mail.google.com/sync/u/0/i/s?hl=pt-BR&amp;c=1366</t>
  </si>
  <si>
    <t>mail.google.com/sync/u/0/i/s?hl=pt-BR&amp;c=1368</t>
  </si>
  <si>
    <t>mail.google.com/sync/u/0/i/s?hl=pt-BR&amp;c=1371</t>
  </si>
  <si>
    <t>mail.google.com/sync/u/0/i/s?hl=pt-BR&amp;c=1373</t>
  </si>
  <si>
    <t>mail.google.com/sync/u/0/i/s?hl=pt-BR&amp;c=1375</t>
  </si>
  <si>
    <t>10.200.57.214</t>
  </si>
  <si>
    <t>64-1C-67-9C-34-5D</t>
  </si>
  <si>
    <t>NB-LUIZAV</t>
  </si>
  <si>
    <t>luizavs</t>
  </si>
  <si>
    <t>C:\Users\luizavs\Desktop\</t>
  </si>
  <si>
    <t>Resultado Semanal D2C - Dez19.xlsx</t>
  </si>
  <si>
    <t>6e494def-bb02-4221-b0d7-d3cfd390b454.tmp</t>
  </si>
  <si>
    <t>\\acsfs\profiles$\henriqueco\Downloads\6e494def-bb02-4221-b0d7-d3cfd390b454.tmp</t>
  </si>
  <si>
    <t>7df0529c-126c-467d-8a4a-94fa39f12cbf.tmp</t>
  </si>
  <si>
    <t>\\acsfs\profiles$\victorgl\Downloads\7df0529c-126c-467d-8a4a-94fa39f12cbf.tmp</t>
  </si>
  <si>
    <t>C:\Users\vivianercu\Desktop\</t>
  </si>
  <si>
    <t>CSC Viagem_3512450.xlsx</t>
  </si>
  <si>
    <t>1b5e9243-d5a2-4f48-a4d2-af0db7a3e4cb.tmp</t>
  </si>
  <si>
    <t>\\acsfs\profiles$\gabrielamdp\Downloads\1b5e9243-d5a2-4f48-a4d2-af0db7a3e4cb.tmp</t>
  </si>
  <si>
    <t>e8a731eb-3765-40ad-926c-7cd5e1a89660.tmp</t>
  </si>
  <si>
    <t>\\acsfs\profiles$\gabrielamdp\Downloads\e8a731eb-3765-40ad-926c-7cd5e1a89660.tmp</t>
  </si>
  <si>
    <t>4fd9c80d-5114-4d13-9fd7-799ad9bdcfdd.tmp</t>
  </si>
  <si>
    <t>\\acsfs\profiles$\mariajaf\Downloads\4fd9c80d-5114-4d13-9fd7-799ad9bdcfdd.tmp</t>
  </si>
  <si>
    <t>4630b100-8eb0-4ee1-8990-32c455f2c30c.tmp</t>
  </si>
  <si>
    <t>\\acsfs\profiles$\matheusmax\Downloads\4630b100-8eb0-4ee1-8990-32c455f2c30c.tmp</t>
  </si>
  <si>
    <t>1c0566a6-83ad-457b-b3f1-e6a621031ca2.tmp</t>
  </si>
  <si>
    <t>\\acsfs\profiles$\brunalas\Downloads\1c0566a6-83ad-457b-b3f1-e6a621031ca2.tmp</t>
  </si>
  <si>
    <t>c83094fc-bc76-4c96-a68a-95e241cff3fa.tmp</t>
  </si>
  <si>
    <t>\\acsfs\profiles$\brunalas\Downloads\c83094fc-bc76-4c96-a68a-95e241cff3fa.tmp</t>
  </si>
  <si>
    <t>\\acsfs\profiles$\jhonatadss\My Documents\</t>
  </si>
  <si>
    <t>Jhonata.txt</t>
  </si>
  <si>
    <t>\\acsfs\profiles$\jhonatadss\My Documents\Jhonata.txt</t>
  </si>
  <si>
    <t>fbe80655-1573-4ee9-8843-40a3e5c2924a.tmp</t>
  </si>
  <si>
    <t>\\acsfs\profiles$\gabrielamdp\Downloads\fbe80655-1573-4ee9-8843-40a3e5c2924a.tmp</t>
  </si>
  <si>
    <t>C:\Users\edilsonrb\Documents\02.Trabalho\86.ANO.2020\01.CLIENTES\01.PRUDENTIAL\01.JANEIRO\01.FORNECEDORES\</t>
  </si>
  <si>
    <t>Escopo.Contratação.xlsx</t>
  </si>
  <si>
    <t>Mariana 2.jpg</t>
  </si>
  <si>
    <t>mail.google.com/_/upload?authuser=0&amp;dcp=asu-n&amp;upload_id=AEnB2UrkfZtYYPaPim0-RH7HyIJHynzlYvhf05hbBWlSbvJqdyjpLxmE2xwHc8zvl4p1t23KzC4_4Ba2HN0jvC10yhEDnRrg7xwYVthFpXIyfHXZIe9Pu4U&amp;upload_protocol=resumable</t>
  </si>
  <si>
    <t>Mariana.jpg</t>
  </si>
  <si>
    <t>mail.google.com/sync/u/0/i/s?hl=pt-BR&amp;c=250</t>
  </si>
  <si>
    <t>links links links links links links links links.txt</t>
  </si>
  <si>
    <t>\\acsfs\profiles$\alessandraan\My Documents\links links links links links links links links.txt</t>
  </si>
  <si>
    <t>MATERIAL DE APOIO.txt</t>
  </si>
  <si>
    <t>\\acsfs\profiles$\alessandraan\My Documents\MATERIAL DE APOIO.txt</t>
  </si>
  <si>
    <t>\\acsfs\profiles$\alessandraan\My Documents\$RECYCLE.BIN\</t>
  </si>
  <si>
    <t>$IJ45N8B.txt</t>
  </si>
  <si>
    <t>\\acsfs\profiles$\alessandraan\My Documents\$RECYCLE.BIN\$IJ45N8B.txt</t>
  </si>
  <si>
    <t>$IIYWCYF.txt</t>
  </si>
  <si>
    <t>\\acsfs\profiles$\alessandraan\My Documents\$RECYCLE.BIN\$IIYWCYF.txt</t>
  </si>
  <si>
    <t>$ISVDC94.txt</t>
  </si>
  <si>
    <t>\\acsfs\profiles$\alessandraan\My Documents\$RECYCLE.BIN\$ISVDC94.txt</t>
  </si>
  <si>
    <t>$I9QMEVF.txt</t>
  </si>
  <si>
    <t>\\acsfs\profiles$\alessandraan\My Documents\$RECYCLE.BIN\$I9QMEVF.txt</t>
  </si>
  <si>
    <t>$I1V9EIQ.txt</t>
  </si>
  <si>
    <t>\\acsfs\profiles$\alessandraan\My Documents\$RECYCLE.BIN\$I1V9EIQ.txt</t>
  </si>
  <si>
    <t>$IFRZGNK.txt</t>
  </si>
  <si>
    <t>\\acsfs\profiles$\alessandraan\My Documents\$RECYCLE.BIN\$IFRZGNK.txt</t>
  </si>
  <si>
    <t>$IIAZCJ8.txt</t>
  </si>
  <si>
    <t>\\acsfs\profiles$\alessandraan\My Documents\$RECYCLE.BIN\$IIAZCJ8.txt</t>
  </si>
  <si>
    <t>mail.google.com/sync/u/0/i/s?hl=pt-BR&amp;c=145</t>
  </si>
  <si>
    <t>mail.google.com/sync/u/0/i/s?hl=pt-BR&amp;c=152</t>
  </si>
  <si>
    <t>100035125381406,fÉrias</t>
  </si>
  <si>
    <t>mail.google.com/sync/u/0/i/s?hl=pt-BR&amp;c=163</t>
  </si>
  <si>
    <t>f2f44e01-5628-469c-bef0-98a4a863e391.tmp</t>
  </si>
  <si>
    <t>\\acsfs\profiles$\alinepp\Downloads\f2f44e01-5628-469c-bef0-98a4a863e391.tmp</t>
  </si>
  <si>
    <t>3446cb8e-cdf8-4a39-967a-73b6338d2d1f.tmp</t>
  </si>
  <si>
    <t>\\acsfs\profiles$\gabriellalpr\Downloads\3446cb8e-cdf8-4a39-967a-73b6338d2d1f.tmp</t>
  </si>
  <si>
    <t>https://www.portalfornecedores.tim.com.br/sap/bc/webdynpro/sap/zwd_cf/;sap-ext-sid=npzi36dclssglynj8itjsw--iafkf2eumx0o4_lck4r1va--/~wd_key/?sap-contextid=sid:anon:hsapp1s_p1s_00:2fd43o9qm-vb0qfxhkfzsukjyf7gzbq6cfc_xqth-new&amp;sap-wd-resource-id=wd24&amp;sap-wd-secure-id=ecab8ee72a2c089e558ab9f0ed40a57e</t>
  </si>
  <si>
    <t>Pedidos - 2020-01-02T182200.165.csv</t>
  </si>
  <si>
    <t>7f4eb816-3e97-4314-950b-5d2beee0ec21.tmp</t>
  </si>
  <si>
    <t>\\acsfs\profiles$\andrezacapf\Downloads\7f4eb816-3e97-4314-950b-5d2beee0ec21.tmp</t>
  </si>
  <si>
    <t>$IPSUIP0.txt</t>
  </si>
  <si>
    <t>\\acsfs\profiles$\alessandraan\My Documents\$RECYCLE.BIN\$IPSUIP0.txt</t>
  </si>
  <si>
    <t>$IM1VUP9.txt</t>
  </si>
  <si>
    <t>\\acsfs\profiles$\alessandraan\My Documents\$RECYCLE.BIN\$IM1VUP9.txt</t>
  </si>
  <si>
    <t>mail.google.com/sync/u/0/i/s?hl=pt-BR&amp;c=169</t>
  </si>
  <si>
    <t>algartechcpcbv@algartech.com;andrelpsa@algartech.com;fabriciadc@algartech.com.br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fabriciadc@algartech.com.br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\\acsfs\profiles$\ciceraads\My Documents\xworkcenter\logs\</t>
  </si>
  <si>
    <t>XLOG_ciceraads_02012020_182444.log</t>
  </si>
  <si>
    <t>\\acsfs\profiles$\ciceraads\My Documents\xworkcenter\logs\XLOG_ciceraads_02012020_182444.log</t>
  </si>
  <si>
    <t>046a1798-f642-4470-8d17-d32474d663e0.tmp</t>
  </si>
  <si>
    <t>\\acsfs\profiles$\andreapdsg\Downloads\046a1798-f642-4470-8d17-d32474d663e0.tmp</t>
  </si>
  <si>
    <t>Pedidos - 2020-01-02T182702.038.csv</t>
  </si>
  <si>
    <t>63dc3a4a-9328-4279-9aa2-b4f017df9f4a.tmp</t>
  </si>
  <si>
    <t>\\acsfs\profiles$\fabianafv\Downloads\63dc3a4a-9328-4279-9aa2-b4f017df9f4a.tmp</t>
  </si>
  <si>
    <t>d899f3f2-4fbe-49dc-a64a-81108bb5d047.tmp</t>
  </si>
  <si>
    <t>\\acsfs\profiles$\fabianafv\Downloads\d899f3f2-4fbe-49dc-a64a-81108bb5d047.tmp</t>
  </si>
  <si>
    <t>78-2B-CB-C1-06-92</t>
  </si>
  <si>
    <t>VOTORANT-YB006</t>
  </si>
  <si>
    <t>GABRIELE OLIVEIRA DE SOUSA (541).contact</t>
  </si>
  <si>
    <t>\\acsfs\profiles$\gabrieleods\Contacts\GABRIELE OLIVEIRA DE SOUSA (541).contact</t>
  </si>
  <si>
    <t>E:\INVESTIMENTOS\EXTRATO-CONTA-CORRENTE\</t>
  </si>
  <si>
    <t>Extrato Conta Corrente-12-12-2019.xlsx</t>
  </si>
  <si>
    <t>Removable Storage</t>
  </si>
  <si>
    <t>E:\INVESTIMENTOS\EXTRATO-CONTA-CORRENTE\Extrato Conta Corrente-12-12-2019.xlsx</t>
  </si>
  <si>
    <t>Pedidos - 2020-01-02T182822.554.csv</t>
  </si>
  <si>
    <t>ab27d0c0-3077-419a-854b-364fc114b6d3.tmp</t>
  </si>
  <si>
    <t>\\acsfs\profiles$\andrezacapf\Downloads\ab27d0c0-3077-419a-854b-364fc114b6d3.tmp</t>
  </si>
  <si>
    <t>aca1346a-1a2c-45a6-83fe-a036f3312dae.tmp</t>
  </si>
  <si>
    <t>\\acsfs\profiles$\andrezacapf\Downloads\aca1346a-1a2c-45a6-83fe-a036f3312dae.tmp</t>
  </si>
  <si>
    <t>f2c16d4e-4b4f-4f7f-bf4b-29c676973893.tmp</t>
  </si>
  <si>
    <t>\\acsfs\profiles$\andrezacapf\Downloads\f2c16d4e-4b4f-4f7f-bf4b-29c676973893.tmp</t>
  </si>
  <si>
    <t>7ad39ba4-c009-481d-bdd5-efa81d76ff08.tmp</t>
  </si>
  <si>
    <t>\\acsfs\profiles$\andrezacapf\Downloads\7ad39ba4-c009-481d-bdd5-efa81d76ff08.tmp</t>
  </si>
  <si>
    <t>ac1dfa38-cc48-4518-bf0b-525cd54f9742.tmp</t>
  </si>
  <si>
    <t>\\acsfs\profiles$\andrezacapf\Downloads\ac1dfa38-cc48-4518-bf0b-525cd54f9742.tmp</t>
  </si>
  <si>
    <t>eaec9085-b57f-4187-83d7-8c9948238dbb.tmp</t>
  </si>
  <si>
    <t>\\acsfs\profiles$\andrezacapf\Downloads\eaec9085-b57f-4187-83d7-8c9948238dbb.tmp</t>
  </si>
  <si>
    <t>https://algartechcpcbv@algartech.com,andrelpsa@algartech.com,fabriciadc@algartech.com.br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87852f88-73c4-418a-92f1-a6993f5c61e2.tmp</t>
  </si>
  <si>
    <t>\\acsfs\profiles$\gabrielamdp\Downloads\87852f88-73c4-418a-92f1-a6993f5c61e2.tmp</t>
  </si>
  <si>
    <t>6733f983-e39b-49ed-a214-5fd4bb36d73a.tmp</t>
  </si>
  <si>
    <t>\\acsfs\profiles$\henriqueco\Downloads\6733f983-e39b-49ed-a214-5fd4bb36d73a.tmp</t>
  </si>
  <si>
    <t>c7ad6180-9eac-4e6f-b8c2-31729a3bb30c.tmp</t>
  </si>
  <si>
    <t>\\acsfs\profiles$\andrezacapf\Downloads\c7ad6180-9eac-4e6f-b8c2-31729a3bb30c.tmp</t>
  </si>
  <si>
    <t>6d568d88-1e02-4fa4-a828-7d573ad45d14.tmp</t>
  </si>
  <si>
    <t>\\acsfs\profiles$\gabrieleods\Downloads\6d568d88-1e02-4fa4-a828-7d573ad45d14.tmp</t>
  </si>
  <si>
    <t>mail.google.com/sync/u/0/i/s?hl=pt-BR&amp;c=236</t>
  </si>
  <si>
    <t>mail.google.com/sync/u/0/i/s?hl=pt-BR&amp;c=238</t>
  </si>
  <si>
    <t>5db1ffe0-f00c-44b0-b116-198109534fc2.tmp</t>
  </si>
  <si>
    <t>\\acsfs\profiles$\victorgl\Downloads\5db1ffe0-f00c-44b0-b116-198109534fc2.tmp</t>
  </si>
  <si>
    <t>5fe97b2a-4192-42fb-9db0-9304c9dd15dc.tmp</t>
  </si>
  <si>
    <t>\\acsfs\profiles$\leonardocb\Downloads\5fe97b2a-4192-42fb-9db0-9304c9dd15dc.tmp</t>
  </si>
  <si>
    <t>800d7d16-d3f9-4945-a3ce-e70326e64511.tmp</t>
  </si>
  <si>
    <t>\\acsfs\profiles$\leonardocb\Downloads\800d7d16-d3f9-4945-a3ce-e70326e64511.tmp</t>
  </si>
  <si>
    <t>76bd831e-f1cd-4690-abe2-1e59b2a8f797.tmp</t>
  </si>
  <si>
    <t>\\acsfs\profiles$\leonardocb\Downloads\76bd831e-f1cd-4690-abe2-1e59b2a8f797.tmp</t>
  </si>
  <si>
    <t>andrelpsa@algartech.com;joaopsan@algartech.com;leonardoao@algartech.com;maristelavodq@bv.algartech.com;supervisaobancovotorantim@algartech.com;thiagolrc@bv.algartech.com;</t>
  </si>
  <si>
    <t>andrelpsa@algartech.com,joaopsan@algartech.com,leonardoao@algartech.com,maristelavodq@bv.algartech.com,supervisaobancovotorantim@algartech.com,thiagolrc@bv.algartech.com</t>
  </si>
  <si>
    <t>mail.google.com/sync/u/0/i/s?hl=pt-BR&amp;c=64</t>
  </si>
  <si>
    <t>mail.google.com/sync/u/0/i/s?hl=pt-BR&amp;c=66</t>
  </si>
  <si>
    <t>100035125381406;fabriciadc@algartech.com.br;joaogvc@algartech.com;josiascdsj@algartech.com;marianadjc@algartech.com;rafaelggs@algartech.com;taysdss@algartech.com;viniciussg@algartech.com;</t>
  </si>
  <si>
    <t>100035125381406,fabriciadc@algartech.com.br,joaogvc@algartech.com,josiascdsj@algartech.com,marianadjc@algartech.com,rafaelggs@algartech.com,taysdss@algartech.com,viniciussg@algartech.com</t>
  </si>
  <si>
    <t>b8912fda-1ecc-4969-95a2-428f632f866b.tmp</t>
  </si>
  <si>
    <t>\\acsfs\profiles$\alinepp\Downloads\b8912fda-1ecc-4969-95a2-428f632f866b.tmp</t>
  </si>
  <si>
    <t>mail.google.com/sync/u/0/i/s?hl=pt-BR&amp;c=260</t>
  </si>
  <si>
    <t>mail.google.com/sync/u/0/i/s?hl=pt-BR&amp;c=262</t>
  </si>
  <si>
    <t>mail.google.com/sync/u/0/i/s?hl=pt-BR&amp;c=266</t>
  </si>
  <si>
    <t>mail.google.com/sync/u/0/i/s?hl=pt-BR&amp;c=273</t>
  </si>
  <si>
    <t>https://www.portalfornecedores.tim.com.br/sap/bc/webdynpro/sap/zwd_cf/;sap-ext-sid=npzi36dclssglynj8itjsw--iafkf2eumx0o4_lck4r1va--/~wd_key/?sap-contextid=sid:anon:hsapp1s_p1s_00:2fd42dcgck162vnvrlnm_nh-yppgzboid1dd8bhq-new&amp;sap-wd-resource-id=wd24&amp;sap-wd-secure-id=fac4e85c00a5a2e7ff9ab65817030da8</t>
  </si>
  <si>
    <t>Pedidos - 2020-01-02T184646.237.csv</t>
  </si>
  <si>
    <t>12c6f566-f2c1-4910-a4ab-879634595bd6.tmp</t>
  </si>
  <si>
    <t>\\acsfs\profiles$\leonardocb\Downloads\12c6f566-f2c1-4910-a4ab-879634595bd6.tmp</t>
  </si>
  <si>
    <t>C:\Users\flaviacno\AppData\Roaming\Adobe\LogTransport2\Logs\</t>
  </si>
  <si>
    <t>ulog_AcroARM2_Reader_3b8210f9-3618-47e4-b9cc-5aaaba62831a_f44ad36c-0bd2-4a93-bb23-779399baf863_0.log</t>
  </si>
  <si>
    <t>C:\Users\flaviacno\AppData\Roaming\Adobe\LogTransport2\Logs\ulog_AcroARM2_Reader_3b8210f9-3618-47e4-b9cc-5aaaba62831a_f44ad36c-0bd2-4a93-bb23-779399baf863_0.log\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</t>
  </si>
  <si>
    <t>Guia Prático da Supervisão - Oficial.doc</t>
  </si>
  <si>
    <t>mail.google.com/sync/u/0/i/s?hl=pt-BR&amp;c=289</t>
  </si>
  <si>
    <t>mail.google.com/sync/u/0/i/s?hl=pt-BR&amp;c=293</t>
  </si>
  <si>
    <t>mail.google.com/sync/u/0/i/s?hl=pt-BR&amp;c=299</t>
  </si>
  <si>
    <t>mail.google.com/sync/u/0/i/s?hl=pt-BR&amp;c=306</t>
  </si>
  <si>
    <t>Pedidos - 2020-01-02T185003.399.csv</t>
  </si>
  <si>
    <t>Pedidos - 2020-01-02T185149.979.csv</t>
  </si>
  <si>
    <t>image2020-01-02-183718.pdf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</t>
  </si>
  <si>
    <t>C:\Users\robsonams\Desktop\</t>
  </si>
  <si>
    <t>HORA EXTRA - 03-01.xlsx</t>
  </si>
  <si>
    <t>10.200.67.10</t>
  </si>
  <si>
    <t>74-86-7A-FB-18-6D</t>
  </si>
  <si>
    <t>VOTORANT-FB013</t>
  </si>
  <si>
    <t>mail.google.com/sync/u/0/i/s?hl=pt-BR&amp;c=214</t>
  </si>
  <si>
    <t>mail.google.com/sync/u/0/i/s?hl=pt-BR&amp;c=220</t>
  </si>
  <si>
    <t>mail.google.com/sync/u/0/i/s?hl=pt-BR&amp;c=109</t>
  </si>
  <si>
    <t>8ca761a5-dfc3-4c1a-9368-b2028aeb5e25.tmp</t>
  </si>
  <si>
    <t>\\acsfs\profiles$\laurandos\Downloads\8ca761a5-dfc3-4c1a-9368-b2028aeb5e25.tmp</t>
  </si>
  <si>
    <t>Verificar faturamento - BBN TIM.xlsx</t>
  </si>
  <si>
    <t>10.200.67.4</t>
  </si>
  <si>
    <t>64-1C-67-9D-1B-E2</t>
  </si>
  <si>
    <t>VOTORANT-FB007</t>
  </si>
  <si>
    <t>\\acsfs\profiles$\marcosvnds\Contacts\</t>
  </si>
  <si>
    <t>MARCOS VINICIUS NARCIZO DA SILVA (14966).contact</t>
  </si>
  <si>
    <t>\\acsfs\profiles$\marcosvnds\Contacts\MARCOS VINICIUS NARCIZO DA SILVA (14966).contact</t>
  </si>
  <si>
    <t>\\acsfs\profiles$\marcosvnds\My Documents\My Videos\</t>
  </si>
  <si>
    <t>\\acsfs\profiles$\marcosvnds\My Documents\My Videos\desktop.ini</t>
  </si>
  <si>
    <t>\\acsfs\profiles$\marcosvnds\My Documents\My Pictures\</t>
  </si>
  <si>
    <t>\\acsfs\profiles$\marcosvnds\My Documents\My Pictures\desktop.ini</t>
  </si>
  <si>
    <t>\\acsfs\profiles$\marcosvnds\Contacts\desktop.ini</t>
  </si>
  <si>
    <t>\\acsfs\profiles$\marcosvnds\Favorites\</t>
  </si>
  <si>
    <t>\\acsfs\profiles$\marcosvnds\Favorites\desktop.ini</t>
  </si>
  <si>
    <t>\\acsfs\profiles$\marcosvnds\My Documents\My Music\</t>
  </si>
  <si>
    <t>\\acsfs\profiles$\marcosvnds\My Documents\My Music\desktop.ini</t>
  </si>
  <si>
    <t>\\acsfs\profiles$\marcosvnds\Searches\</t>
  </si>
  <si>
    <t>\\acsfs\profiles$\marcosvnds\Searches\desktop.ini</t>
  </si>
  <si>
    <t>\\acsfs\profiles$\marcosvnds\Downloads\desktop.ini</t>
  </si>
  <si>
    <t>\\acsfs\profiles$\marcosvnds\My Documents\</t>
  </si>
  <si>
    <t>\\acsfs\profiles$\marcosvnds\My Documents\desktop.ini</t>
  </si>
  <si>
    <t>\\acsfs\profiles$\marcosvnds\Saved Games\</t>
  </si>
  <si>
    <t>\\acsfs\profiles$\marcosvnds\Saved Games\desktop.ini</t>
  </si>
  <si>
    <t>\\acsfs\profiles$\marcosvnds\Favorites\Links for Brasil\</t>
  </si>
  <si>
    <t>\\acsfs\profiles$\marcosvnds\Favorites\Links for Brasil\desktop.ini</t>
  </si>
  <si>
    <t>\\acsfs\profiles$\marcosvnds\Favorites\Links for Brasil\Microsoft Brasil.url</t>
  </si>
  <si>
    <t>\\acsfs\profiles$\marcosvnds\Favorites\Links for Brasil\Windows Brasil.url</t>
  </si>
  <si>
    <t>\\acsfs\profiles$\marcosvnds\Favorites\Links for Brasil\MSN Brasil.url</t>
  </si>
  <si>
    <t>abb66099-4d7e-4daf-af3d-4411841e7b3e.tmp</t>
  </si>
  <si>
    <t>\\acsfs\profiles$\gabrielamdp\Downloads\abb66099-4d7e-4daf-af3d-4411841e7b3e.tmp</t>
  </si>
  <si>
    <t>XLOG_marcosvnds_02012020_143152.log</t>
  </si>
  <si>
    <t>\\acsfs\profiles$\marcosvnds\My Documents\xworkcenter\logs\XLOG_marcosvnds_02012020_143152.log</t>
  </si>
  <si>
    <t>87173e3b-dda1-44e1-8b8a-fbe10b719aea.tmp</t>
  </si>
  <si>
    <t>\\acsfs\profiles$\cintiadjl\Downloads\87173e3b-dda1-44e1-8b8a-fbe10b719aea.tmp</t>
  </si>
  <si>
    <t>d7d9068d-f9b6-40f4-bea0-43f18781bf2a.tmp</t>
  </si>
  <si>
    <t>\\acsfs\profiles$\cintiadjl\Downloads\d7d9068d-f9b6-40f4-bea0-43f18781bf2a.tmp</t>
  </si>
  <si>
    <t>645f76a6-8e55-498e-a48b-e336109dede3.tmp</t>
  </si>
  <si>
    <t>\\acsfs\profiles$\brendadsl\Downloads\645f76a6-8e55-498e-a48b-e336109dede3.tmp</t>
  </si>
  <si>
    <t>6b6503ff-c3b8-4cde-b525-81efb3311717.tmp</t>
  </si>
  <si>
    <t>\\acsfs\profiles$\marcosvnds\Downloads\6b6503ff-c3b8-4cde-b525-81efb3311717.tmp</t>
  </si>
  <si>
    <t>559ad48e-af4b-487e-ac64-1ce52aee6ce8.tmp</t>
  </si>
  <si>
    <t>\\acsfs\profiles$\marcosvnds\Downloads\559ad48e-af4b-487e-ac64-1ce52aee6ce8.tmp</t>
  </si>
  <si>
    <t>0c742a6c-b364-43e1-b4db-32cf9ff9988b.tmp</t>
  </si>
  <si>
    <t>\\acsfs\profiles$\marcosvnds\Downloads\0c742a6c-b364-43e1-b4db-32cf9ff9988b.tmp</t>
  </si>
  <si>
    <t>10.200.67.165</t>
  </si>
  <si>
    <t>74-86-7A-FB-17-2D</t>
  </si>
  <si>
    <t>VOTORANT-LB007</t>
  </si>
  <si>
    <t>lorenacagf</t>
  </si>
  <si>
    <t>lorenacagf@bv.algartech.com</t>
  </si>
  <si>
    <t>https://udpmailboxap01.acs.com.br:8443/h/search?si=0&amp;so=0&amp;sc=60134&amp;sfi=2&amp;st=conversation&amp;action=compose&amp;paction=rowview</t>
  </si>
  <si>
    <t>flaviacno@algartech.com;gabrielbmdl@bv.algartech.com;</t>
  </si>
  <si>
    <t>https://flaviacno@algartech.com,gabrielbmdl@bv.algartech.com</t>
  </si>
  <si>
    <t>10.200.67.62</t>
  </si>
  <si>
    <t>74-86-7A-FE-0D-C8</t>
  </si>
  <si>
    <t>VOTORANT-ACB021</t>
  </si>
  <si>
    <t>larisacc</t>
  </si>
  <si>
    <t>\\acsfs\DEPTOS\EDUCACAO EMPRESARIAL\</t>
  </si>
  <si>
    <t>\\acsfs\DEPTOS\EDUCACAO EMPRESARIAL\Thumbs.db</t>
  </si>
  <si>
    <t>4eb8e966-8546-4e19-b0ee-76fd0f5038df.tmp</t>
  </si>
  <si>
    <t>\\acsfs\profiles$\joycemmdl\Downloads\4eb8e966-8546-4e19-b0ee-76fd0f5038df.tmp</t>
  </si>
  <si>
    <t>lu2557633n8ow.tmp</t>
  </si>
  <si>
    <t>\\acsfs\profiles$\jalilebds\Downloads\lu2557633n8ow.tmp</t>
  </si>
  <si>
    <t>larisacc@algartech.com</t>
  </si>
  <si>
    <t>larisacc@algartecnologia.com.br;lauanedjs@algartech.com;</t>
  </si>
  <si>
    <t>larisacc@algartecnologia.com.br,lauanedjs@algartech.com</t>
  </si>
  <si>
    <t>lu2557633n8oz.tmp</t>
  </si>
  <si>
    <t>\\acsfs\profiles$\jalilebds\Downloads\lu2557633n8oz.tmp</t>
  </si>
  <si>
    <t>\\acsfs\DEPTOS\EDUCACAO EMPRESARIAL\2 - Operações\0.01 BV CARTÕES\Larisa\Formação BV\</t>
  </si>
  <si>
    <t>\\acsfs\DEPTOS\EDUCACAO EMPRESARIAL\2 - Operações\0.01 BV CARTÕES\Larisa\Formação BV\Thumbs.db</t>
  </si>
  <si>
    <t>\\acsfs\QLD\Gestão por Processos\Oficiais\Indicadores\VBA\GTO 2.0\DataBase\</t>
  </si>
  <si>
    <t>data_base.ldb</t>
  </si>
  <si>
    <t>\\acsfs\QLD\Gestão por Processos\Oficiais\Indicadores\VBA\GTO 2.0\DataBase\data_base.ldb</t>
  </si>
  <si>
    <t>data_base.mdb</t>
  </si>
  <si>
    <t>\\acsfs\QLD\Gestão por Processos\Oficiais\Indicadores\VBA\GTO 2.0\DataBase\data_base.mdb</t>
  </si>
  <si>
    <t>\\acsfs\qld\Gestão por Processos\Oficiais\Indicadores\VBA\GTO 2.0\Anexos_Gto\Plano_Aula\78548\</t>
  </si>
  <si>
    <t>7010_PLANO DE AULA BV CARTÕES.xls</t>
  </si>
  <si>
    <t>\\acsfs\qld\Gestão por Processos\Oficiais\Indicadores\VBA\GTO 2.0\Anexos_Gto\Plano_Aula\78548\7010_PLANO DE AULA BV CARTÕES.xls</t>
  </si>
  <si>
    <t>XLOG_marcosvnds_02012020_191939.log</t>
  </si>
  <si>
    <t>\\acsfs\profiles$\marcosvnds\My Documents\xworkcenter\logs\XLOG_marcosvnds_02012020_191939.log</t>
  </si>
  <si>
    <t>7c3b2962-fe29-4735-be67-10365645f842.tmp</t>
  </si>
  <si>
    <t>\\acsfs\profiles$\brunalas\Downloads\7c3b2962-fe29-4735-be67-10365645f842.tmp</t>
  </si>
  <si>
    <t>C:\Users\gustavodsil\Downloads\</t>
  </si>
  <si>
    <t>Deslig.Lisandra.pdf</t>
  </si>
  <si>
    <t>CDI_MANUAL_ Lis.xlsx</t>
  </si>
  <si>
    <t>mirianppb@algartech.com;</t>
  </si>
  <si>
    <t>mirianppb@algartech.com</t>
  </si>
  <si>
    <t>ericsonns@algartech.com;mirianppb@algartech.com;</t>
  </si>
  <si>
    <t>ericsonns@algartech.com,mirianppb@algartech.com</t>
  </si>
  <si>
    <t>Check List.xls</t>
  </si>
  <si>
    <t>\\acsfs\DEPTOS\EDUCACAO EMPRESARIAL\2 - Operações\0.01 BV CARTÕES\Larisa\Formação BV\Check List.xls</t>
  </si>
  <si>
    <t>84f300f3-3f12-4ae2-95e3-da144ed67690.tmp</t>
  </si>
  <si>
    <t>\\acsfs\profiles$\marcosvnds\Downloads\84f300f3-3f12-4ae2-95e3-da144ed67690.tmp</t>
  </si>
  <si>
    <t>mail.google.com/sync/u/0/i/s?hl=pt-BR&amp;c=159</t>
  </si>
  <si>
    <t>8a10d08d-b19d-407e-9930-1980a74ed626.tmp</t>
  </si>
  <si>
    <t>\\acsfs\profiles$\rosileiam\Downloads\8a10d08d-b19d-407e-9930-1980a74ed626.tmp</t>
  </si>
  <si>
    <t>e94704b9-b4f7-4f51-9052-fad9a4f5c899.tmp</t>
  </si>
  <si>
    <t>\\acsfs\profiles$\erichds\Downloads\e94704b9-b4f7-4f51-9052-fad9a4f5c899.tmp</t>
  </si>
  <si>
    <t>f0a93fae-8178-4788-b53a-f934d2f1ee95.tmp</t>
  </si>
  <si>
    <t>\\acsfs\profiles$\marcosvnds\Downloads\f0a93fae-8178-4788-b53a-f934d2f1ee95.tmp</t>
  </si>
  <si>
    <t>db94eb4b-cd31-4da4-b6fc-65735db23b0a.tmp</t>
  </si>
  <si>
    <t>\\acsfs\profiles$\leonardocb\Downloads\db94eb4b-cd31-4da4-b6fc-65735db23b0a.tmp</t>
  </si>
  <si>
    <t>a6c8c912-4eaa-4180-99bf-aad5f4e6893b.tmp</t>
  </si>
  <si>
    <t>\\acsfs\profiles$\marcosvnds\Downloads\a6c8c912-4eaa-4180-99bf-aad5f4e6893b.tmp</t>
  </si>
  <si>
    <t>mail.google.com/sync/u/0/i/s?hl=pt-BR&amp;c=4</t>
  </si>
  <si>
    <t>mail.google.com/sync/u/0/i/s?hl=pt-BR&amp;c=6</t>
  </si>
  <si>
    <t>mail.google.com/sync/u/0/i/s?hl=pt-BR&amp;c=8</t>
  </si>
  <si>
    <t>05b794f1-609c-48e0-94ba-d4c52aa83c1a.tmp</t>
  </si>
  <si>
    <t>\\acsfs\profiles$\alinepp\Downloads\05b794f1-609c-48e0-94ba-d4c52aa83c1a.tmp</t>
  </si>
  <si>
    <t>10.200.58.53</t>
  </si>
  <si>
    <t>74-86-7A-FB-16-E9</t>
  </si>
  <si>
    <t>VOTORANT-ABB023</t>
  </si>
  <si>
    <t>GABRIELE OLIVEIRA DE SOUSA (27295).contact</t>
  </si>
  <si>
    <t>\\acsfs\profiles$\gabrieleods\Contacts\GABRIELE OLIVEIRA DE SOUSA (27295).contact</t>
  </si>
  <si>
    <t>8041fbfb-90e8-4431-8479-9cee7092d605.tmp</t>
  </si>
  <si>
    <t>\\acsfs\profiles$\rosileiam\Downloads\8041fbfb-90e8-4431-8479-9cee7092d605.tmp</t>
  </si>
  <si>
    <t>3e5ac319-46dc-457c-8c9a-a095f61f604a.tmp</t>
  </si>
  <si>
    <t>\\acsfs\profiles$\marcosvnds\Downloads\3e5ac319-46dc-457c-8c9a-a095f61f604a.tmp</t>
  </si>
  <si>
    <t>https://100035125381406,fabriciadc@algartech.com.br,joaogvc@algartech.com,josiascdsj@algartech.com,marianadjc@algartech.com,rafaelggs@algartech.com,taysdss@algartech.com,viniciussg@algartech.com</t>
  </si>
  <si>
    <t>c056bcde-6545-42a7-a660-ff295d60462a.tmp</t>
  </si>
  <si>
    <t>\\acsfs\profiles$\gabrieleods\Downloads\c056bcde-6545-42a7-a660-ff295d60462a.tmp</t>
  </si>
  <si>
    <t>f370e7f3-7953-4e3b-bf9f-971fb3bb0a8d.tmp</t>
  </si>
  <si>
    <t>\\acsfs\profiles$\gabrieleods\Downloads\f370e7f3-7953-4e3b-bf9f-971fb3bb0a8d.tmp</t>
  </si>
  <si>
    <t>fabriciadc@algartech.com.br;joaogvc@algartech.com;josiascdsj@algartech.com;leonardoao@algartech.com;marianadjc@algartech.com;rafaelggs@algartech.com;taysdss@algartech.com;thiagordu@algartech.com;viniciussg@algartech.com;</t>
  </si>
  <si>
    <t>fabriciadc@algartech.com.br,joaogvc@algartech.com,josiascdsj@algartech.com,leonardoao@algartech.com,marianadjc@algartech.com,rafaelggs@algartech.com,taysdss@algartech.com,thiagordu@algartech.com,viniciussg@algartech.com</t>
  </si>
  <si>
    <t>100035125381406;joaogvc@algartech.com;leonardoao@algartech.com;marianadjc@algartech.com;rafaelggs@algartech.com;taysdss@algartech.com;thiagordu@algartech.com;viniciussg@algartech.com;</t>
  </si>
  <si>
    <t>100035125381406,joaogvc@algartech.com,leonardoao@algartech.com,marianadjc@algartech.com,rafaelggs@algartech.com,taysdss@algartech.com,thiagordu@algartech.com,viniciussg@algartech.com</t>
  </si>
  <si>
    <t>.~lock.CONTAS.ods#</t>
  </si>
  <si>
    <t>\\acsfs\profiles$\regisedsj\My Documents\.~lock.CONTAS.ods#</t>
  </si>
  <si>
    <t>lu1076058amm.tmp</t>
  </si>
  <si>
    <t>\\acsfs\profiles$\regisedsj\My Documents\lu1076058amm.tmp</t>
  </si>
  <si>
    <t>\\acsfs\profiles$\regisedsj\My Documents\lu1076058amm.tmp\</t>
  </si>
  <si>
    <t>\\acsfs\profiles$\regisedsj\My Documents\lu1076058amm.tmp\META-INF\</t>
  </si>
  <si>
    <t>\\acsfs\profiles$\regisedsj\My Documents\lu1076058amm.tmp\Thumbnails\</t>
  </si>
  <si>
    <t>9942529d-513c-467b-9c40-860016cc320f.tmp</t>
  </si>
  <si>
    <t>\\acsfs\profiles$\leonardocb\Downloads\9942529d-513c-467b-9c40-860016cc320f.tmp</t>
  </si>
  <si>
    <t>mail.google.com/sync/u/0/i/s?hl=pt-BR&amp;c=180</t>
  </si>
  <si>
    <t>XLOG_anakcs_02012020_124035.log</t>
  </si>
  <si>
    <t>\\acsfs\profiles$\anakcs\My Documents\xworkcenter\logs\XLOG_anakcs_02012020_124035.log</t>
  </si>
  <si>
    <t>93bb2af6-e5e7-4a82-9497-b8aa1a5f5f17.tmp</t>
  </si>
  <si>
    <t>\\acsfs\profiles$\fabianafv\Downloads\93bb2af6-e5e7-4a82-9497-b8aa1a5f5f17.tmp</t>
  </si>
  <si>
    <t>75cf31e1-da9f-44cd-9bc9-537cf9e65b46.tmp</t>
  </si>
  <si>
    <t>\\acsfs\profiles$\fabianafv\Downloads\75cf31e1-da9f-44cd-9bc9-537cf9e65b46.tmp</t>
  </si>
  <si>
    <t>2a2a372e-55da-447f-9c59-aeec875f1c84.tmp</t>
  </si>
  <si>
    <t>\\acsfs\profiles$\erichds\Downloads\2a2a372e-55da-447f-9c59-aeec875f1c84.tmp</t>
  </si>
  <si>
    <t>dcef0a30-e8d9-46e0-b8b2-9713ab6e89ce.tmp</t>
  </si>
  <si>
    <t>\\acsfs\profiles$\rosileiam\Downloads\dcef0a30-e8d9-46e0-b8b2-9713ab6e89ce.tmp</t>
  </si>
  <si>
    <t>f73b7274-0c40-48a2-b483-4e79634bc35e.tmp</t>
  </si>
  <si>
    <t>\\acsfs\profiles$\edicarlosdl\Downloads\f73b7274-0c40-48a2-b483-4e79634bc35e.tmp</t>
  </si>
  <si>
    <t>48eee896-e547-4155-bb9e-a57bbf8d911b.tmp</t>
  </si>
  <si>
    <t>\\acsfs\profiles$\erichds\Downloads\48eee896-e547-4155-bb9e-a57bbf8d911b.tmp</t>
  </si>
  <si>
    <t>caf96776-a0ef-43d7-b67c-5379064b9395.tmp</t>
  </si>
  <si>
    <t>\\acsfs\profiles$\leonardocb\Downloads\caf96776-a0ef-43d7-b67c-5379064b9395.tmp</t>
  </si>
  <si>
    <t>c8a23b79-f2dd-442d-b90e-065f9ddefb1b.tmp</t>
  </si>
  <si>
    <t>\\acsfs\profiles$\gabrielamdp\Downloads\c8a23b79-f2dd-442d-b90e-065f9ddefb1b.tmp</t>
  </si>
  <si>
    <t>1dc454ce-7813-47d0-b533-124269eb0d62.tmp</t>
  </si>
  <si>
    <t>\\acsfs\profiles$\edicarlosdl\Downloads\1dc454ce-7813-47d0-b533-124269eb0d62.tmp</t>
  </si>
  <si>
    <t>https://173e2545.akstat.io/</t>
  </si>
  <si>
    <t>h2;</t>
  </si>
  <si>
    <t>https://h2</t>
  </si>
  <si>
    <t>$IJPEVS1.xlsx</t>
  </si>
  <si>
    <t>\\acsfs\profiles$\jalilebds\Downloads\$RECYCLE.BIN\$IJPEVS1.xlsx</t>
  </si>
  <si>
    <t>$INKKXLX.xlsx</t>
  </si>
  <si>
    <t>\\acsfs\profiles$\jalilebds\Downloads\$RECYCLE.BIN\$INKKXLX.xlsx</t>
  </si>
  <si>
    <t>mail.google.com/sync/u/0/i/s?hl=pt-BR&amp;c=196</t>
  </si>
  <si>
    <t>mail.google.com/sync/u/0/i/s?hl=pt-BR&amp;c=216</t>
  </si>
  <si>
    <t>mail.google.com/sync/u/0/i/s?hl=pt-BR&amp;c=222</t>
  </si>
  <si>
    <t>100035125381406;algartechcpcbv@algartech.com;andrelpsa@algartech.com;fabriciadc@algartech.com.br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35125381406,algartechcpcbv@algartech.com,andrelpsa@algartech.com,fabriciadc@algartech.com.br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227</t>
  </si>
  <si>
    <t>100035125381406;algartechcpcbv@algartech.com;andrelpsa@algartech.com;fabriciadc@algartech.com.br;joaogvc@algartech.com;josiascdsj@algartech.com;leonardoao@algartech.com;marianadjc@algartech.com;maristelavodq@bv.algartech.com;qualidadealgarbv@algartech.com;rafaelggs@algartech.com;supervisaobancovotorantim@algartech.com;taysdss@algartech.com;thiagolrc@bv.algartech.com;viniciussg@algartech.com;</t>
  </si>
  <si>
    <t>100035125381406,algartechcpcbv@algartech.com,andrelpsa@algartech.com,fabriciadc@algartech.com.br,joaogvc@algartech.com,josiascdsj@algartech.com,leonardoao@algartech.com,marianadjc@algartech.com,maristelavodq@bv.algartech.com,qualidadealgarbv@algartech.com,rafaelggs@algartech.com,supervisaobancovotorantim@algartech.com,taysdss@algartech.com,thiagolrc@bv.algartech.com,viniciussg@algartech.com</t>
  </si>
  <si>
    <t>aec949bf-93c9-4495-b5b5-956515777077.tmp</t>
  </si>
  <si>
    <t>\\acsfs\profiles$\victorgl\Downloads\aec949bf-93c9-4495-b5b5-956515777077.tmp</t>
  </si>
  <si>
    <t>mail.google.com/sync/u/0/i/s?hl=pt-BR&amp;c=248</t>
  </si>
  <si>
    <t>100035125381406;algartechcpcbv@algartech.com;andrelpsa@algartech.com;fabriciadc@algartech.com.br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35125381406,algartechcpcbv@algartech.com,andrelpsa@algartech.com,fabriciadc@algartech.com.br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35125381406;fabriciadc@algartech.com.br;fÉrias;joaogvc@algartech.com;josiascdsj@algartech.com;marianadjc@algartech.com;rafaelggs@algartech.com;taysdss@algartech.com;viniciussg@algartech.com;</t>
  </si>
  <si>
    <t>100035125381406,fabriciadc@algartech.com.br,fÉrias,joaogvc@algartech.com,josiascdsj@algartech.com,marianadjc@algartech.com,rafaelggs@algartech.com,taysdss@algartech.com,viniciussg@algartech.com</t>
  </si>
  <si>
    <t>0dbd5bb9-5423-4811-8f55-ace335ac7613.tmp</t>
  </si>
  <si>
    <t>\\acsfs\profiles$\taylaedoa\Downloads\0dbd5bb9-5423-4811-8f55-ace335ac7613.tmp</t>
  </si>
  <si>
    <t>3d67251d-4055-4cde-bbbd-a3361a9b3605.tmp</t>
  </si>
  <si>
    <t>\\acsfs\profiles$\brendadsl\Downloads\3d67251d-4055-4cde-bbbd-a3361a9b3605.tmp</t>
  </si>
  <si>
    <t>mail.google.com/sync/u/0/i/s?hl=pt-BR&amp;c=295</t>
  </si>
  <si>
    <t>https://100035125381406,fabriciadc@algartech.com.br,fÉrias,joaogvc@algartech.com,josiascdsj@algartech.com,marianadjc@algartech.com,rafaelggs@algartech.com,taysdss@algartech.com,viniciussg@algartech.com</t>
  </si>
  <si>
    <t>39efb672-4bcf-4196-9d32-17bc64644a94.tmp</t>
  </si>
  <si>
    <t>\\acsfs\profiles$\gabrielamdp\Downloads\39efb672-4bcf-4196-9d32-17bc64644a94.tmp</t>
  </si>
  <si>
    <t>1c0d3cf2-b2d4-44b2-bf22-4719c91bc9cf.tmp</t>
  </si>
  <si>
    <t>\\acsfs\profiles$\taylaedoa\Downloads\1c0d3cf2-b2d4-44b2-bf22-4719c91bc9cf.tmp</t>
  </si>
  <si>
    <t>\\acsfs\profiles$\leandromsa\My Documents\Leandro\</t>
  </si>
  <si>
    <t>Valores mes de Janeiro.txt</t>
  </si>
  <si>
    <t>\\acsfs\profiles$\leandromsa\My Documents\Leandro\Valores mes de Janeiro.txt</t>
  </si>
  <si>
    <t>b5938c04-c871-477c-af03-5bbd0dd3775f.tmp</t>
  </si>
  <si>
    <t>\\acsfs\profiles$\nathaliaos\Downloads\b5938c04-c871-477c-af03-5bbd0dd3775f.tmp</t>
  </si>
  <si>
    <t>b2aa9331-ea98-4656-acb2-5b7f6d13b153.tmp</t>
  </si>
  <si>
    <t>\\acsfs\profiles$\leonardocb\Downloads\b2aa9331-ea98-4656-acb2-5b7f6d13b153.tmp</t>
  </si>
  <si>
    <t>bab5dfe0-b9e1-490f-a735-8a8dd2b9aa54.tmp</t>
  </si>
  <si>
    <t>\\acsfs\profiles$\leonardocb\Downloads\bab5dfe0-b9e1-490f-a735-8a8dd2b9aa54.tmp</t>
  </si>
  <si>
    <t>robertm</t>
  </si>
  <si>
    <t>\\acsfs\profiles$\ROBERTM\Downloads\</t>
  </si>
  <si>
    <t>c11ac418-e251-4b8e-be60-b9a186191419.tmp</t>
  </si>
  <si>
    <t>\\acsfs\profiles$\ROBERTM\Downloads\c11ac418-e251-4b8e-be60-b9a186191419.tmp</t>
  </si>
  <si>
    <t>7cbae828-2077-43d8-b300-353818505371.tmp</t>
  </si>
  <si>
    <t>\\acsfs\profiles$\ROBERTM\Downloads\7cbae828-2077-43d8-b300-353818505371.tmp</t>
  </si>
  <si>
    <t>56ab1bac-ca75-40db-ba40-057823e657c8.tmp</t>
  </si>
  <si>
    <t>\\acsfs\profiles$\marlyannegdls\Downloads\56ab1bac-ca75-40db-ba40-057823e657c8.tmp</t>
  </si>
  <si>
    <t>janaynatro</t>
  </si>
  <si>
    <t>\\acsfs\profiles$\janaynatro\Downloads\</t>
  </si>
  <si>
    <t>Holerite_112019_2138871.pdf.uquwu49.partial</t>
  </si>
  <si>
    <t>\\acsfs\profiles$\janaynatro\Downloads\Holerite_112019_2138871.pdf.uquwu49.partial</t>
  </si>
  <si>
    <t>b1ddf020-de28-4ad7-a9a8-4d01ee50286c.tmp</t>
  </si>
  <si>
    <t>\\acsfs\profiles$\ROBERTM\Downloads\b1ddf020-de28-4ad7-a9a8-4d01ee50286c.tmp</t>
  </si>
  <si>
    <t>af063b70-f13e-4d3e-bdd8-41ba03c5469b.tmp</t>
  </si>
  <si>
    <t>\\acsfs\profiles$\marlyannegdls\Downloads\af063b70-f13e-4d3e-bdd8-41ba03c5469b.tmp</t>
  </si>
  <si>
    <t>43524379-b3f9-4005-99c0-9818970301a6.tmp</t>
  </si>
  <si>
    <t>\\acsfs\profiles$\rogeriofd\Downloads\43524379-b3f9-4005-99c0-9818970301a6.tmp</t>
  </si>
  <si>
    <t>9341a7e0-1365-4bc7-ae92-0a79303cdd52.tmp</t>
  </si>
  <si>
    <t>\\acsfs\profiles$\rogeriofd\Downloads\9341a7e0-1365-4bc7-ae92-0a79303cdd52.tmp</t>
  </si>
  <si>
    <t>10.200.67.31</t>
  </si>
  <si>
    <t>74-86-7A-FD-D5-4B</t>
  </si>
  <si>
    <t>VOTORANT-VB019</t>
  </si>
  <si>
    <t>vendas janeiro 2020.txt</t>
  </si>
  <si>
    <t>\\acsfs\profiles$\joycemmdl\My Documents\vendas janeiro 2020.txt</t>
  </si>
  <si>
    <t>a374a4fd-0632-4772-a048-150534a0bdb4.tmp</t>
  </si>
  <si>
    <t>\\acsfs\profiles$\marlyannegdls\Downloads\a374a4fd-0632-4772-a048-150534a0bdb4.tmp</t>
  </si>
  <si>
    <t>3b3d1415-4999-41c7-8b94-a1110e78fe45.tmp</t>
  </si>
  <si>
    <t>\\acsfs\profiles$\marlyannegdls\Downloads\3b3d1415-4999-41c7-8b94-a1110e78fe45.tmp</t>
  </si>
  <si>
    <t>332a4ed7-b771-4404-9d2f-f8b68eefaa29.tmp</t>
  </si>
  <si>
    <t>\\acsfs\profiles$\marlyannegdls\Downloads\332a4ed7-b771-4404-9d2f-f8b68eefaa29.tmp</t>
  </si>
  <si>
    <t>eb729762-1929-4b95-9f91-8da2d5f5b255.tmp</t>
  </si>
  <si>
    <t>\\acsfs\profiles$\marlyannegdls\Downloads\eb729762-1929-4b95-9f91-8da2d5f5b255.tmp</t>
  </si>
  <si>
    <t>9ba81eaf-ff7e-4d24-b389-812888927727.tmp</t>
  </si>
  <si>
    <t>\\acsfs\profiles$\rogeriofd\Downloads\9ba81eaf-ff7e-4d24-b389-812888927727.tmp</t>
  </si>
  <si>
    <t>551becde-a27f-4221-8f1e-b8f99045ede4.tmp</t>
  </si>
  <si>
    <t>\\acsfs\profiles$\rogeriofd\Downloads\551becde-a27f-4221-8f1e-b8f99045ede4.tmp</t>
  </si>
  <si>
    <t>811b2bed-f502-4e31-a328-5e491432e924.tmp</t>
  </si>
  <si>
    <t>\\acsfs\profiles$\ROZENCAM\Downloads\811b2bed-f502-4e31-a328-5e491432e924.tmp</t>
  </si>
  <si>
    <t>d4db36f5-3dfd-492e-b084-30a778447f9c.tmp</t>
  </si>
  <si>
    <t>\\acsfs\profiles$\ROZENCAM\Downloads\d4db36f5-3dfd-492e-b084-30a778447f9c.tmp</t>
  </si>
  <si>
    <t>4bb2f557-8125-470c-b664-d47f7a83f58a.tmp</t>
  </si>
  <si>
    <t>\\acsfs\profiles$\andressagr\Downloads\4bb2f557-8125-470c-b664-d47f7a83f58a.tmp</t>
  </si>
  <si>
    <t>2c822b0d-9634-4da4-9038-2bdb5603f3a9.tmp</t>
  </si>
  <si>
    <t>\\acsfs\profiles$\andressagr\Downloads\2c822b0d-9634-4da4-9038-2bdb5603f3a9.tmp</t>
  </si>
  <si>
    <t>bdc3f993-1fe7-4451-afe6-c4feebde3e8b.tmp</t>
  </si>
  <si>
    <t>\\acsfs\profiles$\andressagr\Downloads\bdc3f993-1fe7-4451-afe6-c4feebde3e8b.tmp</t>
  </si>
  <si>
    <t>\\acsfs\DEPTOS\Operacao\PCP\5 - Comum\PLANEJAMENTO BV\14 - ACOMPANHAMENTO\1 - REPORT ACOMPANHAMENTO\2020\1 - JANEIRO\CARTÕES\~$Range.xlsx</t>
  </si>
  <si>
    <t>bf4e93f4-8a66-490b-8451-97cbfedf26b9.tmp</t>
  </si>
  <si>
    <t>\\acsfs\profiles$\andressagr\Downloads\bf4e93f4-8a66-490b-8451-97cbfedf26b9.tmp</t>
  </si>
  <si>
    <t>a8e43ba8-554f-49a5-b6d6-1e8c24cf92a7.tmp</t>
  </si>
  <si>
    <t>\\acsfs\profiles$\rafaelamsv\Downloads\a8e43ba8-554f-49a5-b6d6-1e8c24cf92a7.tmp</t>
  </si>
  <si>
    <t>56f9f3c6-43e6-440b-ac2e-8dc14f1d9e8e.tmp</t>
  </si>
  <si>
    <t>\\acsfs\profiles$\rafaelamsv\Downloads\56f9f3c6-43e6-440b-ac2e-8dc14f1d9e8e.tmp</t>
  </si>
  <si>
    <t>\\acsfs\profiles$\brendavdoa\My Documents\$RECYCLE.BIN\</t>
  </si>
  <si>
    <t>$I7VK8YW.PNG</t>
  </si>
  <si>
    <t>\\acsfs\profiles$\brendavdoa\My Documents\$RECYCLE.BIN\$I7VK8YW.PNG</t>
  </si>
  <si>
    <t>\\acsfs\DEPTOS\Operacao\PCP\5 - Comum\PLANEJAMENTO BV\14 - ACOMPANHAMENTO\1 - REPORT ACOMPANHAMENTO\2019\12 - Dezembro\CARTÕES\Range.xlsx</t>
  </si>
  <si>
    <t>e5e87ecb-b89c-4f22-88ae-0a1be7142357.tmp</t>
  </si>
  <si>
    <t>\\acsfs\profiles$\deboraaa\Downloads\e5e87ecb-b89c-4f22-88ae-0a1be7142357.tmp</t>
  </si>
  <si>
    <t>95a9ceba-c8ac-4ab4-9e67-7bf6b0878af3.tmp</t>
  </si>
  <si>
    <t>\\acsfs\profiles$\deboraaa\Downloads\95a9ceba-c8ac-4ab4-9e67-7bf6b0878af3.tmp</t>
  </si>
  <si>
    <t>4b1c5df6-867e-4df6-9c9f-5da2e6dc578b.tmp</t>
  </si>
  <si>
    <t>\\acsfs\profiles$\deboraaa\Downloads\4b1c5df6-867e-4df6-9c9f-5da2e6dc578b.tmp</t>
  </si>
  <si>
    <t>2c067089-d6a0-47e0-8202-4a04bdb6a9c5.tmp</t>
  </si>
  <si>
    <t>\\acsfs\profiles$\ROZENCAM\Downloads\2c067089-d6a0-47e0-8202-4a04bdb6a9c5.tmp</t>
  </si>
  <si>
    <t>10cc4a1d-69c2-4fa7-95e8-412326dbcafd.tmp</t>
  </si>
  <si>
    <t>\\acsfs\profiles$\vivianealda\Downloads\10cc4a1d-69c2-4fa7-95e8-412326dbcafd.tmp</t>
  </si>
  <si>
    <t>7086fd38-0713-48d1-947c-9a5111fe4098.tmp</t>
  </si>
  <si>
    <t>\\acsfs\profiles$\mariellecs\Downloads\7086fd38-0713-48d1-947c-9a5111fe4098.tmp</t>
  </si>
  <si>
    <t>3be3c5e7-bed7-4cf7-bb62-5cc14f77b234.tmp</t>
  </si>
  <si>
    <t>\\acsfs\profiles$\deboraaa\Downloads\3be3c5e7-bed7-4cf7-bb62-5cc14f77b234.tmp</t>
  </si>
  <si>
    <t>ff14a629-f44e-4cc0-afe2-cdb663f9a8df.tmp</t>
  </si>
  <si>
    <t>\\acsfs\profiles$\vivianealda\Downloads\ff14a629-f44e-4cc0-afe2-cdb663f9a8df.tmp</t>
  </si>
  <si>
    <t>cb262096-03a8-40b4-accd-6f3380d13e1e.tmp</t>
  </si>
  <si>
    <t>\\acsfs\profiles$\vivianealda\Downloads\cb262096-03a8-40b4-accd-6f3380d13e1e.tmp</t>
  </si>
  <si>
    <t>ad3e29c0-5c90-45a7-98d1-141db144a20e.tmp</t>
  </si>
  <si>
    <t>\\acsfs\profiles$\vivianealda\Downloads\ad3e29c0-5c90-45a7-98d1-141db144a20e.tmp</t>
  </si>
  <si>
    <t>0adaafed-22f9-4cf2-adb8-9d3259f55baa.tmp</t>
  </si>
  <si>
    <t>\\acsfs\profiles$\mariellecs\Downloads\0adaafed-22f9-4cf2-adb8-9d3259f55baa.tmp</t>
  </si>
  <si>
    <t>96c43c21-1410-42b3-bf3f-d91c42b2b5e9.tmp</t>
  </si>
  <si>
    <t>\\acsfs\profiles$\mariellecs\Downloads\96c43c21-1410-42b3-bf3f-d91c42b2b5e9.tmp</t>
  </si>
  <si>
    <t>354d63b9-ca5f-4bd5-ba62-b518a32238eb.tmp</t>
  </si>
  <si>
    <t>\\acsfs\profiles$\BRUNAAR\Downloads\354d63b9-ca5f-4bd5-ba62-b518a32238eb.tmp</t>
  </si>
  <si>
    <t>2c378505-a6c6-4fa3-9377-009868af1c19.tmp</t>
  </si>
  <si>
    <t>\\acsfs\profiles$\BRUNAAR\Downloads\2c378505-a6c6-4fa3-9377-009868af1c19.tmp</t>
  </si>
  <si>
    <t>090bfa65-baf9-4c6b-9d66-9d890b5e1cf9.tmp</t>
  </si>
  <si>
    <t>\\acsfs\profiles$\andressagr\Downloads\090bfa65-baf9-4c6b-9d66-9d890b5e1cf9.tmp</t>
  </si>
  <si>
    <t>a99e67d0-5656-4a34-82ad-365aa7edb5c7.tmp</t>
  </si>
  <si>
    <t>\\acsfs\profiles$\andressagr\Downloads\a99e67d0-5656-4a34-82ad-365aa7edb5c7.tmp</t>
  </si>
  <si>
    <t>597857d4-e371-43e9-8eb3-634887454f8b.tmp</t>
  </si>
  <si>
    <t>\\acsfs\profiles$\claudiajca\Downloads\597857d4-e371-43e9-8eb3-634887454f8b.tmp</t>
  </si>
  <si>
    <t>491e60b0-5fdb-433f-a59e-026c970f92d4.tmp</t>
  </si>
  <si>
    <t>\\acsfs\profiles$\claudiajca\Downloads\491e60b0-5fdb-433f-a59e-026c970f92d4.tmp</t>
  </si>
  <si>
    <t>f12e7aea-1be4-4573-806b-5ab0f9139bd3.tmp</t>
  </si>
  <si>
    <t>\\acsfs\profiles$\mariellecs\Downloads\f12e7aea-1be4-4573-806b-5ab0f9139bd3.tmp</t>
  </si>
  <si>
    <t>d93754c0-0bd8-41ca-85ab-ee5e9feffb4a.tmp</t>
  </si>
  <si>
    <t>\\acsfs\profiles$\mariellecs\Downloads\d93754c0-0bd8-41ca-85ab-ee5e9feffb4a.tmp</t>
  </si>
  <si>
    <t>8a7ef3be-67e6-4a0b-8383-aaaf5e69aa8b.tmp</t>
  </si>
  <si>
    <t>\\acsfs\profiles$\mariellecs\Downloads\8a7ef3be-67e6-4a0b-8383-aaaf5e69aa8b.tmp</t>
  </si>
  <si>
    <t>5ec117fd-2efb-4650-be23-4a2e20edd455.tmp</t>
  </si>
  <si>
    <t>\\acsfs\profiles$\andressagr\Downloads\5ec117fd-2efb-4650-be23-4a2e20edd455.tmp</t>
  </si>
  <si>
    <t>d1b46d93-e135-4953-8295-fe7b6b186f53.tmp</t>
  </si>
  <si>
    <t>\\acsfs\profiles$\andressagr\Downloads\d1b46d93-e135-4953-8295-fe7b6b186f53.tmp</t>
  </si>
  <si>
    <t>69ba5b28-3a02-403c-855f-f487f15bcf14.tmp</t>
  </si>
  <si>
    <t>\\acsfs\profiles$\laianear\Downloads\69ba5b28-3a02-403c-855f-f487f15bcf14.tmp</t>
  </si>
  <si>
    <t>ae41dda3-ca15-44b7-b55c-c63fde91eaae.tmp</t>
  </si>
  <si>
    <t>\\acsfs\profiles$\laianear\Downloads\ae41dda3-ca15-44b7-b55c-c63fde91eaae.tmp</t>
  </si>
  <si>
    <t>83ca4aa8-81f0-4923-ac9d-bc9b363d8e80.tmp</t>
  </si>
  <si>
    <t>\\acsfs\profiles$\laianear\Downloads\83ca4aa8-81f0-4923-ac9d-bc9b363d8e80.tmp</t>
  </si>
  <si>
    <t>db980bd5-5a07-48e8-8882-7d5d8df6e3f8.tmp</t>
  </si>
  <si>
    <t>\\acsfs\profiles$\mariellecs\Downloads\db980bd5-5a07-48e8-8882-7d5d8df6e3f8.tmp</t>
  </si>
  <si>
    <t>29c5418c-4e22-4dc4-943c-07f46c9eccb6.tmp</t>
  </si>
  <si>
    <t>\\acsfs\profiles$\mariellecs\Downloads\29c5418c-4e22-4dc4-943c-07f46c9eccb6.tmp</t>
  </si>
  <si>
    <t>mail.google.com/sync/u/0/i/s?hl=pt-BR&amp;c=148</t>
  </si>
  <si>
    <t>\\acsfs\profiles$\fabianobmf\My Documents\My Pictures\</t>
  </si>
  <si>
    <t>\\acsfs\profiles$\fabianobmf\My Documents\My Videos\desktop.ini</t>
  </si>
  <si>
    <t>\\acsfs\profiles$\fabianobmf\My Documents\My Videos\</t>
  </si>
  <si>
    <t>\\acsfs\profiles$\fabianobmf\My Documents\My Music\</t>
  </si>
  <si>
    <t>\\acsfs\profiles$\fabianobmf\My Documents\My Pictures\desktop.ini</t>
  </si>
  <si>
    <t>\\acsfs\profiles$\fabianobmf\Contacts\</t>
  </si>
  <si>
    <t>\\acsfs\profiles$\fabianobmf\Contacts\desktop.ini</t>
  </si>
  <si>
    <t>\\acsfs\profiles$\fabianobmf\My Documents\</t>
  </si>
  <si>
    <t>\\acsfs\profiles$\fabianobmf\Favorites\desktop.ini</t>
  </si>
  <si>
    <t>\\acsfs\profiles$\fabianobmf\My Documents\My Music\desktop.ini</t>
  </si>
  <si>
    <t>\\acsfs\profiles$\fabianobmf\Searches\</t>
  </si>
  <si>
    <t>\\acsfs\profiles$\fabianobmf\Searches\desktop.ini</t>
  </si>
  <si>
    <t>\\acsfs\profiles$\fabianobmf\Downloads\desktop.ini</t>
  </si>
  <si>
    <t>\\acsfs\profiles$\fabianobmf\Favorites\</t>
  </si>
  <si>
    <t>\\acsfs\profiles$\fabianobmf\My Documents\desktop.ini</t>
  </si>
  <si>
    <t>\\acsfs\profiles$\fabianobmf\Saved Games\desktop.ini</t>
  </si>
  <si>
    <t>winrt--{S-1-5-21-602162358-764733703-839522115-354137}-.searchconnector-ms</t>
  </si>
  <si>
    <t>\\acsfs\profiles$\fabianobmf\Searches\winrt--{S-1-5-21-602162358-764733703-839522115-354137}-.searchconnector-ms</t>
  </si>
  <si>
    <t>9eb98773-9575-411a-a0a7-08ea6a3a3769.tmp</t>
  </si>
  <si>
    <t>\\acsfs\profiles$\leticiala\Downloads\9eb98773-9575-411a-a0a7-08ea6a3a3769.tmp</t>
  </si>
  <si>
    <t>874a840d-03af-46d0-9a8f-342579db67c9.tmp</t>
  </si>
  <si>
    <t>\\acsfs\profiles$\leticiala\Downloads\874a840d-03af-46d0-9a8f-342579db67c9.tmp</t>
  </si>
  <si>
    <t>cd291b36-990c-4ceb-8830-87833cc1cbc7.tmp</t>
  </si>
  <si>
    <t>\\acsfs\profiles$\leticiala\Downloads\cd291b36-990c-4ceb-8830-87833cc1cbc7.tmp</t>
  </si>
  <si>
    <t>Q29udHJvbGxlci5JbnRlcmFjdGlvbldvcmtzcGFj (3).ica.crdownload</t>
  </si>
  <si>
    <t>\\acsfs\profiles$\leticiala\Downloads\Q29udHJvbGxlci5JbnRlcmFjdGlvbldvcmtzcGFj (3).ica.crdownload</t>
  </si>
  <si>
    <t>mail.google.com/_/upload?authuser=0&amp;dcp=asu-n&amp;upload_id=AEnB2UpO6ZdV0NdYdsRQLhaFhHJGSTMp42aGUB0hGRSMad1xkzf15JngD75Hc19lFkBGbTi1FgdjIl4DHUoBWf-KKg--YMxXDZ_j55cvMXYaZWnlVMG8FcU&amp;upload_protocol=resumable</t>
  </si>
  <si>
    <t>lu338685b8pfm.tmp</t>
  </si>
  <si>
    <t>\\acsfs\profiles$\ALYNYA\My Documents\lu338685b8pfm.tmp</t>
  </si>
  <si>
    <t>\\acsfs\profiles$\ALYNYA\My Documents\lu338685b8pfm.tmp\</t>
  </si>
  <si>
    <t>\\acsfs\profiles$\ALYNYA\My Documents\lu338685b8pfm.tmp\META-INF\</t>
  </si>
  <si>
    <t>\\acsfs\profiles$\ALYNYA\My Documents\lu338685b8pfm.tmp\Thumbnails\</t>
  </si>
  <si>
    <t>96a574bd-36eb-42e0-81b7-bdb893c68550.tmp</t>
  </si>
  <si>
    <t>\\acsfs\profiles$\fabianobmf\Downloads\96a574bd-36eb-42e0-81b7-bdb893c68550.tmp</t>
  </si>
  <si>
    <t>47a947b4-d6f6-4d36-b889-6b93c7159cc0.tmp</t>
  </si>
  <si>
    <t>\\acsfs\profiles$\fabianobmf\Downloads\47a947b4-d6f6-4d36-b889-6b93c7159cc0.tmp</t>
  </si>
  <si>
    <t>46652a61-1467-4d91-a0d1-169873820dfa.tmp</t>
  </si>
  <si>
    <t>\\acsfs\profiles$\sarahbal\Downloads\46652a61-1467-4d91-a0d1-169873820dfa.tmp</t>
  </si>
  <si>
    <t>53c8af94-f0d5-44d5-b549-8f614f2e37a9.tmp</t>
  </si>
  <si>
    <t>\\acsfs\profiles$\sarahbal\Downloads\53c8af94-f0d5-44d5-b549-8f614f2e37a9.tmp</t>
  </si>
  <si>
    <t>d153a9e1-e692-4e5d-80cf-e000978d0421.tmp</t>
  </si>
  <si>
    <t>\\acsfs\profiles$\websondsa\Downloads\d153a9e1-e692-4e5d-80cf-e000978d0421.tmp</t>
  </si>
  <si>
    <t>59f5301d-fc13-43fb-8910-5f1ad935d45a.tmp</t>
  </si>
  <si>
    <t>\\acsfs\profiles$\websondsa\Downloads\59f5301d-fc13-43fb-8910-5f1ad935d45a.tmp</t>
  </si>
  <si>
    <t>83bd0c5c-1c6f-4ed8-bc7f-8dfc486e531d.tmp</t>
  </si>
  <si>
    <t>\\acsfs\profiles$\websondsa\Downloads\83bd0c5c-1c6f-4ed8-bc7f-8dfc486e531d.tmp</t>
  </si>
  <si>
    <t>647d69b5-2f64-42bc-8937-fcc1d14efc20.tmp</t>
  </si>
  <si>
    <t>\\acsfs\profiles$\websondsa\Downloads\647d69b5-2f64-42bc-8937-fcc1d14efc20.tmp</t>
  </si>
  <si>
    <t>e6ff14cd-5750-4af7-b147-4d62f4d218a8.tmp</t>
  </si>
  <si>
    <t>\\acsfs\profiles$\websondsa\Downloads\e6ff14cd-5750-4af7-b147-4d62f4d218a8.tmp</t>
  </si>
  <si>
    <t>eadd2b5a-5f46-4266-99fa-f518e432726a.tmp</t>
  </si>
  <si>
    <t>\\acsfs\profiles$\leticiala\Downloads\eadd2b5a-5f46-4266-99fa-f518e432726a.tmp</t>
  </si>
  <si>
    <t>eba5b980-6a09-49e9-be0f-2686c591f288.tmp</t>
  </si>
  <si>
    <t>\\acsfs\profiles$\inarajst\Downloads\eba5b980-6a09-49e9-be0f-2686c591f288.tmp</t>
  </si>
  <si>
    <t>49b76d06-e3e6-4718-9bce-88f0e180535b.tmp</t>
  </si>
  <si>
    <t>\\acsfs\profiles$\inarajst\Downloads\49b76d06-e3e6-4718-9bce-88f0e180535b.tmp</t>
  </si>
  <si>
    <t>de4f282f-1e44-415f-8f18-0707a1673125.tmp</t>
  </si>
  <si>
    <t>\\acsfs\profiles$\inarajst\Downloads\de4f282f-1e44-415f-8f18-0707a1673125.tmp</t>
  </si>
  <si>
    <t>cb471001-7287-41d2-b756-9546f538d61e.tmp</t>
  </si>
  <si>
    <t>\\acsfs\profiles$\inarajst\Downloads\cb471001-7287-41d2-b756-9546f538d61e.tmp</t>
  </si>
  <si>
    <t>964ff278-5fca-4abc-a885-97c2296f8183.tmp</t>
  </si>
  <si>
    <t>\\acsfs\profiles$\cintiadcf\Downloads\964ff278-5fca-4abc-a885-97c2296f8183.tmp</t>
  </si>
  <si>
    <t>c195f9de-e85a-4a84-ac2c-6e319119beb1.tmp</t>
  </si>
  <si>
    <t>\\acsfs\profiles$\cintiadcf\Downloads\c195f9de-e85a-4a84-ac2c-6e319119beb1.tmp</t>
  </si>
  <si>
    <t>8de5520b-22ae-4f26-99b8-4bab64a4f4d5.tmp</t>
  </si>
  <si>
    <t>\\acsfs\profiles$\ALYNYA\Downloads\8de5520b-22ae-4f26-99b8-4bab64a4f4d5.tmp</t>
  </si>
  <si>
    <t>877551b3-445a-4fb6-9307-22c49e2c2d79.tmp</t>
  </si>
  <si>
    <t>\\acsfs\profiles$\ALYNYA\Downloads\877551b3-445a-4fb6-9307-22c49e2c2d79.tmp</t>
  </si>
  <si>
    <t>65324410-414d-47bf-8e1c-e303f492d6b7.tmp</t>
  </si>
  <si>
    <t>\\acsfs\profiles$\sarahbal\Downloads\65324410-414d-47bf-8e1c-e303f492d6b7.tmp</t>
  </si>
  <si>
    <t>02d68285-264f-429c-b651-268e8994c5ff.tmp</t>
  </si>
  <si>
    <t>\\acsfs\profiles$\sarahbal\Downloads\02d68285-264f-429c-b651-268e8994c5ff.tmp</t>
  </si>
  <si>
    <t>1e717efa-6ead-44a4-a51b-9f671b8151eb.tmp</t>
  </si>
  <si>
    <t>\\acsfs\profiles$\larissaad\Downloads\1e717efa-6ead-44a4-a51b-9f671b8151eb.tmp</t>
  </si>
  <si>
    <t>c3c943eb-7d54-4498-84ae-7f61815f0e78.tmp</t>
  </si>
  <si>
    <t>\\acsfs\profiles$\larissaad\Downloads\c3c943eb-7d54-4498-84ae-7f61815f0e78.tmp</t>
  </si>
  <si>
    <t>38b6d142-c03c-43ec-9491-60b974724bd4.tmp</t>
  </si>
  <si>
    <t>\\acsfs\profiles$\cintiadcf\Downloads\38b6d142-c03c-43ec-9491-60b974724bd4.tmp</t>
  </si>
  <si>
    <t>7a0a7774-0d5b-478d-8014-58df2ccb9cfa.tmp</t>
  </si>
  <si>
    <t>\\acsfs\profiles$\danielac\Downloads\7a0a7774-0d5b-478d-8014-58df2ccb9cfa.tmp</t>
  </si>
  <si>
    <t>6327aec0-1ce0-4c25-9f08-c72f66f1fd71.tmp</t>
  </si>
  <si>
    <t>\\acsfs\profiles$\ALYNYA\Downloads\6327aec0-1ce0-4c25-9f08-c72f66f1fd71.tmp</t>
  </si>
  <si>
    <t>f05dc6ee-ab19-4641-b984-b2761a56a468.tmp</t>
  </si>
  <si>
    <t>\\acsfs\profiles$\laianear\Downloads\f05dc6ee-ab19-4641-b984-b2761a56a468.tmp</t>
  </si>
  <si>
    <t>99de387f-b6e1-4098-b5d3-061da6da70a1.tmp</t>
  </si>
  <si>
    <t>\\acsfs\profiles$\geovannasm\Downloads\99de387f-b6e1-4098-b5d3-061da6da70a1.tmp</t>
  </si>
  <si>
    <t>09ada6ce-d609-4951-a125-714bb6a2867f.tmp</t>
  </si>
  <si>
    <t>\\acsfs\profiles$\geovannasm\Downloads\09ada6ce-d609-4951-a125-714bb6a2867f.tmp</t>
  </si>
  <si>
    <t>c2beabc3-9359-4cce-b3f2-20b4584bf9a5.tmp</t>
  </si>
  <si>
    <t>\\acsfs\profiles$\inarajst\Downloads\c2beabc3-9359-4cce-b3f2-20b4584bf9a5.tmp</t>
  </si>
  <si>
    <t>eaebc69f-bf74-4784-8773-a84d531827f1.tmp</t>
  </si>
  <si>
    <t>\\acsfs\profiles$\rafaelahpn\Downloads\eaebc69f-bf74-4784-8773-a84d531827f1.tmp</t>
  </si>
  <si>
    <t>9a78a425-cb9f-4bc9-aa50-2485dcd58878.tmp</t>
  </si>
  <si>
    <t>\\acsfs\profiles$\rafaelahpn\Downloads\9a78a425-cb9f-4bc9-aa50-2485dcd58878.tmp</t>
  </si>
  <si>
    <t>ee8d068f-af0d-4822-9420-476ebb420f3a.tmp</t>
  </si>
  <si>
    <t>\\acsfs\profiles$\rafaelahpn\Downloads\ee8d068f-af0d-4822-9420-476ebb420f3a.tmp</t>
  </si>
  <si>
    <t>95d18661-3c44-4696-8d70-c54ff6f9ea84.tmp</t>
  </si>
  <si>
    <t>\\acsfs\profiles$\rafaelahpn\Downloads\95d18661-3c44-4696-8d70-c54ff6f9ea84.tmp</t>
  </si>
  <si>
    <t>f789115d-6a4a-441e-a2e2-0468a8f972c8.tmp</t>
  </si>
  <si>
    <t>\\acsfs\profiles$\vivianalds\Downloads\f789115d-6a4a-441e-a2e2-0468a8f972c8.tmp</t>
  </si>
  <si>
    <t>c241da64-9f63-447d-9c3a-34719864cf4d.tmp</t>
  </si>
  <si>
    <t>\\acsfs\profiles$\vivianalds\Downloads\c241da64-9f63-447d-9c3a-34719864cf4d.tmp</t>
  </si>
  <si>
    <t>82037193-2a2a-49aa-bcc4-88b193bc7c40.tmp</t>
  </si>
  <si>
    <t>\\acsfs\profiles$\vivianalds\Downloads\82037193-2a2a-49aa-bcc4-88b193bc7c40.tmp</t>
  </si>
  <si>
    <t>94de914f-8145-48f2-9bfb-da7f779cb825.tmp</t>
  </si>
  <si>
    <t>\\acsfs\profiles$\danielac\Downloads\94de914f-8145-48f2-9bfb-da7f779cb825.tmp</t>
  </si>
  <si>
    <t>bffde2d0-d5a1-4cae-96df-d539e64622f5.tmp</t>
  </si>
  <si>
    <t>\\acsfs\profiles$\danielac\Downloads\bffde2d0-d5a1-4cae-96df-d539e64622f5.tmp</t>
  </si>
  <si>
    <t>42846134-1ad4-4909-a262-328724816dae.tmp</t>
  </si>
  <si>
    <t>\\acsfs\profiles$\danielac\Downloads\42846134-1ad4-4909-a262-328724816dae.tmp</t>
  </si>
  <si>
    <t>4672862d-e059-4c36-97ca-23839de3491d.tmp</t>
  </si>
  <si>
    <t>\\acsfs\profiles$\geovannasm\Downloads\4672862d-e059-4c36-97ca-23839de3491d.tmp</t>
  </si>
  <si>
    <t>8ec3d0ca-75fc-4ae9-8151-eb89d456c8a2.tmp</t>
  </si>
  <si>
    <t>\\acsfs\profiles$\geovannasm\Downloads\8ec3d0ca-75fc-4ae9-8151-eb89d456c8a2.tmp</t>
  </si>
  <si>
    <t>andrelpsa@algartech.com;joaogvc@algartech.com;leonardoao@algartech.com;marianadjc@algartech.com;maristelavodq@bv.algartech.com;paulacn@algartech.com;rafaelggs@algartech.com;taysdss@algartech.com;thiagordu@algartech.com;viniciussg@algartech.com;</t>
  </si>
  <si>
    <t>andrelpsa@algartech.com,joaogvc@algartech.com,leonardoao@algartech.com,marianadjc@algartech.com,maristelavodq@bv.algartech.com,paulacn@algartech.com,rafaelggs@algartech.com,taysdss@algartech.com,thiagordu@algartech.com,viniciussg@algartech.com</t>
  </si>
  <si>
    <t>8c3a19b4-4d3e-43b8-b8e2-07d4d8f07d6e.tmp</t>
  </si>
  <si>
    <t>\\acsfs\profiles$\rafaelahpn\Downloads\8c3a19b4-4d3e-43b8-b8e2-07d4d8f07d6e.tmp</t>
  </si>
  <si>
    <t>789a3db5-933b-4948-a8d1-dfa19e03585b.tmp</t>
  </si>
  <si>
    <t>\\acsfs\profiles$\rafaelahpn\Downloads\789a3db5-933b-4948-a8d1-dfa19e03585b.tmp</t>
  </si>
  <si>
    <t>0d72040b-819f-4789-9fa3-069e8cd3dd57.tmp</t>
  </si>
  <si>
    <t>\\acsfs\profiles$\geovannasm\Downloads\0d72040b-819f-4789-9fa3-069e8cd3dd57.tmp</t>
  </si>
  <si>
    <t>c676336f-79d6-45bf-a544-a1d2b5f77dbc.tmp</t>
  </si>
  <si>
    <t>\\acsfs\profiles$\mariajra\Downloads\c676336f-79d6-45bf-a544-a1d2b5f77dbc.tmp</t>
  </si>
  <si>
    <t>b0b1d278-a834-4eab-bf9e-8620ea886583.tmp</t>
  </si>
  <si>
    <t>\\acsfs\profiles$\inarajst\Downloads\b0b1d278-a834-4eab-bf9e-8620ea886583.tmp</t>
  </si>
  <si>
    <t>mail.google.com/sync/u/0/i/s?hl=pt-BR&amp;c=241</t>
  </si>
  <si>
    <t>e572286e-7fcd-4aa2-9f72-c817e9c747c4.tmp</t>
  </si>
  <si>
    <t>\\acsfs\profiles$\vivianalds\Downloads\e572286e-7fcd-4aa2-9f72-c817e9c747c4.tmp</t>
  </si>
  <si>
    <t>92e48959-ef10-47c2-884e-288a73432315.tmp</t>
  </si>
  <si>
    <t>\\acsfs\profiles$\maxmillianosv\Downloads\92e48959-ef10-47c2-884e-288a73432315.tmp</t>
  </si>
  <si>
    <t>f29888ea-d689-4af8-9044-78cf4c603ec1.tmp</t>
  </si>
  <si>
    <t>\\acsfs\profiles$\fabianobmf\Downloads\f29888ea-d689-4af8-9044-78cf4c603ec1.tmp</t>
  </si>
  <si>
    <t>e18c61e9-a1d4-4e1b-9e61-9f255a0d0640.tmp</t>
  </si>
  <si>
    <t>\\acsfs\profiles$\laianear\Downloads\e18c61e9-a1d4-4e1b-9e61-9f255a0d0640.tmp</t>
  </si>
  <si>
    <t>480254f9-9486-4a44-80ca-4c6196cdbb70.tmp</t>
  </si>
  <si>
    <t>\\acsfs\profiles$\laianear\Downloads\480254f9-9486-4a44-80ca-4c6196cdbb70.tmp</t>
  </si>
  <si>
    <t>5bee2be0-124e-41a6-8726-d4876ecd9e0b.tmp</t>
  </si>
  <si>
    <t>\\acsfs\profiles$\anafsb\Downloads\5bee2be0-124e-41a6-8726-d4876ecd9e0b.tmp</t>
  </si>
  <si>
    <t>687bdf62-2dbb-40d7-988f-984c968bfdf0.tmp</t>
  </si>
  <si>
    <t>\\acsfs\profiles$\anafsb\Downloads\687bdf62-2dbb-40d7-988f-984c968bfdf0.tmp</t>
  </si>
  <si>
    <t>bf7eeac4-7a1a-4b10-a32e-b5d855ef6fc7.tmp</t>
  </si>
  <si>
    <t>\\acsfs\profiles$\anafsb\Downloads\bf7eeac4-7a1a-4b10-a32e-b5d855ef6fc7.tmp</t>
  </si>
  <si>
    <t>08eb2061-f7f6-47bd-92bb-d0d339d6ab15.tmp</t>
  </si>
  <si>
    <t>\\acsfs\profiles$\anafsb\Downloads\08eb2061-f7f6-47bd-92bb-d0d339d6ab15.tmp</t>
  </si>
  <si>
    <t>da6bf898-e2d7-44dd-af82-0fb70c5c264d.tmp</t>
  </si>
  <si>
    <t>\\acsfs\profiles$\anafsb\Downloads\da6bf898-e2d7-44dd-af82-0fb70c5c264d.tmp</t>
  </si>
  <si>
    <t>1a9e54a5-9cda-4b1e-8e0f-2eb10cdc6c3f.tmp</t>
  </si>
  <si>
    <t>\\acsfs\profiles$\anafsb\Downloads\1a9e54a5-9cda-4b1e-8e0f-2eb10cdc6c3f.tmp</t>
  </si>
  <si>
    <t>dbafed90-32d5-4de2-ae4f-7ed52bf653d7.tmp</t>
  </si>
  <si>
    <t>\\acsfs\profiles$\sarahbal\Downloads\dbafed90-32d5-4de2-ae4f-7ed52bf653d7.tmp</t>
  </si>
  <si>
    <t>64358734-fc85-4044-9438-87d6fa9ce02c.tmp</t>
  </si>
  <si>
    <t>\\acsfs\profiles$\lucasqdss\Downloads\64358734-fc85-4044-9438-87d6fa9ce02c.tmp</t>
  </si>
  <si>
    <t>d54baa3f-d040-4c69-8f17-ef5c1d8f2cbd.tmp</t>
  </si>
  <si>
    <t>\\acsfs\profiles$\lucasqdss\Downloads\d54baa3f-d040-4c69-8f17-ef5c1d8f2cbd.tmp</t>
  </si>
  <si>
    <t>10.200.67.39</t>
  </si>
  <si>
    <t>78-2B-CB-C1-06-90</t>
  </si>
  <si>
    <t>VOTORANT-MB009</t>
  </si>
  <si>
    <t>\\acsfs\profiles$\michelerds\Contacts\</t>
  </si>
  <si>
    <t>MICHELE RODRIGUES DE SOUSA (5901).contact</t>
  </si>
  <si>
    <t>\\acsfs\profiles$\michelerds\Contacts\MICHELE RODRIGUES DE SOUSA (5901).contact</t>
  </si>
  <si>
    <t>\\acsfs\profiles$\michelerds\My Documents\My Videos\</t>
  </si>
  <si>
    <t>\\acsfs\profiles$\michelerds\My Documents\My Videos\desktop.ini</t>
  </si>
  <si>
    <t>\\acsfs\profiles$\michelerds\My Documents\My Pictures\</t>
  </si>
  <si>
    <t>\\acsfs\profiles$\michelerds\My Documents\My Pictures\desktop.ini</t>
  </si>
  <si>
    <t>\\acsfs\profiles$\michelerds\Contacts\desktop.ini</t>
  </si>
  <si>
    <t>\\acsfs\profiles$\michelerds\Favorites\</t>
  </si>
  <si>
    <t>\\acsfs\profiles$\michelerds\Favorites\desktop.ini</t>
  </si>
  <si>
    <t>\\acsfs\profiles$\michelerds\My Documents\My Music\</t>
  </si>
  <si>
    <t>\\acsfs\profiles$\michelerds\My Documents\My Music\desktop.ini</t>
  </si>
  <si>
    <t>\\acsfs\profiles$\michelerds\Searches\</t>
  </si>
  <si>
    <t>\\acsfs\profiles$\michelerds\Searches\desktop.ini</t>
  </si>
  <si>
    <t>\\acsfs\profiles$\michelerds\Downloads\desktop.ini</t>
  </si>
  <si>
    <t>\\acsfs\profiles$\michelerds\My Documents\</t>
  </si>
  <si>
    <t>\\acsfs\profiles$\michelerds\My Documents\desktop.ini</t>
  </si>
  <si>
    <t>\\acsfs\profiles$\michelerds\Saved Games\</t>
  </si>
  <si>
    <t>\\acsfs\profiles$\michelerds\Saved Games\desktop.ini</t>
  </si>
  <si>
    <t>\\acsfs\profiles$\michelerds\Favorites\Links for Brasil\</t>
  </si>
  <si>
    <t>\\acsfs\profiles$\michelerds\Favorites\Links for Brasil\desktop.ini</t>
  </si>
  <si>
    <t>\\acsfs\profiles$\michelerds\Favorites\Links for Brasil\Microsoft Brasil.url</t>
  </si>
  <si>
    <t>\\acsfs\profiles$\michelerds\Favorites\Links for Brasil\Windows Brasil.url</t>
  </si>
  <si>
    <t>\\acsfs\profiles$\michelerds\Favorites\Links for Brasil\MSN Brasil.url</t>
  </si>
  <si>
    <t>f6ab8940-633f-4b7b-b008-483a4d572f37.tmp</t>
  </si>
  <si>
    <t>\\acsfs\profiles$\anafsb\Downloads\f6ab8940-633f-4b7b-b008-483a4d572f37.tmp</t>
  </si>
  <si>
    <t>4ebb5e22-8021-45b5-8a3f-27b0a1e9c08e.tmp</t>
  </si>
  <si>
    <t>\\acsfs\profiles$\mariajra\Downloads\4ebb5e22-8021-45b5-8a3f-27b0a1e9c08e.tmp</t>
  </si>
  <si>
    <t>e8e6526c-63df-498d-9637-f4d3e36ce42f.tmp</t>
  </si>
  <si>
    <t>\\acsfs\profiles$\lucasqdss\Downloads\e8e6526c-63df-498d-9637-f4d3e36ce42f.tmp</t>
  </si>
  <si>
    <t>46ecdcff-485d-4746-967d-fd39dfb7c838.tmp</t>
  </si>
  <si>
    <t>\\acsfs\profiles$\luanarda\Downloads\46ecdcff-485d-4746-967d-fd39dfb7c838.tmp</t>
  </si>
  <si>
    <t>2d7d7e47-383c-467e-ad3e-9bccddbe387d.tmp</t>
  </si>
  <si>
    <t>\\acsfs\profiles$\danielac\Downloads\2d7d7e47-383c-467e-ad3e-9bccddbe387d.tmp</t>
  </si>
  <si>
    <t>45baf19b-4b2b-46b6-ae73-7c6321a13af3.tmp</t>
  </si>
  <si>
    <t>\\acsfs\profiles$\wenderbnm\Downloads\45baf19b-4b2b-46b6-ae73-7c6321a13af3.tmp</t>
  </si>
  <si>
    <t>7318f05e-9ae3-4705-8783-4e34702af4df.tmp</t>
  </si>
  <si>
    <t>\\acsfs\profiles$\wenderbnm\Downloads\7318f05e-9ae3-4705-8783-4e34702af4df.tmp</t>
  </si>
  <si>
    <t>97560ba6-c66c-454d-a4b6-8a9882193f6a.tmp</t>
  </si>
  <si>
    <t>\\acsfs\profiles$\inarajst\Downloads\97560ba6-c66c-454d-a4b6-8a9882193f6a.tmp</t>
  </si>
  <si>
    <t>c4a1afd8-333d-430a-8c42-ae5045cd2abf.tmp</t>
  </si>
  <si>
    <t>\\acsfs\profiles$\paulovadc\Downloads\c4a1afd8-333d-430a-8c42-ae5045cd2abf.tmp</t>
  </si>
  <si>
    <t>9a34526d-a64c-4007-b972-c2571ba41e53.tmp</t>
  </si>
  <si>
    <t>\\acsfs\profiles$\paulovadc\Downloads\9a34526d-a64c-4007-b972-c2571ba41e53.tmp</t>
  </si>
  <si>
    <t>d4005a31-9191-430e-98ab-5c32c5d52135.tmp</t>
  </si>
  <si>
    <t>\\acsfs\profiles$\ERICALSR\Downloads\d4005a31-9191-430e-98ab-5c32c5d52135.tmp</t>
  </si>
  <si>
    <t>d43ef446-fddf-4afd-8656-c48e2e07d747.tmp</t>
  </si>
  <si>
    <t>\\acsfs\profiles$\marcellewdl\Downloads\d43ef446-fddf-4afd-8656-c48e2e07d747.tmp</t>
  </si>
  <si>
    <t>0d97538f-b9d3-4522-8b62-2185fbcf6b15.tmp</t>
  </si>
  <si>
    <t>\\acsfs\profiles$\marcellewdl\Downloads\0d97538f-b9d3-4522-8b62-2185fbcf6b15.tmp</t>
  </si>
  <si>
    <t>b33fb7c5-0e3f-4911-a2ff-6afdb907928e.tmp</t>
  </si>
  <si>
    <t>\\acsfs\profiles$\michelerds\Downloads\b33fb7c5-0e3f-4911-a2ff-6afdb907928e.tmp</t>
  </si>
  <si>
    <t>46241fbc-1e1d-438c-8b2f-4acf66f7effe.tmp</t>
  </si>
  <si>
    <t>\\acsfs\profiles$\michelerds\Downloads\46241fbc-1e1d-438c-8b2f-4acf66f7effe.tmp</t>
  </si>
  <si>
    <t>c3be6c91-77ad-40cc-b28e-0dedd9fd2ad6.tmp</t>
  </si>
  <si>
    <t>\\acsfs\profiles$\michelerds\Downloads\c3be6c91-77ad-40cc-b28e-0dedd9fd2ad6.tmp</t>
  </si>
  <si>
    <t>d19e5bac-98a0-469d-8aa8-1124fea251ad.tmp</t>
  </si>
  <si>
    <t>\\acsfs\profiles$\michelerds\Downloads\d19e5bac-98a0-469d-8aa8-1124fea251ad.tmp</t>
  </si>
  <si>
    <t>\\acsfs\profiles$\felipetds\My Documents\My Pictures\</t>
  </si>
  <si>
    <t>\\acsfs\profiles$\felipetds\My Documents\My Videos\desktop.ini</t>
  </si>
  <si>
    <t>\\acsfs\profiles$\felipetds\My Documents\My Videos\</t>
  </si>
  <si>
    <t>\\acsfs\profiles$\felipetds\My Documents\My Music\</t>
  </si>
  <si>
    <t>\\acsfs\profiles$\felipetds\My Documents\My Pictures\desktop.ini</t>
  </si>
  <si>
    <t>\\acsfs\profiles$\felipetds\Contacts\</t>
  </si>
  <si>
    <t>\\acsfs\profiles$\felipetds\Contacts\desktop.ini</t>
  </si>
  <si>
    <t>\\acsfs\profiles$\felipetds\My Documents\</t>
  </si>
  <si>
    <t>\\acsfs\profiles$\felipetds\Favorites\desktop.ini</t>
  </si>
  <si>
    <t>\\acsfs\profiles$\felipetds\My Documents\My Music\desktop.ini</t>
  </si>
  <si>
    <t>\\acsfs\profiles$\felipetds\Searches\</t>
  </si>
  <si>
    <t>\\acsfs\profiles$\felipetds\Searches\desktop.ini</t>
  </si>
  <si>
    <t>\\acsfs\profiles$\felipetds\Downloads\desktop.ini</t>
  </si>
  <si>
    <t>\\acsfs\profiles$\felipetds\Favorites\</t>
  </si>
  <si>
    <t>\\acsfs\profiles$\felipetds\My Documents\desktop.ini</t>
  </si>
  <si>
    <t>\\acsfs\profiles$\felipetds\Saved Games\desktop.ini</t>
  </si>
  <si>
    <t>69a8c1e7-3094-4856-baf6-5e8f31ca41ea.tmp</t>
  </si>
  <si>
    <t>\\acsfs\profiles$\deborahsi\Downloads\69a8c1e7-3094-4856-baf6-5e8f31ca41ea.tmp</t>
  </si>
  <si>
    <t>30584229-cf9c-419e-9bcc-6489c6331408.tmp</t>
  </si>
  <si>
    <t>\\acsfs\profiles$\deborahsi\Downloads\30584229-cf9c-419e-9bcc-6489c6331408.tmp</t>
  </si>
  <si>
    <t>410d482c-fe56-496c-9e47-17fa0a857c70.tmp</t>
  </si>
  <si>
    <t>\\acsfs\profiles$\deborahsi\Downloads\410d482c-fe56-496c-9e47-17fa0a857c70.tmp</t>
  </si>
  <si>
    <t>ed4f82d5-a69c-4a58-b536-ce43060001a0.tmp</t>
  </si>
  <si>
    <t>\\acsfs\profiles$\henriquehmdo\Downloads\ed4f82d5-a69c-4a58-b536-ce43060001a0.tmp</t>
  </si>
  <si>
    <t>0b2c1a30-d9b0-4f29-9008-64337296c5d4.tmp</t>
  </si>
  <si>
    <t>\\acsfs\profiles$\henriquehmdo\Downloads\0b2c1a30-d9b0-4f29-9008-64337296c5d4.tmp</t>
  </si>
  <si>
    <t>d30c23eb-d8f2-47fd-a7bf-b79e5bb3b6db.tmp</t>
  </si>
  <si>
    <t>\\acsfs\profiles$\mariajra\Downloads\d30c23eb-d8f2-47fd-a7bf-b79e5bb3b6db.tmp</t>
  </si>
  <si>
    <t>7688de7e-2597-4e81-8fd3-0c3f1d6229bb.tmp</t>
  </si>
  <si>
    <t>\\acsfs\profiles$\mariajra\Downloads\7688de7e-2597-4e81-8fd3-0c3f1d6229bb.tmp</t>
  </si>
  <si>
    <t>b92bfd3f-51fc-44df-9ea4-51f7afbad321.tmp</t>
  </si>
  <si>
    <t>\\acsfs\profiles$\larissaad\Downloads\b92bfd3f-51fc-44df-9ea4-51f7afbad321.tmp</t>
  </si>
  <si>
    <t>\\acsfs\profiles$\LUCASQDSS\Favorites\</t>
  </si>
  <si>
    <t>Portal SinergyRH Software para Gestão de RH.url</t>
  </si>
  <si>
    <t>\\acsfs\profiles$\LUCASQDSS\Favorites\Portal SinergyRH Software para Gestão de RH.url</t>
  </si>
  <si>
    <t>6dce840b-f173-4c66-b834-215df7394bea.tmp</t>
  </si>
  <si>
    <t>\\acsfs\profiles$\luanarda\Downloads\6dce840b-f173-4c66-b834-215df7394bea.tmp</t>
  </si>
  <si>
    <t>\\acsfs\profiles$\LUCASQDSS\Favorites\Portal SinergyRH Software para Gestão de RH.url\</t>
  </si>
  <si>
    <t>\\acsfs\profiles$\LUCASQDSS\Favorites\Portal SinergyRH Software para Gestão de RH.url\:favicon:$DATA</t>
  </si>
  <si>
    <t>32efc5b6-ca11-45e9-8374-c4db8b5558b4.tmp</t>
  </si>
  <si>
    <t>\\acsfs\profiles$\THYAGOSP\Downloads\32efc5b6-ca11-45e9-8374-c4db8b5558b4.tmp</t>
  </si>
  <si>
    <t>1bbe233d-f5a3-47be-8419-7293d033fa3b.tmp</t>
  </si>
  <si>
    <t>\\acsfs\profiles$\THYAGOSP\Downloads\1bbe233d-f5a3-47be-8419-7293d033fa3b.tmp</t>
  </si>
  <si>
    <t>fbcb5b29-4f59-41da-9046-47ac3ff56fff.tmp</t>
  </si>
  <si>
    <t>\\acsfs\profiles$\THYAGOSP\Downloads\fbcb5b29-4f59-41da-9046-47ac3ff56fff.tmp</t>
  </si>
  <si>
    <t>7fc66655-8167-4a6d-bdab-083734f0b0b8.tmp</t>
  </si>
  <si>
    <t>\\acsfs\profiles$\ERICALSR\Downloads\7fc66655-8167-4a6d-bdab-083734f0b0b8.tmp</t>
  </si>
  <si>
    <t>\\acsfs\profiles$\cinthiacsda\My Documents\scripts.txt</t>
  </si>
  <si>
    <t>winrt--{S-1-5-21-602162358-764733703-839522115-352980}-.searchconnector-ms</t>
  </si>
  <si>
    <t>\\acsfs\profiles$\felipetds\Searches\winrt--{S-1-5-21-602162358-764733703-839522115-352980}-.searchconnector-ms</t>
  </si>
  <si>
    <t>d61a8199-d0a2-4b51-9328-48a14db410c0.tmp</t>
  </si>
  <si>
    <t>\\acsfs\profiles$\felipetds\Downloads\d61a8199-d0a2-4b51-9328-48a14db410c0.tmp</t>
  </si>
  <si>
    <t>8542d22b-5900-4d87-8041-85eed6d113eb.tmp</t>
  </si>
  <si>
    <t>\\acsfs\profiles$\felipetds\Downloads\8542d22b-5900-4d87-8041-85eed6d113eb.tmp</t>
  </si>
  <si>
    <t>b6140ee9-a255-49a6-ace7-1992536e672d.tmp</t>
  </si>
  <si>
    <t>\\acsfs\profiles$\sarahbal\Downloads\b6140ee9-a255-49a6-ace7-1992536e672d.tmp</t>
  </si>
  <si>
    <t>c6b568c2-2d89-449b-bd70-2a1dc410e4b0.tmp</t>
  </si>
  <si>
    <t>\\acsfs\profiles$\deborahsi\Downloads\c6b568c2-2d89-449b-bd70-2a1dc410e4b0.tmp</t>
  </si>
  <si>
    <t>d3dd96bf-f40f-4024-b014-b1475a693757.tmp</t>
  </si>
  <si>
    <t>\\acsfs\profiles$\quindaizaagds\Downloads\d3dd96bf-f40f-4024-b014-b1475a693757.tmp</t>
  </si>
  <si>
    <t>57a0199a-75db-49ed-9f6e-db44e6ff6caf.tmp</t>
  </si>
  <si>
    <t>\\acsfs\profiles$\quindaizaagds\Downloads\57a0199a-75db-49ed-9f6e-db44e6ff6caf.tmp</t>
  </si>
  <si>
    <t>karla.txt</t>
  </si>
  <si>
    <t>\\acsfs\profiles$\KARLABDS\My Documents\karla.txt</t>
  </si>
  <si>
    <t>89d36963-eda0-48ac-a489-0fe345dffc8e.tmp</t>
  </si>
  <si>
    <t>\\acsfs\profiles$\larissaad\Downloads\89d36963-eda0-48ac-a489-0fe345dffc8e.tmp</t>
  </si>
  <si>
    <t>b741e966-ca01-4314-8a1d-c3064861d55e.tmp</t>
  </si>
  <si>
    <t>\\acsfs\profiles$\deboraaa\Downloads\b741e966-ca01-4314-8a1d-c3064861d55e.tmp</t>
  </si>
  <si>
    <t>d249993d-4d6c-43b3-b4aa-28365abcf8cd.tmp</t>
  </si>
  <si>
    <t>\\acsfs\profiles$\maxmillianosv\Downloads\d249993d-4d6c-43b3-b4aa-28365abcf8cd.tmp</t>
  </si>
  <si>
    <t>a88872fc-cea0-4ef5-8159-9d8e20018fb1.tmp</t>
  </si>
  <si>
    <t>\\acsfs\profiles$\maxmillianosv\Downloads\a88872fc-cea0-4ef5-8159-9d8e20018fb1.tmp</t>
  </si>
  <si>
    <t>9d85105b-0ee5-404a-b473-fe8c2a0d93df.tmp</t>
  </si>
  <si>
    <t>\\acsfs\profiles$\maxmillianosv\Downloads\9d85105b-0ee5-404a-b473-fe8c2a0d93df.tmp</t>
  </si>
  <si>
    <t>08a3a389-5081-4646-a494-12d9a27c89c3.tmp</t>
  </si>
  <si>
    <t>\\acsfs\profiles$\maxmillianosv\Downloads\08a3a389-5081-4646-a494-12d9a27c89c3.tmp</t>
  </si>
  <si>
    <t>f0999707-7f4e-4f4f-94aa-c66938ef1342.tmp</t>
  </si>
  <si>
    <t>\\acsfs\profiles$\mariliafplb\Downloads\f0999707-7f4e-4f4f-94aa-c66938ef1342.tmp</t>
  </si>
  <si>
    <t>10099f09-93b5-4e4f-bfb8-b45917dcf2b9.tmp</t>
  </si>
  <si>
    <t>\\acsfs\profiles$\mariliafplb\Downloads\10099f09-93b5-4e4f-bfb8-b45917dcf2b9.tmp</t>
  </si>
  <si>
    <t>7bf2895d-ef4b-4fef-9af6-1cc24d05e2b1.tmp</t>
  </si>
  <si>
    <t>\\acsfs\profiles$\milenaas\Downloads\7bf2895d-ef4b-4fef-9af6-1cc24d05e2b1.tmp</t>
  </si>
  <si>
    <t>f5c533e3-0c9a-4e79-9feb-420d155696fa.tmp</t>
  </si>
  <si>
    <t>\\acsfs\profiles$\milenaas\Downloads\f5c533e3-0c9a-4e79-9feb-420d155696fa.tmp</t>
  </si>
  <si>
    <t>2fce6774-2c96-4f50-a46d-ccd3977eac81.tmp</t>
  </si>
  <si>
    <t>\\acsfs\profiles$\milenaas\Downloads\2fce6774-2c96-4f50-a46d-ccd3977eac81.tmp</t>
  </si>
  <si>
    <t>3bc19cee-f469-4344-83e4-bbd8be05df15.tmp</t>
  </si>
  <si>
    <t>\\acsfs\profiles$\luanaagl\Downloads\3bc19cee-f469-4344-83e4-bbd8be05df15.tmp</t>
  </si>
  <si>
    <t>Lucasbs</t>
  </si>
  <si>
    <t>\\acsfs\profiles$\Lucasbs\My Documents\My Pictures\</t>
  </si>
  <si>
    <t>\\acsfs\profiles$\LUCASBS\My Documents\My Videos\desktop.ini</t>
  </si>
  <si>
    <t>\\acsfs\profiles$\LUCASBS\My Documents\My Videos\</t>
  </si>
  <si>
    <t>\\acsfs\profiles$\Lucasbs\My Documents\My Music\</t>
  </si>
  <si>
    <t>\\acsfs\profiles$\LUCASBS\My Documents\My Pictures\desktop.ini</t>
  </si>
  <si>
    <t>\\acsfs\profiles$\Lucasbs\My Documents\My Videos\</t>
  </si>
  <si>
    <t>\\acsfs\profiles$\LUCASBS\Contacts\</t>
  </si>
  <si>
    <t>\\acsfs\profiles$\LUCASBS\Contacts\desktop.ini</t>
  </si>
  <si>
    <t>\\acsfs\profiles$\Lucasbs\Contacts\</t>
  </si>
  <si>
    <t>\\acsfs\profiles$\Lucasbs\My Documents\</t>
  </si>
  <si>
    <t>\\acsfs\profiles$\LUCASBS\Favorites\desktop.ini</t>
  </si>
  <si>
    <t>\\acsfs\profiles$\LUCASBS\My Documents\My Music\desktop.ini</t>
  </si>
  <si>
    <t>\\acsfs\profiles$\LUCASBS\My Documents\My Music\</t>
  </si>
  <si>
    <t>\\acsfs\profiles$\LUCASBS\Searches\</t>
  </si>
  <si>
    <t>\\acsfs\profiles$\LUCASBS\Searches\desktop.ini</t>
  </si>
  <si>
    <t>\\acsfs\profiles$\LUCASBS\Downloads\desktop.ini</t>
  </si>
  <si>
    <t>\\acsfs\profiles$\Lucasbs\Favorites\</t>
  </si>
  <si>
    <t>\\acsfs\profiles$\LUCASBS\My Documents\desktop.ini</t>
  </si>
  <si>
    <t>\\acsfs\profiles$\LUCASBS\My Documents\</t>
  </si>
  <si>
    <t>\\acsfs\profiles$\Lucasbs\Downloads\</t>
  </si>
  <si>
    <t>\\acsfs\profiles$\LUCASBS\Saved Games\desktop.ini</t>
  </si>
  <si>
    <t>winrt--{S-1-5-21-602162358-764733703-839522115-332620}-.searchconnector-ms</t>
  </si>
  <si>
    <t>\\acsfs\profiles$\LUCASBS\Searches\winrt--{S-1-5-21-602162358-764733703-839522115-332620}-.searchconnector-ms</t>
  </si>
  <si>
    <t>dfdfa7d1-4162-4161-ad4e-05ce0f30d780.tmp</t>
  </si>
  <si>
    <t>\\acsfs\profiles$\LUCASNS\Downloads\dfdfa7d1-4162-4161-ad4e-05ce0f30d780.tmp</t>
  </si>
  <si>
    <t>65392d5b-9cbf-42e2-9e48-21e46115cb60.tmp</t>
  </si>
  <si>
    <t>\\acsfs\profiles$\LUCASNS\Downloads\65392d5b-9cbf-42e2-9e48-21e46115cb60.tmp</t>
  </si>
  <si>
    <t>6b366960-d650-4499-9f5b-92e5aaed7d3f.tmp</t>
  </si>
  <si>
    <t>\\acsfs\profiles$\larissaad\Downloads\6b366960-d650-4499-9f5b-92e5aaed7d3f.tmp</t>
  </si>
  <si>
    <t>9f74eaab-72fb-4faa-b36c-e945f12bad3a.tmp</t>
  </si>
  <si>
    <t>\\acsfs\profiles$\lorraynevam\Downloads\9f74eaab-72fb-4faa-b36c-e945f12bad3a.tmp</t>
  </si>
  <si>
    <t>d83c05f8-8eba-4069-bae6-0121ada20719.tmp</t>
  </si>
  <si>
    <t>\\acsfs\profiles$\maxmillianosv\Downloads\d83c05f8-8eba-4069-bae6-0121ada20719.tmp</t>
  </si>
  <si>
    <t>d74fd4a1-130b-45e7-8cd1-6e1b1e9c626f.tmp</t>
  </si>
  <si>
    <t>\\acsfs\profiles$\maxmillianosv\Downloads\d74fd4a1-130b-45e7-8cd1-6e1b1e9c626f.tmp</t>
  </si>
  <si>
    <t>93c7313f-95db-469e-a5db-dc3c7c0580c1.tmp</t>
  </si>
  <si>
    <t>\\acsfs\profiles$\lorrainerdl\Downloads\93c7313f-95db-469e-a5db-dc3c7c0580c1.tmp</t>
  </si>
  <si>
    <t>f6e677bf-cc15-44cb-a1b8-a770009ebe04.tmp</t>
  </si>
  <si>
    <t>\\acsfs\profiles$\lorrainerdl\Downloads\f6e677bf-cc15-44cb-a1b8-a770009ebe04.tmp</t>
  </si>
  <si>
    <t>C:\Users\anavbg\Downloads\</t>
  </si>
  <si>
    <t>Status Filas.xlsx</t>
  </si>
  <si>
    <t>\\acsfs\DEPTOS\Operacao\Banco_Votorantim\Supervisao\SUPERS BV CARTÕES\ANA VITORIA\APOIO\Status Filas.xlsx</t>
  </si>
  <si>
    <t>Filas-ALGAR - JONATAN.xlsx</t>
  </si>
  <si>
    <t>\\acsfs\DEPTOS\Operacao\Banco_Votorantim\Supervisao\SUPERS BV CARTÕES\ANA VITORIA\APOIO\Filas-ALGAR - JONATAN.xlsx</t>
  </si>
  <si>
    <t>16e51394-0626-4c50-adcd-492352750167.tmp</t>
  </si>
  <si>
    <t>\\acsfs\profiles$\milenaas\Downloads\16e51394-0626-4c50-adcd-492352750167.tmp</t>
  </si>
  <si>
    <t>89ac1d84-d656-48c3-a184-39c72eae9ac8.tmp</t>
  </si>
  <si>
    <t>\\acsfs\profiles$\sarahbal\Downloads\89ac1d84-d656-48c3-a184-39c72eae9ac8.tmp</t>
  </si>
  <si>
    <t>d900ac0b-889d-40fc-bf47-d4288d22cd0a.tmp</t>
  </si>
  <si>
    <t>\\acsfs\profiles$\luanaagl\Downloads\d900ac0b-889d-40fc-bf47-d4288d22cd0a.tmp</t>
  </si>
  <si>
    <t>f67fd1ba-8275-4ba5-98f6-faa3a1d3fcb9.tmp</t>
  </si>
  <si>
    <t>\\acsfs\profiles$\luanaagl\Downloads\f67fd1ba-8275-4ba5-98f6-faa3a1d3fcb9.tmp</t>
  </si>
  <si>
    <t>905c3138-93cf-4e4f-876d-7b7e2987eda2.tmp</t>
  </si>
  <si>
    <t>\\acsfs\profiles$\LUCASBS\Downloads\905c3138-93cf-4e4f-876d-7b7e2987eda2.tmp</t>
  </si>
  <si>
    <t>c46f76a5-34e9-45ae-bcca-f9d3f3493094.tmp</t>
  </si>
  <si>
    <t>\\acsfs\profiles$\LUCASBS\Downloads\c46f76a5-34e9-45ae-bcca-f9d3f3493094.tmp</t>
  </si>
  <si>
    <t>https://udpmailboxap01.acs.com.br:8443/h/search?si=0&amp;so=0&amp;sc=60273&amp;sfi=6&amp;st=conversation&amp;action=compose</t>
  </si>
  <si>
    <t>0551f811-5b18-44a1-9f69-0c05119ac639.tmp</t>
  </si>
  <si>
    <t>\\acsfs\profiles$\larissaad\Downloads\0551f811-5b18-44a1-9f69-0c05119ac639.tmp</t>
  </si>
  <si>
    <t>b86a21ce-b0c2-465d-9d84-7ca8d1f974d1.tmp</t>
  </si>
  <si>
    <t>\\acsfs\profiles$\lorraynevam\Downloads\b86a21ce-b0c2-465d-9d84-7ca8d1f974d1.tmp</t>
  </si>
  <si>
    <t>bd6b4cd1-b5e9-4676-8186-670cc49c1ca4.tmp</t>
  </si>
  <si>
    <t>\\acsfs\profiles$\lorrainerdl\Downloads\bd6b4cd1-b5e9-4676-8186-670cc49c1ca4.tmp</t>
  </si>
  <si>
    <t>eabc0142-9430-4773-acdf-a9484972c1ab.tmp</t>
  </si>
  <si>
    <t>\\acsfs\profiles$\mariellecs\Downloads\eabc0142-9430-4773-acdf-a9484972c1ab.tmp</t>
  </si>
  <si>
    <t>736b03cb-fa2b-405f-8636-e153f5bec1d3.tmp</t>
  </si>
  <si>
    <t>\\acsfs\profiles$\geovannasm\Downloads\736b03cb-fa2b-405f-8636-e153f5bec1d3.tmp</t>
  </si>
  <si>
    <t>9c3438e6-f2f5-4ae3-9f45-8b7d2b87d26c.tmp</t>
  </si>
  <si>
    <t>\\acsfs\profiles$\quindaizaagds\Downloads\9c3438e6-f2f5-4ae3-9f45-8b7d2b87d26c.tmp</t>
  </si>
  <si>
    <t>fd983378-3622-4869-be27-213536c3179e.tmp</t>
  </si>
  <si>
    <t>\\acsfs\profiles$\quindaizaagds\Downloads\fd983378-3622-4869-be27-213536c3179e.tmp</t>
  </si>
  <si>
    <t>45d78eab-419d-4698-93f0-e527650280af.tmp</t>
  </si>
  <si>
    <t>\\acsfs\profiles$\larissaad\Downloads\45d78eab-419d-4698-93f0-e527650280af.tmp</t>
  </si>
  <si>
    <t>c7d8734d-2d66-4746-9359-d30ca3e4584f.tmp</t>
  </si>
  <si>
    <t>\\acsfs\profiles$\ayalabfi\Downloads\c7d8734d-2d66-4746-9359-d30ca3e4584f.tmp</t>
  </si>
  <si>
    <t>14a59b66-ca11-4fc7-9c42-5857d2866f8f.tmp</t>
  </si>
  <si>
    <t>\\acsfs\profiles$\ayalabfi\Downloads\14a59b66-ca11-4fc7-9c42-5857d2866f8f.tmp</t>
  </si>
  <si>
    <t>813563f8-5435-4b51-88ac-f46573583d37.tmp</t>
  </si>
  <si>
    <t>\\acsfs\profiles$\ayalabfi\Downloads\813563f8-5435-4b51-88ac-f46573583d37.tmp</t>
  </si>
  <si>
    <t>ded61716-9b2a-4b20-913f-3f0afe33f23c.tmp</t>
  </si>
  <si>
    <t>\\acsfs\profiles$\ayalabfi\Downloads\ded61716-9b2a-4b20-913f-3f0afe33f23c.tmp</t>
  </si>
  <si>
    <t>Relatorio de Vendas - Auditoria BV Cartoes (Dezembro) Cliente.xlsx</t>
  </si>
  <si>
    <t>\\acsfs\DEPTOS\Operacao\Banco_Votorantim\Qualidade\Anderson\Jose\Atualizado\Relatorio de Vendas - Auditoria BV Cartoes (Dezembro) Cliente.xlsx</t>
  </si>
  <si>
    <t>34006b6d-4fad-4b00-9d96-472c1743f5d6.tmp</t>
  </si>
  <si>
    <t>\\acsfs\profiles$\danielac\Downloads\34006b6d-4fad-4b00-9d96-472c1743f5d6.tmp</t>
  </si>
  <si>
    <t>eddcc1ef-0b1f-4b63-a502-6928eaac5839.tmp</t>
  </si>
  <si>
    <t>\\acsfs\profiles$\YASMINSC\Downloads\eddcc1ef-0b1f-4b63-a502-6928eaac5839.tmp</t>
  </si>
  <si>
    <t>8c2fb200-3e6a-4393-932d-03307660a553.tmp</t>
  </si>
  <si>
    <t>\\acsfs\profiles$\geovannasm\Downloads\8c2fb200-3e6a-4393-932d-03307660a553.tmp</t>
  </si>
  <si>
    <t>2db2c3e8-c8b7-497d-865b-7a2da895dbbd.tmp</t>
  </si>
  <si>
    <t>\\acsfs\profiles$\isabellegtds\Downloads\2db2c3e8-c8b7-497d-865b-7a2da895dbbd.tmp</t>
  </si>
  <si>
    <t>6481e5b5-ac4b-49db-82b5-48042d299c52.tmp</t>
  </si>
  <si>
    <t>\\acsfs\profiles$\isabellegtds\Downloads\6481e5b5-ac4b-49db-82b5-48042d299c52.tmp</t>
  </si>
  <si>
    <t>60b68a39-337b-46c5-9548-5d806aab1af2.tmp</t>
  </si>
  <si>
    <t>\\acsfs\profiles$\sarahbal\Downloads\60b68a39-337b-46c5-9548-5d806aab1af2.tmp</t>
  </si>
  <si>
    <t>8d27b3cf-d0f3-40ff-a813-62d7d81692a3.tmp</t>
  </si>
  <si>
    <t>\\acsfs\profiles$\danielmlds\Downloads\8d27b3cf-d0f3-40ff-a813-62d7d81692a3.tmp</t>
  </si>
  <si>
    <t>a52a2213-6353-4235-a297-ecc0144f1aab.tmp</t>
  </si>
  <si>
    <t>\\acsfs\profiles$\danielmlds\Downloads\a52a2213-6353-4235-a297-ecc0144f1aab.tmp</t>
  </si>
  <si>
    <t>7b7bed70-26c5-4075-98da-250de8d14d6a.tmp</t>
  </si>
  <si>
    <t>\\acsfs\profiles$\nataliacsl\Downloads\7b7bed70-26c5-4075-98da-250de8d14d6a.tmp</t>
  </si>
  <si>
    <t>238fc7dc-744a-482d-be35-9d8a897fc095.tmp</t>
  </si>
  <si>
    <t>\\acsfs\profiles$\ayalabfi\Downloads\238fc7dc-744a-482d-be35-9d8a897fc095.tmp</t>
  </si>
  <si>
    <t>Relatorio de Vendas - Auditoria BV Cartoes (Dezembro) SUPERVISÃO.xlsx</t>
  </si>
  <si>
    <t>\\acsfs\DEPTOS\Operacao\Banco_Votorantim\Qualidade\Anderson\Jose\Atualizado\Relatorio de Vendas - Auditoria BV Cartoes (Dezembro) SUPERVISÃO.xlsx</t>
  </si>
  <si>
    <t>2f8bdd18-2d81-4041-8d91-03cedb9db7f7.tmp</t>
  </si>
  <si>
    <t>\\acsfs\profiles$\leticiala\Downloads\2f8bdd18-2d81-4041-8d91-03cedb9db7f7.tmp</t>
  </si>
  <si>
    <t>\\acsfs\profiles$\YASMINSC\</t>
  </si>
  <si>
    <t>Comandos Avaya.txt</t>
  </si>
  <si>
    <t>\\acsfs\profiles$\YASMINSC\Comandos Avaya.txt</t>
  </si>
  <si>
    <t>1db0dd41-12c5-496f-85db-1c1272ba42d3.tmp</t>
  </si>
  <si>
    <t>\\acsfs\profiles$\talitafdc\Downloads\1db0dd41-12c5-496f-85db-1c1272ba42d3.tmp</t>
  </si>
  <si>
    <t>Unconfirmed 832402.crdownload</t>
  </si>
  <si>
    <t>\\acsfs\profiles$\talitafdc\Downloads\Unconfirmed 832402.crdownload</t>
  </si>
  <si>
    <t>66aed440-cb09-4cd5-85d5-0c9da58ccd21.tmp</t>
  </si>
  <si>
    <t>\\acsfs\profiles$\vivianealda\Downloads\66aed440-cb09-4cd5-85d5-0c9da58ccd21.tmp</t>
  </si>
  <si>
    <t>38139abd-8d3d-4277-9677-e9578bb31c93.tmp</t>
  </si>
  <si>
    <t>\\acsfs\profiles$\victoriaksr\Downloads\38139abd-8d3d-4277-9677-e9578bb31c93.tmp</t>
  </si>
  <si>
    <t>71256c52-e71b-4129-96ec-a36a66842737.tmp</t>
  </si>
  <si>
    <t>\\acsfs\profiles$\nataliacsl\Downloads\71256c52-e71b-4129-96ec-a36a66842737.tmp</t>
  </si>
  <si>
    <t>Relatorio de Vendas - Auditoria BV Cartoes (Dezembro)_FECHAMENTO - Cópia.xlsx</t>
  </si>
  <si>
    <t>\\acsfs\DEPTOS\Operacao\Banco_Votorantim\Qualidade\Anderson\Jose\Atualizado\Relatorio de Vendas - Auditoria BV Cartoes (Dezembro)_FECHAMENTO - Cópia.xlsx</t>
  </si>
  <si>
    <t>dc92d1bf-793f-4412-a359-9c6c7c9d428d.tmp</t>
  </si>
  <si>
    <t>\\acsfs\profiles$\inarajst\Downloads\dc92d1bf-793f-4412-a359-9c6c7c9d428d.tmp</t>
  </si>
  <si>
    <t>4d98d825-609c-42d0-a32e-67fe6eeeea82.tmp</t>
  </si>
  <si>
    <t>\\acsfs\profiles$\vivianealda\Downloads\4d98d825-609c-42d0-a32e-67fe6eeeea82.tmp</t>
  </si>
  <si>
    <t>34a7eac5-929a-40c9-81ef-61d78f1afa0e.tmp</t>
  </si>
  <si>
    <t>\\acsfs\profiles$\eduardofss\Downloads\34a7eac5-929a-40c9-81ef-61d78f1afa0e.tmp</t>
  </si>
  <si>
    <t>Q29udHJvbGxlci5QYXl3YXJlXzEtMg-- (42).ica</t>
  </si>
  <si>
    <t>\\acsfs\profiles$\eduardofss\Downloads\Q29udHJvbGxlci5QYXl3YXJlXzEtMg-- (42).ica</t>
  </si>
  <si>
    <t>ae8d0707-00d8-49df-be74-6091113990c6.tmp</t>
  </si>
  <si>
    <t>\\acsfs\profiles$\eduardofss\Downloads\ae8d0707-00d8-49df-be74-6091113990c6.tmp</t>
  </si>
  <si>
    <t>lu1144jm27.tmp</t>
  </si>
  <si>
    <t>\\acsfs\profiles$\LUCASBS\Planilhas\lu1144jm27.tmp</t>
  </si>
  <si>
    <t>8f80f37d-2ed5-416a-a69e-e4ec0837197e.tmp</t>
  </si>
  <si>
    <t>\\acsfs\profiles$\eduardofss\Downloads\8f80f37d-2ed5-416a-a69e-e4ec0837197e.tmp</t>
  </si>
  <si>
    <t>3dc8736d-dfe6-4ee5-8d8b-32b0a14d2afb.tmp</t>
  </si>
  <si>
    <t>\\acsfs\profiles$\larissaad\Downloads\3dc8736d-dfe6-4ee5-8d8b-32b0a14d2afb.tmp</t>
  </si>
  <si>
    <t>922e3842-7178-4846-826e-09c0751ffcb2.tmp</t>
  </si>
  <si>
    <t>\\acsfs\profiles$\lorrainerdl\Downloads\922e3842-7178-4846-826e-09c0751ffcb2.tmp</t>
  </si>
  <si>
    <t>323de29b-b2d4-49b4-89f7-272d2be2ef9b.tmp</t>
  </si>
  <si>
    <t>\\acsfs\profiles$\lucasgpe\Downloads\323de29b-b2d4-49b4-89f7-272d2be2ef9b.tmp</t>
  </si>
  <si>
    <t>ab4e1d4b-b9a0-4211-96f0-48dca63fa089.tmp</t>
  </si>
  <si>
    <t>\\acsfs\profiles$\geovanaasa\Downloads\ab4e1d4b-b9a0-4211-96f0-48dca63fa089.tmp</t>
  </si>
  <si>
    <t>d4efca96-0d93-41ae-bf2b-a161809d2a20.tmp</t>
  </si>
  <si>
    <t>\\acsfs\profiles$\geovanaasa\Downloads\d4efca96-0d93-41ae-bf2b-a161809d2a20.tmp</t>
  </si>
  <si>
    <t>.~lock.Layout TV Vendas 2.ppt#</t>
  </si>
  <si>
    <t>\\acsfs\DEPTOS\Operacao\Banco_Votorantim\Supervisao\SUPERS BV CARTÕES\.~lock.Layout TV Vendas 2.ppt#</t>
  </si>
  <si>
    <t>\\acsfs\DEPTOS\Operacao\Banco_Votorantim\Supervisao\SUPERS BV CARTÕES\Thumbs.db</t>
  </si>
  <si>
    <t>b6479705-6738-45c3-9f00-137892dae850.tmp</t>
  </si>
  <si>
    <t>\\acsfs\profiles$\adelvinsonle\Downloads\b6479705-6738-45c3-9f00-137892dae850.tmp</t>
  </si>
  <si>
    <t>968b66c0-6267-462e-b378-b22afee9381f.tmp</t>
  </si>
  <si>
    <t>\\acsfs\profiles$\adelvinsonle\Downloads\968b66c0-6267-462e-b378-b22afee9381f.tmp</t>
  </si>
  <si>
    <t>9e38eeb2-aa48-46d3-be3a-3f1a6829960a.tmp</t>
  </si>
  <si>
    <t>\\acsfs\profiles$\luanaagl\Downloads\9e38eeb2-aa48-46d3-be3a-3f1a6829960a.tmp</t>
  </si>
  <si>
    <t>1b936155-a274-4a94-a517-69b0555438e2.tmp</t>
  </si>
  <si>
    <t>\\acsfs\profiles$\victoriaksr\Downloads\1b936155-a274-4a94-a517-69b0555438e2.tmp</t>
  </si>
  <si>
    <t>913551cd-c483-44d7-8117-6cad3dd46cca.tmp</t>
  </si>
  <si>
    <t>\\acsfs\profiles$\PEDROHAB\Downloads\913551cd-c483-44d7-8117-6cad3dd46cca.tmp</t>
  </si>
  <si>
    <t>e3c4478f-98d4-4cd8-8490-89e40075fc17.tmp</t>
  </si>
  <si>
    <t>\\acsfs\profiles$\PEDROHAB\Downloads\e3c4478f-98d4-4cd8-8490-89e40075fc17.tmp</t>
  </si>
  <si>
    <t>0b436858-2ab6-49fb-9f3a-4a64b15fd3fe.tmp</t>
  </si>
  <si>
    <t>\\acsfs\profiles$\PEDROHAB\Downloads\0b436858-2ab6-49fb-9f3a-4a64b15fd3fe.tmp</t>
  </si>
  <si>
    <t>\\acsfs\deptos\CEI - Coordenação de Engenharia e Infraestrutura\CEI – Manutenção\48 - PCM\Manutenção\2. Acompanhamento diário\2019\41\</t>
  </si>
  <si>
    <t>QUADRO DE ACOMPANHAMENTO.xlsx</t>
  </si>
  <si>
    <t>' and title contains 'xlsx' and trashed = false and '0aasoq2nlq5_zuk9pva' in parents&amp;fields=kind,ancestorhasaugmentedpermissions,containsunsubscribedchildren,displayname,domain,emailaddress,explicitlytrashed,filesize,hasthumbnail,hasvisitorpermissions,id,id),items(kind,lastmodifyinguser(kind,lastviewedbymedate,mimetype�,modifie,modifiedbymedate,modifieddate,nextpagetoken,ontainsunsubscribedchildren,owners(kind,permissionid,picture,shared,sharedwithmedate,thumbnailversion,title,userpermission(role),workspaceids</t>
  </si>
  <si>
    <t>8e98ad5f-0582-4b16-ae61-7e344b369594.tmp</t>
  </si>
  <si>
    <t>\\acsfs\profiles$\cintiadcf\Downloads\8e98ad5f-0582-4b16-ae61-7e344b369594.tmp</t>
  </si>
  <si>
    <t>86324d3f-df48-4c30-a884-86a9aa2e1bd5.tmp</t>
  </si>
  <si>
    <t>\\acsfs\profiles$\lorrainerdl\Downloads\86324d3f-df48-4c30-a884-86a9aa2e1bd5.tmp</t>
  </si>
  <si>
    <t>eb71ca7a-faab-46fc-95bb-384303780ec5.tmp</t>
  </si>
  <si>
    <t>\\acsfs\profiles$\lorrainerdl\Downloads\eb71ca7a-faab-46fc-95bb-384303780ec5.tmp</t>
  </si>
  <si>
    <t>9a69716c-3aa1-4ef1-bb65-792f81afb0f7.tmp</t>
  </si>
  <si>
    <t>\\acsfs\profiles$\lorrainerdl\Downloads\9a69716c-3aa1-4ef1-bb65-792f81afb0f7.tmp</t>
  </si>
  <si>
    <t>.~lock.Novo(a) Planilha OpenDocument.ods#</t>
  </si>
  <si>
    <t>\\acsfs\profiles$\ALEXANDREMM\.~lock.Novo(a) Planilha OpenDocument.ods#</t>
  </si>
  <si>
    <t>3e4b9df9-88d5-4ad3-a508-f52da9dece0c.tmp</t>
  </si>
  <si>
    <t>\\acsfs\profiles$\leticiala\Downloads\3e4b9df9-88d5-4ad3-a508-f52da9dece0c.tmp</t>
  </si>
  <si>
    <t>6f6ef183-9d9a-4c21-be4b-d13c75f8778d.tmp</t>
  </si>
  <si>
    <t>\\acsfs\profiles$\lucasgpe\Downloads\6f6ef183-9d9a-4c21-be4b-d13c75f8778d.tmp</t>
  </si>
  <si>
    <t>e738973c-8454-475e-be0a-8f6a4c0fdba5.tmp</t>
  </si>
  <si>
    <t>\\acsfs\profiles$\milenaas\Downloads\e738973c-8454-475e-be0a-8f6a4c0fdba5.tmp</t>
  </si>
  <si>
    <t>.~lock.Vendas 13.12.2019.xlsx#</t>
  </si>
  <si>
    <t>\\acsfs\profiles$\LUCASBS\Planilhas\.~lock.Vendas 13.12.2019.xlsx#</t>
  </si>
  <si>
    <t>5071ce98-ef3a-4450-81a1-7911defcd456.tmp</t>
  </si>
  <si>
    <t>\\acsfs\profiles$\nataliacsl\Downloads\5071ce98-ef3a-4450-81a1-7911defcd456.tmp</t>
  </si>
  <si>
    <t>3b061944-5ad8-4c70-9a73-503ecbb50ed8.tmp</t>
  </si>
  <si>
    <t>\\acsfs\profiles$\leticiala\Downloads\3b061944-5ad8-4c70-9a73-503ecbb50ed8.tmp</t>
  </si>
  <si>
    <t>mail.google.com/sync/u/0/i/s?hl=pt-BR&amp;c=67</t>
  </si>
  <si>
    <t>lu54043tp62r.tmp</t>
  </si>
  <si>
    <t>\\acsfs\profiles$\CLAUDIAJCA\lu54043tp62r.tmp</t>
  </si>
  <si>
    <t>\\acsfs\profiles$\CLAUDIAJCA\lu54043tp62r.tmp\</t>
  </si>
  <si>
    <t>\\acsfs\profiles$\CLAUDIAJCA\lu54043tp62r.tmp\META-INF\</t>
  </si>
  <si>
    <t>\\acsfs\profiles$\CLAUDIAJCA\lu54043tp62r.tmp\Thumbnails\</t>
  </si>
  <si>
    <t>556f4e30-bac4-46e6-b604-cd78baa8a357.tmp</t>
  </si>
  <si>
    <t>\\acsfs\profiles$\mariliafplb\Downloads\556f4e30-bac4-46e6-b604-cd78baa8a357.tmp</t>
  </si>
  <si>
    <t>lu1144jm2g.tmp</t>
  </si>
  <si>
    <t>\\acsfs\profiles$\LUCASBS\Planilhas\lu1144jm2g.tmp</t>
  </si>
  <si>
    <t>lu1144jm2m.tmp</t>
  </si>
  <si>
    <t>\\acsfs\profiles$\LUCASBS\Planilhas\lu1144jm2m.tmp</t>
  </si>
  <si>
    <t>lu1144jm2s.tmp</t>
  </si>
  <si>
    <t>\\acsfs\profiles$\LUCASBS\Planilhas\lu1144jm2s.tmp</t>
  </si>
  <si>
    <t>10.200.67.33</t>
  </si>
  <si>
    <t>74-86-7A-FB-17-15</t>
  </si>
  <si>
    <t>VOTORANT-GB003</t>
  </si>
  <si>
    <t>\\acsfs\profiles$\cinthiacsda\Contacts\</t>
  </si>
  <si>
    <t>CINTHIA CRISTYELLE SANTOS DE ARAUJO (36).contact</t>
  </si>
  <si>
    <t>\\acsfs\profiles$\cinthiacsda\Contacts\CINTHIA CRISTYELLE SANTOS DE ARAUJO (36).contact</t>
  </si>
  <si>
    <t>\\acsfs\profiles$\cinthiacsda\My Documents\My Videos\</t>
  </si>
  <si>
    <t>\\acsfs\profiles$\cinthiacsda\My Documents\My Videos\desktop.ini</t>
  </si>
  <si>
    <t>\\acsfs\profiles$\cinthiacsda\My Documents\My Pictures\</t>
  </si>
  <si>
    <t>\\acsfs\profiles$\cinthiacsda\My Documents\My Pictures\desktop.ini</t>
  </si>
  <si>
    <t>\\acsfs\profiles$\cinthiacsda\Contacts\desktop.ini</t>
  </si>
  <si>
    <t>\\acsfs\profiles$\cinthiacsda\Favorites\</t>
  </si>
  <si>
    <t>\\acsfs\profiles$\cinthiacsda\Favorites\desktop.ini</t>
  </si>
  <si>
    <t>algartechcpcbv@algartech.com;andrelpsa@algartech.com;cpc-controldeskavon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\\acsfs\profiles$\cinthiacsda\My Documents\My Music\</t>
  </si>
  <si>
    <t>\\acsfs\profiles$\cinthiacsda\My Documents\My Music\desktop.ini</t>
  </si>
  <si>
    <t>\\acsfs\profiles$\cinthiacsda\Searches\</t>
  </si>
  <si>
    <t>\\acsfs\profiles$\cinthiacsda\Searches\desktop.ini</t>
  </si>
  <si>
    <t>\\acsfs\profiles$\cinthiacsda\Downloads\</t>
  </si>
  <si>
    <t>\\acsfs\profiles$\cinthiacsda\Downloads\desktop.ini</t>
  </si>
  <si>
    <t>\\acsfs\profiles$\cinthiacsda\My Documents\desktop.ini</t>
  </si>
  <si>
    <t>\\acsfs\profiles$\cinthiacsda\Saved Games\</t>
  </si>
  <si>
    <t>\\acsfs\profiles$\cinthiacsda\Saved Games\desktop.ini</t>
  </si>
  <si>
    <t>\\acsfs\profiles$\cinthiacsda\Favorites\Links for Brasil\</t>
  </si>
  <si>
    <t>\\acsfs\profiles$\cinthiacsda\Favorites\Links for Brasil\desktop.ini</t>
  </si>
  <si>
    <t>\\acsfs\profiles$\cinthiacsda\Favorites\Links for Brasil\Microsoft Brasil.url</t>
  </si>
  <si>
    <t>\\acsfs\profiles$\cinthiacsda\Favorites\Links for Brasil\Windows Brasil.url</t>
  </si>
  <si>
    <t>\\acsfs\profiles$\cinthiacsda\Favorites\Links for Brasil\MSN Brasil.url</t>
  </si>
  <si>
    <t>71bc8a88-2c3d-48ef-8dba-c377df6b7ece.tmp</t>
  </si>
  <si>
    <t>\\acsfs\profiles$\antoniosva\Downloads\71bc8a88-2c3d-48ef-8dba-c377df6b7ece.tmp</t>
  </si>
  <si>
    <t>6f1575b3-fc19-4fff-8d46-4c90103d7f39.tmp</t>
  </si>
  <si>
    <t>\\acsfs\profiles$\antoniosva\Downloads\6f1575b3-fc19-4fff-8d46-4c90103d7f39.tmp</t>
  </si>
  <si>
    <t>ee0b55af-87cf-4dc5-a49c-4a6ff5fc7c3e.tmp</t>
  </si>
  <si>
    <t>\\acsfs\profiles$\antoniosva\Downloads\ee0b55af-87cf-4dc5-a49c-4a6ff5fc7c3e.tmp</t>
  </si>
  <si>
    <t>a4d39699-4fd5-462f-b8e1-e04149eef99b.tmp</t>
  </si>
  <si>
    <t>\\acsfs\profiles$\antoniosva\Downloads\a4d39699-4fd5-462f-b8e1-e04149eef99b.tmp</t>
  </si>
  <si>
    <t>9d1e9802-2c27-4caf-9f79-a19986b21e2b.tmp</t>
  </si>
  <si>
    <t>\\acsfs\profiles$\antoniosva\Downloads\9d1e9802-2c27-4caf-9f79-a19986b21e2b.tmp</t>
  </si>
  <si>
    <t>b935acfa-6a25-4b1d-9909-aba68aa70e6a.tmp</t>
  </si>
  <si>
    <t>\\acsfs\profiles$\antoniosva\Downloads\b935acfa-6a25-4b1d-9909-aba68aa70e6a.tmp</t>
  </si>
  <si>
    <t>61f47298-3e5a-46e1-af1b-e7b1fa2fd32d.tmp</t>
  </si>
  <si>
    <t>\\acsfs\profiles$\antoniosva\Downloads\61f47298-3e5a-46e1-af1b-e7b1fa2fd32d.tmp</t>
  </si>
  <si>
    <t>2c7bfd03-da51-479b-ab0a-586f69d494dc.tmp</t>
  </si>
  <si>
    <t>\\acsfs\profiles$\adelvinsonle\Downloads\2c7bfd03-da51-479b-ab0a-586f69d494dc.tmp</t>
  </si>
  <si>
    <t>866f6642-a386-4020-9a2a-77ab37aa1895.tmp</t>
  </si>
  <si>
    <t>\\acsfs\profiles$\Flaviojmm\Downloads\866f6642-a386-4020-9a2a-77ab37aa1895.tmp</t>
  </si>
  <si>
    <t>67295b92-430b-4378-a17e-a7b283c8e402.tmp</t>
  </si>
  <si>
    <t>\\acsfs\profiles$\Flaviojmm\Downloads\67295b92-430b-4378-a17e-a7b283c8e402.tmp</t>
  </si>
  <si>
    <t>14c7569c-33de-40d0-af11-aaf9ed856a82.tmp</t>
  </si>
  <si>
    <t>\\acsfs\profiles$\Flaviojmm\Downloads\14c7569c-33de-40d0-af11-aaf9ed856a82.tmp</t>
  </si>
  <si>
    <t>lu77912bfudpf.tmp</t>
  </si>
  <si>
    <t>\\acsfs\profiles$\BRUNAAR\Numero\lu77912bfudpf.tmp</t>
  </si>
  <si>
    <t>4b6bf606-7f15-4f80-bf43-df0ea6c35f2e.tmp</t>
  </si>
  <si>
    <t>\\acsfs\profiles$\deboraaa\Downloads\4b6bf606-7f15-4f80-bf43-df0ea6c35f2e.tmp</t>
  </si>
  <si>
    <t>\\acsfs\deptos\Operacao\PCP\5 - Comum\ALESSANDRA GOMES DOS SANTOS BARROS\AVON\Relatórios\1 - NCOB\2020\01 - JANEIRO\</t>
  </si>
  <si>
    <t>ACOMPANHAMENTO NCOB - Jan.2020.xlsx</t>
  </si>
  <si>
    <t>\\acsfs\deptos\Operacao\PCP\5 - Comum\ALESSANDRA GOMES DOS SANTOS BARROS\AVON\Relatórios\1 - NCOB\2020\01 - JANEIRO\ACOMPANHAMENTO NCOB - Jan.2020.xlsx</t>
  </si>
  <si>
    <t>cpc-controldeskavon@algartech.com;joseasn@algartech.com;josiascdsj@algartech.com;luiz.henriquesantos@avon.com;marianadjc@algartech.com;paulacn@algartech.com;rafaelggs@algartech.com;viniciussg@algartech.com;</t>
  </si>
  <si>
    <t>cpc-controldeskavon@algartech.com,joseasn@algartech.com,josiascdsj@algartech.com,luiz.henriquesantos@avon.com,marianadjc@algartech.com,paulacn@algartech.com,rafaelggs@algartech.com,viniciussg@algartech.com</t>
  </si>
  <si>
    <t>mail.google.com/sync/u/0/i/s?hl=pt-BR&amp;c=123</t>
  </si>
  <si>
    <t>mail.google.com/sync/u/0/i/s?hl=pt-BR&amp;c=125</t>
  </si>
  <si>
    <t>4f10ffe1-1d67-4a51-b879-9486f2523aeb.tmp</t>
  </si>
  <si>
    <t>\\acsfs\profiles$\antoniosva\Downloads\4f10ffe1-1d67-4a51-b879-9486f2523aeb.tmp</t>
  </si>
  <si>
    <t>78983d49-af53-45d0-af78-eaf8efdfb9cb.tmp</t>
  </si>
  <si>
    <t>\\acsfs\profiles$\gabrielhca\Downloads\78983d49-af53-45d0-af78-eaf8efdfb9cb.tmp</t>
  </si>
  <si>
    <t>27e0cd6b-1835-4a49-893a-1a341345109a.tmp</t>
  </si>
  <si>
    <t>\\acsfs\profiles$\gabrielhca\Downloads\27e0cd6b-1835-4a49-893a-1a341345109a.tmp</t>
  </si>
  <si>
    <t>69da8db4-8f92-4e20-aeeb-e26e674be6cd.tmp</t>
  </si>
  <si>
    <t>\\acsfs\profiles$\gabrielhca\Downloads\69da8db4-8f92-4e20-aeeb-e26e674be6cd.tmp</t>
  </si>
  <si>
    <t>4f71b6cb-2db4-4040-a0b6-7be1015fe535.tmp</t>
  </si>
  <si>
    <t>\\acsfs\profiles$\LUCASBS\Downloads\4f71b6cb-2db4-4040-a0b6-7be1015fe535.tmp</t>
  </si>
  <si>
    <t>ebc0158c-e30d-48c5-b01e-4396387e9258.tmp</t>
  </si>
  <si>
    <t>\\acsfs\profiles$\mariliafplb\Downloads\ebc0158c-e30d-48c5-b01e-4396387e9258.tmp</t>
  </si>
  <si>
    <t>lu77912bfudpi.tmp</t>
  </si>
  <si>
    <t>\\acsfs\profiles$\BRUNAAR\Numero\lu77912bfudpi.tmp</t>
  </si>
  <si>
    <t>mail.google.com/sync/u/0/i/s?hl=pt-BR&amp;c=146</t>
  </si>
  <si>
    <t>mail.google.com/sync/u/0/i/s?hl=pt-BR&amp;c=150</t>
  </si>
  <si>
    <t>mail.google.com/sync/u/0/i/s?hl=pt-BR&amp;c=164</t>
  </si>
  <si>
    <t>lu73196bfyt2b.tmp</t>
  </si>
  <si>
    <t>\\acsfs\DEPTOS\Operacao\Banco_Votorantim\Supervisao\SUPERS BV CARTÕES\ANA VITORIA\APOIO\lu73196bfyt2b.tmp</t>
  </si>
  <si>
    <t>\\acsfs\DEPTOS\Operacao\Banco_Votorantim\Supervisao\SUPERS BV CARTÕES\ANA VITORIA\APOIO\lu73196bfyt2b.tmp\</t>
  </si>
  <si>
    <t>\\acsfs\DEPTOS\Operacao\Banco_Votorantim\Supervisao\SUPERS BV CARTÕES\ANA VITORIA\APOIO\lu73196bfyt2b.tmp\META-INF\</t>
  </si>
  <si>
    <t>\\acsfs\DEPTOS\Operacao\Banco_Votorantim\Supervisao\SUPERS BV CARTÕES\ANA VITORIA\APOIO\lu73196bfyt2b.tmp\Thumbnails\</t>
  </si>
  <si>
    <t>a0074630-52a6-41f5-9267-1a19ee24832a.tmp</t>
  </si>
  <si>
    <t>\\acsfs\profiles$\gabrielhca\Downloads\a0074630-52a6-41f5-9267-1a19ee24832a.tmp</t>
  </si>
  <si>
    <t>10.200.60.71</t>
  </si>
  <si>
    <t>FC-01-7C-C0-97-09</t>
  </si>
  <si>
    <t>NB-REGINALDORT</t>
  </si>
  <si>
    <t>reginaldort</t>
  </si>
  <si>
    <t>rrtostes@yahoo.com.br,</t>
  </si>
  <si>
    <t>mail.yahoo.com/ws/v3/batch?name=messages.saveV3&amp;hash=355f1fd2&amp;appId=YMailNorrin&amp;ymreqid=3a227341-57ee-9988-1c39-98001c01fd00&amp;wssid=DovASF6heiF</t>
  </si>
  <si>
    <t>george@socionautas.com.br;</t>
  </si>
  <si>
    <t>C:\Users\reginaldort\Downloads\Clarivi-20200102T173023Z-001.zip\Clarivi\</t>
  </si>
  <si>
    <t>Lista de funÃ§_es.xlsx</t>
  </si>
  <si>
    <t>Webmail(YahooMail)</t>
  </si>
  <si>
    <t>george@socionautas.com.br</t>
  </si>
  <si>
    <t>a284869f-69ee-458a-ba59-da828d7cffdb.tmp</t>
  </si>
  <si>
    <t>\\acsfs\profiles$\victoriaksr\Downloads\a284869f-69ee-458a-ba59-da828d7cffdb.tmp</t>
  </si>
  <si>
    <t>.~lock.Retratação Qualidade.xlsx#</t>
  </si>
  <si>
    <t>\\acsfs\profiles$\victoriaksr\Downloads\.~lock.Retratação Qualidade.xlsx#</t>
  </si>
  <si>
    <t>28e8d18a-ec80-4e81-8b44-cf28b59dd495.tmp</t>
  </si>
  <si>
    <t>\\acsfs\profiles$\larissaad\Downloads\28e8d18a-ec80-4e81-8b44-cf28b59dd495.tmp</t>
  </si>
  <si>
    <t>bf98c264-2bd3-4f4b-b993-58ba709876fa.tmp</t>
  </si>
  <si>
    <t>\\acsfs\profiles$\luanarda\Downloads\bf98c264-2bd3-4f4b-b993-58ba709876fa.tmp</t>
  </si>
  <si>
    <t>d04735e0-c7b4-47c8-85f2-b792ae6cf8ea.tmp</t>
  </si>
  <si>
    <t>\\acsfs\profiles$\nayarasds\Downloads\d04735e0-c7b4-47c8-85f2-b792ae6cf8ea.tmp</t>
  </si>
  <si>
    <t>de471d8c-f30a-46af-803a-0a09e9b59e85.tmp</t>
  </si>
  <si>
    <t>\\acsfs\profiles$\nayarasds\Downloads\de471d8c-f30a-46af-803a-0a09e9b59e85.tmp</t>
  </si>
  <si>
    <t>a4b0f394-bb0f-4c3b-a4ed-301070046d81.tmp</t>
  </si>
  <si>
    <t>\\acsfs\profiles$\nayarasds\Downloads\a4b0f394-bb0f-4c3b-a4ed-301070046d81.tmp</t>
  </si>
  <si>
    <t>CURVA NORMAL - 2020</t>
  </si>
  <si>
    <t>Tempo Improdutivo 2020.xlsm</t>
  </si>
  <si>
    <t>lu1144jm33.tmp</t>
  </si>
  <si>
    <t>\\acsfs\profiles$\LUCASBS\Planilhas\lu1144jm33.tmp</t>
  </si>
  <si>
    <t>edc7c696-ed20-42d4-8114-37d84a576584.tmp</t>
  </si>
  <si>
    <t>\\acsfs\profiles$\jaquelinecp\Downloads\edc7c696-ed20-42d4-8114-37d84a576584.tmp</t>
  </si>
  <si>
    <t>bc208bb6-1102-411d-9a69-804fccb0cf88.tmp</t>
  </si>
  <si>
    <t>\\acsfs\profiles$\jaquelinecp\Downloads\bc208bb6-1102-411d-9a69-804fccb0cf88.tmp</t>
  </si>
  <si>
    <t>b420e3b3-e525-499c-9bd6-20bc48c0f081.tmp</t>
  </si>
  <si>
    <t>\\acsfs\profiles$\jaquelinecp\Downloads\b420e3b3-e525-499c-9bd6-20bc48c0f081.tmp</t>
  </si>
  <si>
    <t>\\acsfs\DEPTOS\EDUCACAO EMPRESARIAL\2 - Operações\0 - BV\5 - QUALIDADE\Nova pasta\jose\</t>
  </si>
  <si>
    <t>Ligação - LUCAS-CASO GLEICIA (ICATU)_1_6773712610458142576_1_32.wav</t>
  </si>
  <si>
    <t>\\acsfs\DEPTOS\EDUCACAO EMPRESARIAL\2 - Operações\0 - BV\5 - QUALIDADE\Nova pasta\jose\Ligação - LUCAS-CASO GLEICIA (ICATU)_1_6773712610458142576_1_32.wav</t>
  </si>
  <si>
    <t>74d9a1cf-f2f9-4472-b9f7-9d1bae4308e3.tmp</t>
  </si>
  <si>
    <t>\\acsfs\profiles$\nayarasds\Downloads\74d9a1cf-f2f9-4472-b9f7-9d1bae4308e3.tmp</t>
  </si>
  <si>
    <t>cdec50f9-b6ac-4bd8-8d5d-3de1f1f55410.tmp</t>
  </si>
  <si>
    <t>\\acsfs\profiles$\nayarasds\Downloads\cdec50f9-b6ac-4bd8-8d5d-3de1f1f55410.tmp</t>
  </si>
  <si>
    <t>4ba0d2e8-c887-4ea2-ae14-3852c7ec61d0.tmp</t>
  </si>
  <si>
    <t>\\acsfs\profiles$\nayarasds\Downloads\4ba0d2e8-c887-4ea2-ae14-3852c7ec61d0.tmp</t>
  </si>
  <si>
    <t>25bc37be-91e8-4525-9fc1-4fe7be7cbaaf.tmp</t>
  </si>
  <si>
    <t>\\acsfs\profiles$\nayarasds\Downloads\25bc37be-91e8-4525-9fc1-4fe7be7cbaaf.tmp</t>
  </si>
  <si>
    <t>https://algartechcpcbv@algartech.com,andrelpsa@algartech.com,cpc-controldeskavon@algartech.com,joseasn@algartech.com,josiascdsj@algartech.com,leonardoao@algartech.com,luiz.henriquesantos@avon.com,marianadjc@algartech.com,paulacn@algartech.com,qualidadealgarbv@algartech.com,rafaelggs@algartech.com,supervisaobancovotorantim@algartech.com,taysdss@algartech.com,thiagolrc@bv.algartech.com,viniciussg@algartech.com</t>
  </si>
  <si>
    <t>andrelpsa@algartech.com;catianalv@algartech.com;cpc-controldeskavon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\\acsfs\DEPTOS\Operacao\PCP\5 - Comum\LUIZ ALFREDO\00 - WHIRLPOOL\02 - COMPRA CERTA\2019\12 - DEZEMBRO\</t>
  </si>
  <si>
    <t>Retidos Compra Certa - Dezembro.xlsm</t>
  </si>
  <si>
    <t>d665a751-b140-4f07-a859-b2ebc6424808.tmp</t>
  </si>
  <si>
    <t>\\acsfs\profiles$\LAISLG\Downloads\d665a751-b140-4f07-a859-b2ebc6424808.tmp</t>
  </si>
  <si>
    <t>93cffc13-35cf-4217-94eb-598aded842c8.tmp</t>
  </si>
  <si>
    <t>\\acsfs\profiles$\LAISLG\Downloads\93cffc13-35cf-4217-94eb-598aded842c8.tmp</t>
  </si>
  <si>
    <t>lu1144jm39.tmp</t>
  </si>
  <si>
    <t>\\acsfs\profiles$\LUCASBS\Planilhas\lu1144jm39.tmp</t>
  </si>
  <si>
    <t>lu1144jm3f.tmp</t>
  </si>
  <si>
    <t>\\acsfs\profiles$\LUCASBS\Planilhas\lu1144jm3f.tmp</t>
  </si>
  <si>
    <t>lu1144jm3l.tmp</t>
  </si>
  <si>
    <t>\\acsfs\profiles$\LUCASBS\Planilhas\lu1144jm3l.tmp</t>
  </si>
  <si>
    <t>aaf77573-c094-44be-bc45-5481464dd964.tmp</t>
  </si>
  <si>
    <t>\\acsfs\profiles$\alessandraan\Downloads\aaf77573-c094-44be-bc45-5481464dd964.tmp</t>
  </si>
  <si>
    <t>8a31c426-2f7f-4300-a5e3-d4cf051cf1b4.tmp</t>
  </si>
  <si>
    <t>\\acsfs\profiles$\alessandraan\Downloads\8a31c426-2f7f-4300-a5e3-d4cf051cf1b4.tmp</t>
  </si>
  <si>
    <t>0f59c7c8-d5f4-4d18-ba06-a5ce84e6822e.tmp</t>
  </si>
  <si>
    <t>\\acsfs\profiles$\alessandraan\Downloads\0f59c7c8-d5f4-4d18-ba06-a5ce84e6822e.tmp</t>
  </si>
  <si>
    <t>9ae1b0bc-165d-44fa-91fb-855b2f767fea.tmp</t>
  </si>
  <si>
    <t>\\acsfs\profiles$\alessandraan\Downloads\9ae1b0bc-165d-44fa-91fb-855b2f767fea.tmp</t>
  </si>
  <si>
    <t>a8fbb105-7bcb-404f-bda2-258e558b985c.tmp</t>
  </si>
  <si>
    <t>\\acsfs\profiles$\alessandraan\Downloads\a8fbb105-7bcb-404f-bda2-258e558b985c.tmp</t>
  </si>
  <si>
    <t>255fe9cd-d76b-41da-86d8-29ecd2d1f146.tmp</t>
  </si>
  <si>
    <t>\\acsfs\profiles$\alessandraan\Downloads\255fe9cd-d76b-41da-86d8-29ecd2d1f146.tmp</t>
  </si>
  <si>
    <t>7ab31fc9-3743-4034-a0b7-3540061b4cce.tmp</t>
  </si>
  <si>
    <t>\\acsfs\profiles$\lucasgpe\Downloads\7ab31fc9-3743-4034-a0b7-3540061b4cce.tmp</t>
  </si>
  <si>
    <t>gabrielsma</t>
  </si>
  <si>
    <t>dcdd28c8-6dcf-4329-96a2-a8b345ed19c5.tmp</t>
  </si>
  <si>
    <t>\\acsfs\profiles$\sarahbal\Downloads\dcdd28c8-6dcf-4329-96a2-a8b345ed19c5.tmp</t>
  </si>
  <si>
    <t>57622daf-b7d3-4aa4-bcc1-e76238d4098a.tmp</t>
  </si>
  <si>
    <t>\\acsfs\profiles$\gabrielhca\Downloads\57622daf-b7d3-4aa4-bcc1-e76238d4098a.tmp</t>
  </si>
  <si>
    <t>98e8c9da-1b49-4c56-b846-11cf9a485471.tmp</t>
  </si>
  <si>
    <t>\\acsfs\profiles$\rafaelamsv\Downloads\98e8c9da-1b49-4c56-b846-11cf9a485471.tmp</t>
  </si>
  <si>
    <t>8d739b67-c6e0-4db0-8cf9-086bc2cf2690.tmp</t>
  </si>
  <si>
    <t>\\acsfs\profiles$\larissaad\Downloads\8d739b67-c6e0-4db0-8cf9-086bc2cf2690.tmp</t>
  </si>
  <si>
    <t>5fd906e5-b8f8-4751-816e-810c85d27ca7.tmp</t>
  </si>
  <si>
    <t>\\acsfs\profiles$\wedersonbadr\My Documents\My Music\5fd906e5-b8f8-4751-816e-810c85d27ca7.tmp</t>
  </si>
  <si>
    <t>35daa7b8-2ac3-477e-9611-486fe783a781.tmp</t>
  </si>
  <si>
    <t>\\acsfs\profiles$\wedersonbadr\My Documents\My Music\35daa7b8-2ac3-477e-9611-486fe783a781.tmp</t>
  </si>
  <si>
    <t>9ae19575-98aa-422c-8662-81dcc871f3b8.tmp</t>
  </si>
  <si>
    <t>\\acsfs\profiles$\inarajst\Downloads\9ae19575-98aa-422c-8662-81dcc871f3b8.tmp</t>
  </si>
  <si>
    <t>5876ee10-5539-4971-b481-a14ef990c15b.tmp</t>
  </si>
  <si>
    <t>\\acsfs\profiles$\deborahsi\Downloads\5876ee10-5539-4971-b481-a14ef990c15b.tmp</t>
  </si>
  <si>
    <t>5c2288e4-0eb1-4243-8767-2f9d417bbaff.tmp</t>
  </si>
  <si>
    <t>\\acsfs\profiles$\kellzylenneasr\Downloads\5c2288e4-0eb1-4243-8767-2f9d417bbaff.tmp</t>
  </si>
  <si>
    <t>56504a46-fb16-428b-8b2f-254d2ff7bf83.tmp</t>
  </si>
  <si>
    <t>\\acsfs\profiles$\kellzylenneasr\Downloads\56504a46-fb16-428b-8b2f-254d2ff7bf83.tmp</t>
  </si>
  <si>
    <t>84049148-ca0b-44b5-8d9e-b99d703ed53e.tmp</t>
  </si>
  <si>
    <t>\\acsfs\profiles$\alessandraan\Downloads\84049148-ca0b-44b5-8d9e-b99d703ed53e.tmp</t>
  </si>
  <si>
    <t>\\acsfs\DEPTOS\Operacao\PCP\5 - Comum\PLANEJAMENTO BV\14 - ACOMPANHAMENTO\1 - REPORT ACOMPANHAMENTO\2020\1 - JANEIRO\FINANCEIRA\Login Logout Financeira\</t>
  </si>
  <si>
    <t>48845a59-5cc8-401a-aa83-aaf7783445f2.tmp</t>
  </si>
  <si>
    <t>\\acsfs\profiles$\ayalabfi\Downloads\48845a59-5cc8-401a-aa83-aaf7783445f2.tmp</t>
  </si>
  <si>
    <t>050aca47-a9e0-4b2b-bd41-e7cb8a9f7812.tmp</t>
  </si>
  <si>
    <t>\\acsfs\profiles$\ayalabfi\Downloads\050aca47-a9e0-4b2b-bd41-e7cb8a9f7812.tmp</t>
  </si>
  <si>
    <t>lu141881g2wsx.tmp</t>
  </si>
  <si>
    <t>\\acsfs\profiles$\ALEXANDREMM\lu141881g2wsx.tmp</t>
  </si>
  <si>
    <t>\\acsfs\profiles$\ALEXANDREMM\lu141881g2wsx.tmp\</t>
  </si>
  <si>
    <t>\\acsfs\profiles$\ALEXANDREMM\lu141881g2wsx.tmp\META-INF\</t>
  </si>
  <si>
    <t>\\acsfs\profiles$\ALEXANDREMM\lu141881g2wsx.tmp\Thumbnails\</t>
  </si>
  <si>
    <t>lu96169hkc.tmp</t>
  </si>
  <si>
    <t>\\acsfs\profiles$\VIVIANALDS\My Documents\lu96169hkc.tmp</t>
  </si>
  <si>
    <t>\\acsfs\profiles$\VIVIANALDS\My Documents\lu96169hkc.tmp\</t>
  </si>
  <si>
    <t>\\acsfs\profiles$\VIVIANALDS\My Documents\lu96169hkc.tmp\META-INF\</t>
  </si>
  <si>
    <t>\\acsfs\profiles$\VIVIANALDS\My Documents\lu96169hkc.tmp\Thumbnails\</t>
  </si>
  <si>
    <t>lu96169hkg.tmp</t>
  </si>
  <si>
    <t>\\acsfs\profiles$\VIVIANALDS\My Documents\lu96169hkg.tmp</t>
  </si>
  <si>
    <t>\\acsfs\profiles$\VIVIANALDS\My Documents\lu96169hkg.tmp\</t>
  </si>
  <si>
    <t>\\acsfs\profiles$\VIVIANALDS\My Documents\lu96169hkg.tmp\META-INF\</t>
  </si>
  <si>
    <t>\\acsfs\profiles$\VIVIANALDS\My Documents\lu96169hkg.tmp\Thumbnails\</t>
  </si>
  <si>
    <t>lu96169hkk.tmp</t>
  </si>
  <si>
    <t>\\acsfs\profiles$\VIVIANALDS\My Documents\lu96169hkk.tmp</t>
  </si>
  <si>
    <t>\\acsfs\profiles$\VIVIANALDS\My Documents\lu96169hkk.tmp\</t>
  </si>
  <si>
    <t>\\acsfs\profiles$\VIVIANALDS\My Documents\lu96169hkk.tmp\META-INF\</t>
  </si>
  <si>
    <t>\\acsfs\profiles$\VIVIANALDS\My Documents\lu96169hkk.tmp\Thumbnails\</t>
  </si>
  <si>
    <t>\\udpavonfs01\avon\00 - ACOMPANHAMENTO AVON\07 - FILAS BKO\</t>
  </si>
  <si>
    <t>Filas Backoffice DEZEMBRO.xlsx</t>
  </si>
  <si>
    <t>\\udpavonfs01\avon\00 - ACOMPANHAMENTO AVON\07 - FILAS BKO\Filas Backoffice DEZEMBRO.xlsx</t>
  </si>
  <si>
    <t>\\acsfs\profiles$\gabrielsma\Downloads\</t>
  </si>
  <si>
    <t>b68d7b36-86be-4242-bb13-38828f26aa9d.tmp</t>
  </si>
  <si>
    <t>\\acsfs\profiles$\gabrielsma\Downloads\b68d7b36-86be-4242-bb13-38828f26aa9d.tmp</t>
  </si>
  <si>
    <t>\\acsfs\ACS\Gabriel da Silva\Contemporânea\Comissão e Incentivo\</t>
  </si>
  <si>
    <t>Q29udHJvbGxlci5BQ09NLVNvdUJWXzE-.ica.crdownload</t>
  </si>
  <si>
    <t>\\acsfs\ACS\Gabriel da Silva\Contemporânea\Comissão e Incentivo\Q29udHJvbGxlci5BQ09NLVNvdUJWXzE-.ica.crdownload</t>
  </si>
  <si>
    <t>6220368a-05b4-46c2-8ce7-f78296802241.tmp</t>
  </si>
  <si>
    <t>\\acsfs\profiles$\luanaagl\Downloads\6220368a-05b4-46c2-8ce7-f78296802241.tmp</t>
  </si>
  <si>
    <t>33df2593-4a1c-49cd-a958-69ec602b5d0e.tmp</t>
  </si>
  <si>
    <t>\\acsfs\profiles$\deborahsi\Downloads\33df2593-4a1c-49cd-a958-69ec602b5d0e.tmp</t>
  </si>
  <si>
    <t>lu1144jm3r.tmp</t>
  </si>
  <si>
    <t>\\acsfs\profiles$\LUCASBS\Planilhas\lu1144jm3r.tmp</t>
  </si>
  <si>
    <t>lu1144jm3x.tmp</t>
  </si>
  <si>
    <t>\\acsfs\profiles$\LUCASBS\Planilhas\lu1144jm3x.tmp</t>
  </si>
  <si>
    <t>link.txt</t>
  </si>
  <si>
    <t>\\acsfs\profiles$\alessandraan\My Documents\link.txt</t>
  </si>
  <si>
    <t>10.200.35.165</t>
  </si>
  <si>
    <t>64-1C-67-9B-A2-1C</t>
  </si>
  <si>
    <t>NB-HEWERSONG</t>
  </si>
  <si>
    <t>hewersong</t>
  </si>
  <si>
    <t>D:\Projetos\ACS\One_drive\OneDrive - Grupo Algar\Projetos\2020 Algar_-_Implantacao CRM\</t>
  </si>
  <si>
    <t>Priorizaçao de entregaveis CRM_v2.xlsx</t>
  </si>
  <si>
    <t>ances,ancest,ancestorhasaugmentedpermissions,containsunsubscribedchildren,displayn,displaynam,displayname,domain,emailaddress,exp,explicitlytrashed,file(kind,fileid,filesize,hasthumbnail,hasvisitorpermissions,hu9ad7zm===,id,id),items(deleted,items(kind,ken,kind,lastmodifyinguse,lastmodifyinguser(kind,lastviewedbymedate,mimetype,modifiedbymedate,modifieddate,ontainsunsubscribedchildren,owners(kind,permi,permission,permissionid,pict,pictu,picture,picture�,quotabytesused,rpermissions,shareable�,shared,sharedwithmedate,thumbnailversion,title,userpermission(role),workspaceids</t>
  </si>
  <si>
    <t>mail.google.com/sync/u/0/i/s?hl=pt-BR&amp;c=253</t>
  </si>
  <si>
    <t>0;algartechcpcbv@algartech.com;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0,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258</t>
  </si>
  <si>
    <t>mail.google.com/_/upload?authuser=0&amp;dcp=asu-n&amp;upload_id=AEnB2UpAAm2H07B0fb-nx9yv3V4ksr9ik5UeTYZSTBMfXK7zB6pgjYUp_5zQsulFz4CZrejf0WA_0XZ4DXrAFWwcjVE8iq4gh_iPXNoVjLVWMYycHUpMG1s&amp;upload_protocol=resumable</t>
  </si>
  <si>
    <t>C:\Users\lucianapdre\Documents\</t>
  </si>
  <si>
    <t>Planilha-Orçamento.xlsx</t>
  </si>
  <si>
    <t>' and title contains 'xlsx' and trashed = false and '0aclrmkdkmlkeuk9pva' in parents&amp;fields=kind,ancestorhasaugmentedpermissions,containsunsubscr,containsunsubscribedchildren,displa,displaynam,displayname,domain,emailaddress,explicitlytrashed�,file(kind,fileid,filesize,hasthumbnail,hasvisitorpermissions,id,id),items(deleted,items(kind,ken,kind,lastmodifyinguser(kind,lastviewedbymedate,mod,modifiedbymedate,modifieddate,nextpagetoken,ontainsunsubscribedchildren,owners(kind,permissionid,pict,picture,rpermissions,shared,sharedwithmedate,thumbnailversion,title,userpermission(role),�amento' and title contains 'xlsx' and trashed = false and '0aclrmkdkmlkeuk9pva' in parents&amp;fields=kind</t>
  </si>
  <si>
    <t>mail.google.com/_/upload?authuser=2&amp;dcp=asu-n</t>
  </si>
  <si>
    <t>C:\Users\hugooc\AppData\Local\Temp\</t>
  </si>
  <si>
    <t>Pasta3.xlsx</t>
  </si>
  <si>
    <t>CTIC COORDENACAO PROJETOS DE TI</t>
  </si>
  <si>
    <t>10.200.33.12</t>
  </si>
  <si>
    <t>20-04-0F-FD-35-AC</t>
  </si>
  <si>
    <t>NB-KARLOSGC</t>
  </si>
  <si>
    <t>karlosgc</t>
  </si>
  <si>
    <t>C:\Users\karlosgc\Dropbox\NB-AlgarTech\Whirlpool\Massivos Whirlpool\_nova_implementacao\</t>
  </si>
  <si>
    <t>mailing_lembrete_cartao_massivos_whp.csv:com.dropbox.attrs</t>
  </si>
  <si>
    <t>Cloud Storage (DropBox)</t>
  </si>
  <si>
    <t>Cloud Storage (Dropbox)</t>
  </si>
  <si>
    <t>Dropbox</t>
  </si>
  <si>
    <t>C:\Users\karlosgc\Dropbox\NB-AlgarTech\Whirlpool\Massivos Whirlpool\</t>
  </si>
  <si>
    <t>WHIRLPOOL SMS_15092017140924.csv:com.dropbox.attrs</t>
  </si>
  <si>
    <t>C:\Users\karlosgc\Dropbox\NB-AlgarTech\Whirlpool\Massivos Whirlpool\teste_massivos\xplace\</t>
  </si>
  <si>
    <t>WHIRLPOOL COBRANCA_SMS_08092017.csv:com.dropbox.attrs</t>
  </si>
  <si>
    <t>WHIRLPOOL COBRANCA_SMS NOSSO NUMERO_10092017.csv:com.dropbox.attrs</t>
  </si>
  <si>
    <t>WHIRLPOOL COBRANCA_SMS LEMBRETE_11092017.csv:com.dropbox.attrs</t>
  </si>
  <si>
    <t>WHIRLPOOL COBRANCA_EMAIL_08092017.csv:com.dropbox.attrs</t>
  </si>
  <si>
    <t>WHIRLPOOL COBRANCA_EMAIL NOSSO NUMERO_10092017.csv:com.dropbox.attrs</t>
  </si>
  <si>
    <t>WHIRLPOOL COBRANCA_EMAIL LEMBRETE_18072017.csv:com.dropbox.attrs</t>
  </si>
  <si>
    <t>C:\Users\karlosgc\Dropbox\NB-AlgarTech\Whirlpool\Massivos Whirlpool\teste_massivos\new2\</t>
  </si>
  <si>
    <t>WHIRLPOOL SMS_11092017171429.csv:com.dropbox.attrs</t>
  </si>
  <si>
    <t>WHIRLPOOL EMAIL_11092017171548.csv:com.dropbox.attrs</t>
  </si>
  <si>
    <t>C:\Users\karlosgc\Dropbox\NB-AlgarTech\Whirlpool\Massivos Whirlpool\teste_massivos\new\</t>
  </si>
  <si>
    <t>WHIRLPOOL SMS_08092017_8.csv:com.dropbox.attrs</t>
  </si>
  <si>
    <t>WHIRLPOOL SMS_08092017_7.csv:com.dropbox.attrs</t>
  </si>
  <si>
    <t>WHIRLPOOL SMS_08092017_6.csv:com.dropbox.attrs</t>
  </si>
  <si>
    <t>WHIRLPOOL SMS_08092017_5.csv:com.dropbox.attrs</t>
  </si>
  <si>
    <t>WHIRLPOOL SMS_08092017_4.csv:com.dropbox.attrs</t>
  </si>
  <si>
    <t>WHIRLPOOL SMS_08092017_3.csv:com.dropbox.attrs</t>
  </si>
  <si>
    <t>WHIRLPOOL SMS_08092017_2.csv:com.dropbox.attrs</t>
  </si>
  <si>
    <t>WHIRLPOOL SMS_08092017_1.csv:com.dropbox.attrs</t>
  </si>
  <si>
    <t>WHIRLPOOL EMAIL_11092017_5.csv:com.dropbox.attrs</t>
  </si>
  <si>
    <t>WHIRLPOOL EMAIL_11092017_4.csv:com.dropbox.attrs</t>
  </si>
  <si>
    <t>WHIRLPOOL EMAIL_11092017_3.csv:com.dropbox.attrs</t>
  </si>
  <si>
    <t>WHIRLPOOL EMAIL_11092017_2.csv:com.dropbox.attrs</t>
  </si>
  <si>
    <t>WHIRLPOOL EMAIL_11092017_1.csv:com.dropbox.attrs</t>
  </si>
  <si>
    <t>WHIRLPOOL EMAIL_11092017112013.csv:com.dropbox.attrs</t>
  </si>
  <si>
    <t>WHIRLPOOL EMAIL_08092017_8.csv:com.dropbox.attrs</t>
  </si>
  <si>
    <t>WHIRLPOOL EMAIL_08092017_7.csv:com.dropbox.attrs</t>
  </si>
  <si>
    <t>WHIRLPOOL EMAIL_08092017_6.csv:com.dropbox.attrs</t>
  </si>
  <si>
    <t>WHIRLPOOL EMAIL_08092017_5.csv:com.dropbox.attrs</t>
  </si>
  <si>
    <t>WHIRLPOOL EMAIL_08092017_4.csv:com.dropbox.attrs</t>
  </si>
  <si>
    <t>WHIRLPOOL EMAIL_08092017_3.csv:com.dropbox.attrs</t>
  </si>
  <si>
    <t>WHIRLPOOL EMAIL_08092017_2.csv:com.dropbox.attrs</t>
  </si>
  <si>
    <t>WHIRLPOOL EMAIL_08092017_1.csv:com.dropbox.attrs</t>
  </si>
  <si>
    <t>C:\Users\karlosgc\Dropbox\NB-AlgarTech\Whirlpool\Massivos Whirlpool\SMS-EMAIL-PG\</t>
  </si>
  <si>
    <t>WHIRLPOOL COBRANCA_SMS_TEMPLATE.csv:com.dropbox.attrs</t>
  </si>
  <si>
    <t>WHIRLPOOL COBRANCA_SMS_25082017.csv:com.dropbox.attrs</t>
  </si>
  <si>
    <t>WHIRLPOOL COBRANCA_SMS_24082017.csv:com.dropbox.attrs</t>
  </si>
  <si>
    <t>WHIRLPOOL COBRANCA_SMS_23082017.csv:com.dropbox.attrs</t>
  </si>
  <si>
    <t>WHIRLPOOL COBRANCA_SMS_22082017.csv:com.dropbox.attrs</t>
  </si>
  <si>
    <t>WHIRLPOOL COBRANCA_SMS_21082017.csv:com.dropbox.attrs</t>
  </si>
  <si>
    <t>WHIRLPOOL COBRANCA_SMS LEMBRETE_25082017.csv:com.dropbox.attrs</t>
  </si>
  <si>
    <t>WHIRLPOOL COBRANCA_SMS LEMBRETE_24082017.csv:com.dropbox.attrs</t>
  </si>
  <si>
    <t>WHIRLPOOL COBRANCA_EMAIL_TEMPLATE.csv:com.dropbox.attrs</t>
  </si>
  <si>
    <t>WHIRLPOOL COBRANCA_EMAIL_25082017.csv:com.dropbox.attrs</t>
  </si>
  <si>
    <t>WHIRLPOOL COBRANCA_EMAIL_24082017.csv:com.dropbox.attrs</t>
  </si>
  <si>
    <t>WHIRLPOOL COBRANCA_EMAIL_23082017.csv:com.dropbox.attrs</t>
  </si>
  <si>
    <t>WHIRLPOOL COBRANCA_EMAIL_22082017.csv:com.dropbox.attrs</t>
  </si>
  <si>
    <t>WHIRLPOOL COBRANCA_EMAIL_21082017.csv:com.dropbox.attrs</t>
  </si>
  <si>
    <t>C:\Users\karlosgc\Dropbox\NB-AlgarTech\Whirlpool\Massivos Whirlpool\SMS-EMAIL-PG\nosso_numero\</t>
  </si>
  <si>
    <t>WHIRLPOOL COBRANCA_SMS NOSSO NUMERO_TEMPLATE.csv:com.dropbox.attrs</t>
  </si>
  <si>
    <t>WHIRLPOOL COBRANCA_SMS NOSSO NUMERO_10082017.csv:com.dropbox.attrs</t>
  </si>
  <si>
    <t>WHIRLPOOL COBRANCA_EMAIL NOSSO NUMERO_TEMPLATE.csv:com.dropbox.attrs</t>
  </si>
  <si>
    <t>WHIRLPOOL COBRANCA_EMAIL NOSSO NUMERO_20082017.csv:com.dropbox.attrs</t>
  </si>
  <si>
    <t>WHIRLPOOL COBRANCA_EMAIL NOSSO NUMERO_10082017.csv:com.dropbox.attrs</t>
  </si>
  <si>
    <t>WHIRLPOOL COBRANCA_SMS NOSSO NUMERO_20082017.csv:com.dropbox.attrs</t>
  </si>
  <si>
    <t>C:\Users\karlosgc\Dropbox\NB-AlgarTech\Whirlpool\Massivos Whirlpool\SMS-EMAIL-PG\lembrete\</t>
  </si>
  <si>
    <t>WHIRLPOOL COBRANCA_SMS LEMBRETE_TEMPLATE.csv:com.dropbox.attrs</t>
  </si>
  <si>
    <t>WHIRLPOOL COBRANCA_EMAIL LEMBRETE_TEMPLATE.csv:com.dropbox.attrs</t>
  </si>
  <si>
    <t>WHIRLPOOL COBRANCA_EMAIL LEMBRETE_14072017.csv:com.dropbox.attrs</t>
  </si>
  <si>
    <t>C:\Users\karlosgc\Dropbox\NB-AlgarTech\Whirlpool\Massivos Whirlpool\retorno_massivos\</t>
  </si>
  <si>
    <t>WHIRLPOOL SMS_30102017130513_result.csv:com.dropbox.attrs</t>
  </si>
  <si>
    <t>WHIRLPOOL SMS_30102017130242_result.csv:com.dropbox.attrs</t>
  </si>
  <si>
    <t>WHIRLPOOL SMS_25102017135441_result.csv:com.dropbox.attrs</t>
  </si>
  <si>
    <t>WHIRLPOOL SMS_24102017135519_result.csv:com.dropbox.attrs</t>
  </si>
  <si>
    <t>WHIRLPOOL SMS_23102017134443_result.csv:com.dropbox.attrs</t>
  </si>
  <si>
    <t>WHIRLPOOL SMS_18102017140743_result.csv:com.dropbox.attrs</t>
  </si>
  <si>
    <t>WHIRLPOOL SMS_18102017140304_result.csv:com.dropbox.attrs</t>
  </si>
  <si>
    <t>WHIRLPOOL SMS_17102017090951_result.csv:com.dropbox.attrs</t>
  </si>
  <si>
    <t>WHIRLPOOL SMS_17102017090232_result.csv:com.dropbox.attrs</t>
  </si>
  <si>
    <t>WHIRLPOOL SMS_09112017153441_result.csv:com.dropbox.attrs</t>
  </si>
  <si>
    <t>WHIRLPOOL SMS_09112017153206_result.csv:com.dropbox.attrs</t>
  </si>
  <si>
    <t>WHIRLPOOL SMS_08112017151449_result.csv:com.dropbox.attrs</t>
  </si>
  <si>
    <t>WHIRLPOOL SMS_08112017150850_result.csv:com.dropbox.attrs</t>
  </si>
  <si>
    <t>WHIRLPOOL SMS_07112017104940_result.csv:com.dropbox.attrs</t>
  </si>
  <si>
    <t>WHIRLPOOL SMS_07112017104725_result.csv:com.dropbox.attrs</t>
  </si>
  <si>
    <t>WHIRLPOOL SMS_06112017141055-4_result.csv:com.dropbox.attrs</t>
  </si>
  <si>
    <t>WHIRLPOOL SMS_06112017104237_result.csv:com.dropbox.attrs</t>
  </si>
  <si>
    <t>WHIRLPOOL EMAIL_30102017130527_result.csv:com.dropbox.attrs</t>
  </si>
  <si>
    <t>WHIRLPOOL EMAIL_30102017130446_result.csv:com.dropbox.attrs</t>
  </si>
  <si>
    <t>WHIRLPOOL EMAIL_25102017135759_result.csv:com.dropbox.attrs</t>
  </si>
  <si>
    <t>WHIRLPOOL EMAIL_25102017135644_result.csv:com.dropbox.attrs</t>
  </si>
  <si>
    <t>WHIRLPOOL EMAIL_24102017135738_result.csv:com.dropbox.attrs</t>
  </si>
  <si>
    <t>WHIRLPOOL EMAIL_24102017135656_result.csv:com.dropbox.attrs</t>
  </si>
  <si>
    <t>WHIRLPOOL EMAIL_23102017134620_result.csv:com.dropbox.attrs</t>
  </si>
  <si>
    <t>WHIRLPOOL EMAIL_18102017140749_result.csv:com.dropbox.attrs</t>
  </si>
  <si>
    <t>WHIRLPOOL EMAIL_18102017140539_result.csv:com.dropbox.attrs</t>
  </si>
  <si>
    <t>WHIRLPOOL EMAIL_17102017091000_result.csv:com.dropbox.attrs</t>
  </si>
  <si>
    <t>WHIRLPOOL EMAIL_17102017090647_result.csv:com.dropbox.attrs</t>
  </si>
  <si>
    <t>WHIRLPOOL EMAIL_09112017153624_result.csv:com.dropbox.attrs</t>
  </si>
  <si>
    <t>WHIRLPOOL EMAIL_09112017153333_result.csv:com.dropbox.attrs</t>
  </si>
  <si>
    <t>WHIRLPOOL EMAIL_08112017151507_result.csv:com.dropbox.attrs</t>
  </si>
  <si>
    <t>WHIRLPOOL EMAIL_08112017151322_result.csv:com.dropbox.attrs</t>
  </si>
  <si>
    <t>WHIRLPOOL EMAIL_07112017104955_result.csv:com.dropbox.attrs</t>
  </si>
  <si>
    <t>WHIRLPOOL EMAIL_07112017104851_result.csv:com.dropbox.attrs</t>
  </si>
  <si>
    <t>C:\Users\karlosgc\Dropbox\NB-AlgarTech\PPE\reducao_aws\</t>
  </si>
  <si>
    <t>reportaws.csv:com.dropbox.attrs</t>
  </si>
  <si>
    <t>C:\Users\karlosgc\Dropbox\NB-AlgarTech\ISD\docs\</t>
  </si>
  <si>
    <t>ResultadoView.csv:com.dropbox.attrs</t>
  </si>
  <si>
    <t>7c40caee-e3b9-44d3-a0a4-da0ba03bc624.tmp</t>
  </si>
  <si>
    <t>\\acsfs\profiles$\lorraynevam\Downloads\7c40caee-e3b9-44d3-a0a4-da0ba03bc624.tmp</t>
  </si>
  <si>
    <t>mail.google.com/sync/u/0/i/s?hl=pt-BR&amp;c=495</t>
  </si>
  <si>
    <t>24c23a22-50e0-41ac-9d02-d5ab3ad85f7d.tmp</t>
  </si>
  <si>
    <t>\\acsfs\profiles$\luanarda\Downloads\24c23a22-50e0-41ac-9d02-d5ab3ad85f7d.tmp</t>
  </si>
  <si>
    <t>d936ff07-6fcf-444a-b07b-ba667fbeaea0.tmp</t>
  </si>
  <si>
    <t>\\acsfs\profiles$\luanarda\Downloads\d936ff07-6fcf-444a-b07b-ba667fbeaea0.tmp</t>
  </si>
  <si>
    <t>mirianppb@algartech.com;thiagordu@algartech.com;</t>
  </si>
  <si>
    <t>mirianppb@algartech.com,thiagordu@algartech.com</t>
  </si>
  <si>
    <t>kesiadof@algartech.com;mirianppb@algartech.com;thiagordu@algartech.com;</t>
  </si>
  <si>
    <t>kesiadof@algartech.com,mirianppb@algartech.com,thiagordu@algartech.com</t>
  </si>
  <si>
    <t>backofficebv@dxc.com;jean.loiola@bv.com.br;kesiadof@algartech.com;larissa.alcantara@bv.com.br;marianeps@algartech.com;mirianppb@algartech.com;talmaiardo@algartech.com;thiagordu@algartech.com;</t>
  </si>
  <si>
    <t>backofficebv@dxc.com,jean.loiola@bv.com.br,kesiadof@algartech.com,larissa.alcantara@bv.com.br,marianeps@algartech.com,mirianppb@algartech.com,talmaiardo@algartech.com,thiagordu@algartech.com</t>
  </si>
  <si>
    <t>e499fb72-0655-4c0c-98f2-e3a3b348a75d.tmp</t>
  </si>
  <si>
    <t>\\acsfs\profiles$\rafaelahpn\Downloads\e499fb72-0655-4c0c-98f2-e3a3b348a75d.tmp</t>
  </si>
  <si>
    <t>e67e20bd-3239-4b0b-ab2e-21df3b52b6b9.tmp</t>
  </si>
  <si>
    <t>\\acsfs\profiles$\ALYNYA\Downloads\e67e20bd-3239-4b0b-ab2e-21df3b52b6b9.tmp</t>
  </si>
  <si>
    <t>\\acsfs\profiles$\cinthiacsda\My Documents\xworkcenter\lex\</t>
  </si>
  <si>
    <t>\\acsfs\profiles$\cinthiacsda\My Documents\xworkcenter\lex\temp.tlx</t>
  </si>
  <si>
    <t>3e99c8ad-e1b6-4b90-bd02-59fa2f7eeccb.tmp</t>
  </si>
  <si>
    <t>\\acsfs\profiles$\gabrielsma\Downloads\3e99c8ad-e1b6-4b90-bd02-59fa2f7eeccb.tmp</t>
  </si>
  <si>
    <t>\\acsfs\ACS\Gabriel da Silva\Contemporânea\Acessos\</t>
  </si>
  <si>
    <t>Não confirmado 262497.crdownload</t>
  </si>
  <si>
    <t>\\acsfs\ACS\Gabriel da Silva\Contemporânea\Acessos\Não confirmado 262497.crdownload</t>
  </si>
  <si>
    <t>Usuários bloqueados-Algar v2.xlsx:Zone.Identifier</t>
  </si>
  <si>
    <t>\\acsfs\ACS\Gabriel da Silva\Contemporânea\Acessos\Usuários bloqueados-Algar v2.xlsx:Zone.Identifier</t>
  </si>
  <si>
    <t>e577e849-36c2-4a65-a4b7-8d44755e61e8.tmp</t>
  </si>
  <si>
    <t>\\acsfs\profiles$\milenaas\Downloads\e577e849-36c2-4a65-a4b7-8d44755e61e8.tmp</t>
  </si>
  <si>
    <t>C:\Users\karlosgc\Dropbox\NB-AlgarTech\ISD\aws\</t>
  </si>
  <si>
    <t>credentials_isd.csv:com.dropbox.attrs</t>
  </si>
  <si>
    <t>C:\Users\karlosgc\Dropbox\NB-AlgarTech\ISD\analytics\</t>
  </si>
  <si>
    <t>victor_zappts_credentials.csv:com.dropbox.attrs</t>
  </si>
  <si>
    <t>rodrigo_zappts_credentials.csv:com.dropbox.attrs</t>
  </si>
  <si>
    <t>karlos_algar_credentials.csv:com.dropbox.attrs</t>
  </si>
  <si>
    <t>alexandre_zappts_credentials.csv:com.dropbox.attrs</t>
  </si>
  <si>
    <t>C:\Users\karlosgc\Dropbox\NB-AlgarTech\Desenvolvimento\Java\</t>
  </si>
  <si>
    <t>usersInMainframe.csv:com.dropbox.attrs</t>
  </si>
  <si>
    <t>C:\Users\karlosgc\Dropbox\NB-AlgarTech\CDI\</t>
  </si>
  <si>
    <t>credentials_dw.csv:com.dropbox.attrs</t>
  </si>
  <si>
    <t>credentials_cdi.csv:com.dropbox.attrs</t>
  </si>
  <si>
    <t>C:\Users\karlosgc\Dropbox\NB-AlgarTech\Bradescard\Portal de Negociação Bradescard\ibi_1_2\</t>
  </si>
  <si>
    <t>Recuperacoes_IBI_teste1.csv:com.dropbox.attrs</t>
  </si>
  <si>
    <t>Recuperacoes_IBI_primeiro.csv:com.dropbox.attrs</t>
  </si>
  <si>
    <t>C:\Users\karlosgc\Dropbox\NB-AlgarTech\Bradescard\Carteira IBI Orion - Canais Digitais\</t>
  </si>
  <si>
    <t>orion_email_marketing_exemplo.csv:com.dropbox.attrs</t>
  </si>
  <si>
    <t>Orion_email_marketing_3env.csv:com.dropbox.attrs</t>
  </si>
  <si>
    <t>Orion_email_marketing_2env.csv:com.dropbox.attrs</t>
  </si>
  <si>
    <t>orion_clientes_sem_token.csv:com.dropbox.attrs</t>
  </si>
  <si>
    <t>base_orion_email_marketing_2.csv:com.dropbox.attrs</t>
  </si>
  <si>
    <t>base_orion_email_marketing.csv:com.dropbox.attrs</t>
  </si>
  <si>
    <t>.~lock.Planilha Controle Filas.xlsx#</t>
  </si>
  <si>
    <t>\\acsfs\DEPTOS\Operacao\Banco_Votorantim\Supervisao\SUPERS BV CARTÕES\ANA VITORIA\APOIO\.~lock.Planilha Controle Filas.xlsx#</t>
  </si>
  <si>
    <t>DIRETORIA DE TALENTOS HUMANOS</t>
  </si>
  <si>
    <t>10.200.36.139</t>
  </si>
  <si>
    <t>D0-94-66-A2-59-E6</t>
  </si>
  <si>
    <t>ATDIRETORIA-03</t>
  </si>
  <si>
    <t>gabriellycc</t>
  </si>
  <si>
    <t>\\acsfs\deptos\secretarias diretoria\assessoras\rateio coffee shop\</t>
  </si>
  <si>
    <t>rateio 2020.xlsx</t>
  </si>
  <si>
    <t>3d0f1d58-8981-410b-ac74-06b524b8cfdc.tmp</t>
  </si>
  <si>
    <t>\\acsfs\profiles$\mariajra\Downloads\3d0f1d58-8981-410b-ac74-06b524b8cfdc.tmp</t>
  </si>
  <si>
    <t>10.200.58.165</t>
  </si>
  <si>
    <t>D8-9C-67-6F-2A-F5</t>
  </si>
  <si>
    <t>NB-PEDROHMA</t>
  </si>
  <si>
    <t>suciellerr</t>
  </si>
  <si>
    <t>mail.google.com/_/upload?authuser=0&amp;dcp=asu-n&amp;upload_id=AEnB2UrSRdX6ZyyzWD8n5vGLr5HyXCE03whBTOwnaUsf8rhsQzBHr2TAjkd3Ow2HIGbwaeRPA6YPU2gt5HrnvNB-lCtowkZfvw&amp;upload_protocol=resumable</t>
  </si>
  <si>
    <t>\\acsfs\Deptos\EDUCACAO EMPRESARIAL\2 - Operações\2 - Amex\2.1.2 -Treinadores\1 - Treinadores\Equipe Lyliane\BIANCA QUEIROZ\3 - TUDO PARA TREINAMENTO\</t>
  </si>
  <si>
    <t>ROTEIRO PARA TREINAMENTOS - BIANCA.xlsx</t>
  </si>
  <si>
    <t>C:\Users\karlosgc\Dropbox\NB-AlgarTech\Bradescard\Carteira IBI Orion\posicao_carteira\</t>
  </si>
  <si>
    <t>posicao_carteira_ibi_21082017.csv:com.dropbox.attrs</t>
  </si>
  <si>
    <t>C:\Users\karlosgc\Dropbox\NB-AlgarTech\Bradescard\Carteira IBI Orion\carga_telefones\</t>
  </si>
  <si>
    <t>telefones_orion_v2.csv:com.dropbox.attrs</t>
  </si>
  <si>
    <t>C:\Users\karlosgc\Dropbox\NB-AlgarTech\Algar Telecom\Portal de Negociação Telecom\Integracao VCOm\_mailing_telecom\</t>
  </si>
  <si>
    <t>MAILING_PORTAL_20171226.csv:com.dropbox.attrs</t>
  </si>
  <si>
    <t>C:\Users\karlosgc\Dropbox\NB-AlgarTech\Algar Telecom\Portal de Negociação Telecom\Integracao VCOm\</t>
  </si>
  <si>
    <t>CONTRATOS_ALGAR_20171206155416.csv:com.dropbox.attrs</t>
  </si>
  <si>
    <t>C:\Users\karlosgc\Dropbox\NB-AlgarTech\Algar CSC\Tabela Fornecedores\</t>
  </si>
  <si>
    <t>Somar.csv.xlsx:com.dropbox.attrs</t>
  </si>
  <si>
    <t>RELATORIO DE LOGIN - FINANCEIRA - 02-01.xlsm</t>
  </si>
  <si>
    <t>\\acsfs\DEPTOS\Operacao\PCP\5 - Comum\PLANEJAMENTO BV\14 - ACOMPANHAMENTO\1 - REPORT ACOMPANHAMENTO\2020\1 - JANEIRO\FINANCEIRA\Login Logout Financeira\RELATORIO DE LOGIN - FINANCEIRA - 02-01.xlsm</t>
  </si>
  <si>
    <t>mail.google.com/sync/u/0/i/s?hl=pt-BR&amp;c=377</t>
  </si>
  <si>
    <t>mail.google.com/sync/u/0/i/s?hl=pt-BR&amp;c=385</t>
  </si>
  <si>
    <t>mail.google.com/sync/u/0/i/s?hl=pt-BR&amp;c=387</t>
  </si>
  <si>
    <t>mail.google.com/sync/u/0/i/s?hl=pt-BR&amp;c=392</t>
  </si>
  <si>
    <t>mail.google.com/sync/u/0/i/s?hl=pt-BR&amp;c=394</t>
  </si>
  <si>
    <t>mail.google.com/sync/u/0/i/s?hl=pt-BR&amp;c=396</t>
  </si>
  <si>
    <t>mail.google.com/sync/u/0/i/s?hl=pt-BR&amp;c=398</t>
  </si>
  <si>
    <t>mail.google.com/sync/u/0/i/s?hl=pt-BR&amp;c=402</t>
  </si>
  <si>
    <t>mail.google.com/sync/u/0/i/s?hl=pt-BR&amp;c=404</t>
  </si>
  <si>
    <t>mail.google.com/sync/u/0/i/s?hl=pt-BR&amp;c=406</t>
  </si>
  <si>
    <t>mail.google.com/sync/u/0/i/s?hl=pt-BR&amp;c=408</t>
  </si>
  <si>
    <t>mail.google.com/sync/u/0/i/s?hl=pt-BR&amp;c=410</t>
  </si>
  <si>
    <t>mail.google.com/sync/u/0/i/s?hl=pt-BR&amp;c=412</t>
  </si>
  <si>
    <t>cb198838-30cb-42a8-84fc-06833c2241d1.tmp</t>
  </si>
  <si>
    <t>\\acsfs\profiles$\fabianobmf\Downloads\cb198838-30cb-42a8-84fc-06833c2241d1.tmp</t>
  </si>
  <si>
    <t>mail.google.com/sync/u/0/i/s?hl=pt-BR&amp;c=325</t>
  </si>
  <si>
    <t>mail.google.com/sync/u/0/i/s?hl=pt-BR&amp;c=330</t>
  </si>
  <si>
    <t>mail.google.com/sync/u/0/i/s?hl=pt-BR&amp;c=342</t>
  </si>
  <si>
    <t>mail.google.com/sync/u/0/i/s?hl=pt-BR&amp;c=347</t>
  </si>
  <si>
    <t>mail.google.com/sync/u/0/i/s?hl=pt-BR&amp;c=352</t>
  </si>
  <si>
    <t>mail.google.com/sync/u/0/i/s?hl=pt-BR&amp;c=363</t>
  </si>
  <si>
    <t>mail.google.com/sync/u/0/i/s?hl=pt-BR&amp;c=368</t>
  </si>
  <si>
    <t>mail.google.com/sync/u/0/i/s?hl=pt-BR&amp;c=378</t>
  </si>
  <si>
    <t>TALITA SANTOS SILVA CASTRO (1717).contact</t>
  </si>
  <si>
    <t>\\acsfs\profiles$\talitassc\Contacts\TALITA SANTOS SILVA CASTRO (1717).contact</t>
  </si>
  <si>
    <t>833219fc-23bb-41ca-b3bc-9b29074fce19.tmp</t>
  </si>
  <si>
    <t>\\acsfs\profiles$\mariajra\Downloads\833219fc-23bb-41ca-b3bc-9b29074fce19.tmp</t>
  </si>
  <si>
    <t>mail.google.com/_/upload?authuser=0&amp;dcp=asu-n&amp;upload_id=AEnB2Uoxyb-89Xyt0YWq1nZRwABZK9sApXQzlEk9ztdDgxr4FSC8KP1pDJVR7kofblIox2l4DeFTAIZapFhtYHQvQorook3YFg&amp;upload_protocol=resumable</t>
  </si>
  <si>
    <t>10.200.57.128</t>
  </si>
  <si>
    <t>FC-01-7C-FE-34-BB</t>
  </si>
  <si>
    <t>NB-RAFAELGF</t>
  </si>
  <si>
    <t>viniciussg</t>
  </si>
  <si>
    <t>ivancj@algartech.com;viniciusgt@algartech.com;</t>
  </si>
  <si>
    <t>C:\Users\viniciussg\Desktop\</t>
  </si>
  <si>
    <t>ESFORÇO_VALIDAR - GREVY DEZEMBRO 2019.xlsm</t>
  </si>
  <si>
    <t>ivancj@algartech.com,viniciusgt@algartech.com</t>
  </si>
  <si>
    <t>b3b7cb3d-71d0-444f-b3a6-c4d3bc91fede.tmp</t>
  </si>
  <si>
    <t>\\acsfs\profiles$\gabrielafs\Downloads\b3b7cb3d-71d0-444f-b3a6-c4d3bc91fede.tmp</t>
  </si>
  <si>
    <t>e1345a03-6612-47e2-a0a5-9f0542184fa4.tmp</t>
  </si>
  <si>
    <t>\\acsfs\profiles$\gabrielafs\Downloads\e1345a03-6612-47e2-a0a5-9f0542184fa4.tmp</t>
  </si>
  <si>
    <t>09f8a373-4022-4ced-ba3c-186dbc1f9a4c.tmp</t>
  </si>
  <si>
    <t>\\acsfs\profiles$\gabrielafs\Downloads\09f8a373-4022-4ced-ba3c-186dbc1f9a4c.tmp</t>
  </si>
  <si>
    <t>709226ee-51bb-4e88-9781-58b9efa85993.tmp</t>
  </si>
  <si>
    <t>\\acsfs\profiles$\gabrielafs\Downloads\709226ee-51bb-4e88-9781-58b9efa85993.tmp</t>
  </si>
  <si>
    <t>23bb2ebb-2e21-4bc7-913c-f5d67e9dc5c5.tmp</t>
  </si>
  <si>
    <t>\\acsfs\profiles$\gabrielafs\Downloads\23bb2ebb-2e21-4bc7-913c-f5d67e9dc5c5.tmp</t>
  </si>
  <si>
    <t>7ba35edf-586a-4b25-8703-8950ba51dcd6.tmp</t>
  </si>
  <si>
    <t>\\acsfs\profiles$\gabrielafs\Downloads\7ba35edf-586a-4b25-8703-8950ba51dcd6.tmp</t>
  </si>
  <si>
    <t>df0dbc18-0918-41d2-8b88-aecf557d73ed.tmp</t>
  </si>
  <si>
    <t>\\acsfs\profiles$\gabrielafs\Downloads\df0dbc18-0918-41d2-8b88-aecf557d73ed.tmp</t>
  </si>
  <si>
    <t>e6434f05-bf18-488c-8b1c-ff44feeccabd.tmp</t>
  </si>
  <si>
    <t>\\acsfs\profiles$\gabrielafs\Downloads\e6434f05-bf18-488c-8b1c-ff44feeccabd.tmp</t>
  </si>
  <si>
    <t>b7535f91-2ecc-4c4c-a64c-aea6de98da82.tmp</t>
  </si>
  <si>
    <t>\\acsfs\profiles$\gabrielafs\Downloads\b7535f91-2ecc-4c4c-a64c-aea6de98da82.tmp</t>
  </si>
  <si>
    <t>5f157456-ae69-473b-b7d8-6de3b7cf6936.tmp</t>
  </si>
  <si>
    <t>\\acsfs\profiles$\gabrielafs\Downloads\5f157456-ae69-473b-b7d8-6de3b7cf6936.tmp</t>
  </si>
  <si>
    <t>dd831b82-9f28-4aba-9d21-66c60f9c0c34.tmp</t>
  </si>
  <si>
    <t>\\acsfs\profiles$\gabrielafs\Downloads\dd831b82-9f28-4aba-9d21-66c60f9c0c34.tmp</t>
  </si>
  <si>
    <t>f241744d-20fb-4292-bf50-f46db15a42e3.tmp</t>
  </si>
  <si>
    <t>\\acsfs\profiles$\gabrielafs\Downloads\f241744d-20fb-4292-bf50-f46db15a42e3.tmp</t>
  </si>
  <si>
    <t>bd23a5df-576f-432a-ab9e-c76e4545ab10.tmp</t>
  </si>
  <si>
    <t>\\acsfs\profiles$\gabrielafs\Downloads\bd23a5df-576f-432a-ab9e-c76e4545ab10.tmp</t>
  </si>
  <si>
    <t>4d81871f-43e2-44b6-afdd-3ae679f7cbaf.tmp</t>
  </si>
  <si>
    <t>\\acsfs\profiles$\gabrielafs\Downloads\4d81871f-43e2-44b6-afdd-3ae679f7cbaf.tmp</t>
  </si>
  <si>
    <t>amandacdr@algartech.com;anderson.oliva@icloud.com;filemon@algartech.com;filipepdr@algartech.com;</t>
  </si>
  <si>
    <t>C:\Users\edilsonrb\Downloads\</t>
  </si>
  <si>
    <t>amandacdr@algartech.com,anderson.oliva@icloud.com,filemon@algartech.com,filipepdr@algartech.com</t>
  </si>
  <si>
    <t>mail.google.com/_/upload?authuser=0&amp;dcp=asu-n&amp;upload_id=AEnB2UpubHcxIsjloTlB5b84yrg0Svi0TbTIIQyUOXCdWN2vl83eBvrT2qwR5VHPcteXffeaxryiUK9yxfhX3eAvoHLKc-rX4Mr7QC5BoYoa4WbircIrVKQ&amp;upload_protocol=resumable</t>
  </si>
  <si>
    <t>mail.google.com/sync/u/0/i/s?hl=pt-BR&amp;c=416</t>
  </si>
  <si>
    <t>mail.google.com/sync/u/0/i/s?hl=pt-BR&amp;c=443</t>
  </si>
  <si>
    <t>mail.google.com/sync/u/0/i/s?hl=pt-BR&amp;c=454</t>
  </si>
  <si>
    <t>13c4ea76-fe31-4ed9-8af5-3d38d028b7ee.tmp</t>
  </si>
  <si>
    <t>\\acsfs\profiles$\kamilamrc\Downloads\13c4ea76-fe31-4ed9-8af5-3d38d028b7ee.tmp</t>
  </si>
  <si>
    <t>20d9089a-c9ea-43b2-bc68-c16372416297.tmp</t>
  </si>
  <si>
    <t>\\acsfs\profiles$\gabrielsma\Downloads\20d9089a-c9ea-43b2-bc68-c16372416297.tmp</t>
  </si>
  <si>
    <t>\\acsfs\ACS\Gabriel da Silva\Contemporânea\</t>
  </si>
  <si>
    <t>rptEquipesQlikView.csv.crdownload</t>
  </si>
  <si>
    <t>\\acsfs\ACS\Gabriel da Silva\Contemporânea\rptEquipesQlikView.csv.crdownload</t>
  </si>
  <si>
    <t>\\acsfs\profiles$\gabrielsma\Downloads\804c2ac5-663d-42ae-9373-23f49e61712f.tmp\</t>
  </si>
  <si>
    <t>\\acsfs\profiles$\gabrielsma\Downloads\804c2ac5-663d-42ae-9373-23f49e61712f.tmp</t>
  </si>
  <si>
    <t>804c2ac5-663d-42ae-9373-23f49e61712f.tmp</t>
  </si>
  <si>
    <t>\\acsfs\ACS\Gabriel da Silva\Contemporânea\BDBV\Não confirmado 271290.crdownload\</t>
  </si>
  <si>
    <t>\\acsfs\ACS\Gabriel da Silva\Contemporânea\BDBV\Não confirmado 271290.crdownload</t>
  </si>
  <si>
    <t>\\acsfs\ACS\Gabriel da Silva\Contemporânea\BDBV\</t>
  </si>
  <si>
    <t>Não confirmado 271290.crdownload</t>
  </si>
  <si>
    <t>Banco de Dados BV 12-2019.xlsx:Zone.Identifier</t>
  </si>
  <si>
    <t>\\acsfs\ACS\Gabriel da Silva\Contemporânea\BDBV\Banco de Dados BV 12-2019.xlsx:Zone.Identifier</t>
  </si>
  <si>
    <t>77b59acf-80b0-45ae-8ef4-c86a14299636.tmp</t>
  </si>
  <si>
    <t>\\acsfs\profiles$\isabellegtds\Downloads\77b59acf-80b0-45ae-8ef4-c86a14299636.tmp</t>
  </si>
  <si>
    <t>cb82c9e0-68d8-4d22-8d18-02094eb37775.tmp</t>
  </si>
  <si>
    <t>\\acsfs\profiles$\isabellegtds\Downloads\cb82c9e0-68d8-4d22-8d18-02094eb37775.tmp</t>
  </si>
  <si>
    <t>e64b299f-ed7e-4d63-83f7-da19e3fb2e79.tmp</t>
  </si>
  <si>
    <t>\\acsfs\profiles$\sarahbal\Downloads\e64b299f-ed7e-4d63-83f7-da19e3fb2e79.tmp</t>
  </si>
  <si>
    <t>381375f4-acb9-4096-b4c3-fd7b3abb24b3.tmp</t>
  </si>
  <si>
    <t>\\acsfs\profiles$\matheushds\Downloads\381375f4-acb9-4096-b4c3-fd7b3abb24b3.tmp</t>
  </si>
  <si>
    <t>122019_Relatorio_DespesaV2.xlsb</t>
  </si>
  <si>
    <t>mail.google.com/_/upload?authuser=0&amp;dcp=asu-n&amp;upload_id=AEnB2UrQ27W2CSj_YMKpajRiucr5rpH1UYFxXwicb-MxsbcJodVQ_7eGYELngf12zFF7PCJ87uW4V5RkJTuvA1aVrXuCB-Rx2v0OuhRWORVEypENhJOnUIM&amp;upload_protocol=resumable</t>
  </si>
  <si>
    <t>122019_Relatorio_IndiretosV2.xlsb</t>
  </si>
  <si>
    <t>ba89c361-b65e-408e-9857-7140d6f4645d.tmp</t>
  </si>
  <si>
    <t>\\acsfs\profiles$\larissaad\Downloads\ba89c361-b65e-408e-9857-7140d6f4645d.tmp</t>
  </si>
  <si>
    <t>aea06fb5-e63e-43e0-b943-a1f3187fe2fe.tmp</t>
  </si>
  <si>
    <t>\\acsfs\profiles$\ayalabfi\Downloads\aea06fb5-e63e-43e0-b943-a1f3187fe2fe.tmp</t>
  </si>
  <si>
    <t>43630762-03d4-4a05-b4be-cab320d836fe.tmp</t>
  </si>
  <si>
    <t>\\acsfs\profiles$\gabrielafs\Downloads\43630762-03d4-4a05-b4be-cab320d836fe.tmp</t>
  </si>
  <si>
    <t>f12f6f8a-0bdc-40e3-9464-a84ee1dff1c5.tmp</t>
  </si>
  <si>
    <t>\\acsfs\profiles$\gabrielafs\Downloads\f12f6f8a-0bdc-40e3-9464-a84ee1dff1c5.tmp</t>
  </si>
  <si>
    <t>980259a0-058b-4c0c-8a4c-2da1200d429f.tmp</t>
  </si>
  <si>
    <t>\\acsfs\profiles$\gabrielafs\Downloads\980259a0-058b-4c0c-8a4c-2da1200d429f.tmp</t>
  </si>
  <si>
    <t>marcotal</t>
  </si>
  <si>
    <t>C:\Program Files (x86)\</t>
  </si>
  <si>
    <t>C:\Users\</t>
  </si>
  <si>
    <t>C:\Windows\Downloaded Program Files\</t>
  </si>
  <si>
    <t>C:\Windows\Fonts\</t>
  </si>
  <si>
    <t>C:\Windows\Media\</t>
  </si>
  <si>
    <t>Desktop.ini</t>
  </si>
  <si>
    <t>C:\Windows\Offline Web Pages\</t>
  </si>
  <si>
    <t>C:\Windows\System32\drivers\etc\</t>
  </si>
  <si>
    <t>hosts</t>
  </si>
  <si>
    <t>db7e9453-87db-4aad-8198-2e3c90391fdc.tmp</t>
  </si>
  <si>
    <t>\\acsfs\profiles$\kamilamrc\Downloads\db7e9453-87db-4aad-8198-2e3c90391fdc.tmp</t>
  </si>
  <si>
    <t>e12556be-3ed9-47a3-94f3-ae60a4b49b8c.tmp</t>
  </si>
  <si>
    <t>\\acsfs\profiles$\kamilamrc\Downloads\e12556be-3ed9-47a3-94f3-ae60a4b49b8c.tmp</t>
  </si>
  <si>
    <t>64d52e53-fb53-4438-8f11-10b286db24a0.tmp</t>
  </si>
  <si>
    <t>\\acsfs\profiles$\kamilamrc\Downloads\64d52e53-fb53-4438-8f11-10b286db24a0.tmp</t>
  </si>
  <si>
    <t>cacfd8ac-17f5-4ade-a034-079468e9f07e.tmp</t>
  </si>
  <si>
    <t>\\acsfs\profiles$\kamilamrc\Downloads\cacfd8ac-17f5-4ade-a034-079468e9f07e.tmp</t>
  </si>
  <si>
    <t>ee8f0196-0ab0-484f-82d0-4611546555c6.tmp</t>
  </si>
  <si>
    <t>\\acsfs\profiles$\kamilamrc\Downloads\ee8f0196-0ab0-484f-82d0-4611546555c6.tmp</t>
  </si>
  <si>
    <t>\\acsfs\DEPTOS\Operacao\Banco_Votorantim\Qualidade\Eliane\Monitoria JANEIRO 2020\</t>
  </si>
  <si>
    <t>Janeiro.txt</t>
  </si>
  <si>
    <t>\\acsfs\DEPTOS\Operacao\Banco_Votorantim\Qualidade\Eliane\Monitoria JANEIRO 2020\Janeiro.txt</t>
  </si>
  <si>
    <t>1° Ciclo Janeiro.txt</t>
  </si>
  <si>
    <t>\\acsfs\DEPTOS\Operacao\Banco_Votorantim\Qualidade\Eliane\Monitoria JANEIRO 2020\1° Ciclo Janeiro.txt</t>
  </si>
  <si>
    <t>67096d7b-458e-443b-a8f0-c0a8f7d951a3.tmp</t>
  </si>
  <si>
    <t>\\acsfs\profiles$\anafsb\Downloads\67096d7b-458e-443b-a8f0-c0a8f7d951a3.tmp</t>
  </si>
  <si>
    <t>PROJETO TRANSFORMACAO</t>
  </si>
  <si>
    <t>10.200.61.56</t>
  </si>
  <si>
    <t>20-04-0F-FE-49-4C</t>
  </si>
  <si>
    <t>NB-DOLVANER</t>
  </si>
  <si>
    <t>dolvaner</t>
  </si>
  <si>
    <t>C:\Users\dolvaner\Desktop\Projetos\Precificação\Comitê Diretivo\</t>
  </si>
  <si>
    <t>Previsao CAPEX 2020.xlsx</t>
  </si>
  <si>
    <t>8eaf9495-aa4e-4f88-a707-1d14a19e2e00.tmp</t>
  </si>
  <si>
    <t>\\acsfs\profiles$\mariliafplb\Downloads\8eaf9495-aa4e-4f88-a707-1d14a19e2e00.tmp</t>
  </si>
  <si>
    <t>4ceb7011-5f00-4ad4-b6cb-4f7fede9b1fe.tmp</t>
  </si>
  <si>
    <t>\\acsfs\profiles$\mariliafplb\Downloads\4ceb7011-5f00-4ad4-b6cb-4f7fede9b1fe.tmp</t>
  </si>
  <si>
    <t>769f8b3d-73fc-425c-9e90-4e0126f3d740.tmp</t>
  </si>
  <si>
    <t>\\acsfs\profiles$\mariajra\Downloads\769f8b3d-73fc-425c-9e90-4e0126f3d740.tmp</t>
  </si>
  <si>
    <t>1830f5d6-e74b-4d15-b2ea-5f73e5cfc40a.tmp</t>
  </si>
  <si>
    <t>\\acsfs\profiles$\matheushds\Downloads\1830f5d6-e74b-4d15-b2ea-5f73e5cfc40a.tmp</t>
  </si>
  <si>
    <t>C:\Users\karlosgc\Dropbox\NB-AlgarTech\AWS\</t>
  </si>
  <si>
    <t>credentials_2.csv:com.dropbox.attrs</t>
  </si>
  <si>
    <t>credentials_1.csv:com.dropbox.attrs</t>
  </si>
  <si>
    <t>895c5d0e-bf57-44ea-9480-14959cb3c45d.tmp</t>
  </si>
  <si>
    <t>\\acsfs\profiles$\inarajst\Downloads\895c5d0e-bf57-44ea-9480-14959cb3c45d.tmp</t>
  </si>
  <si>
    <t>mail.google.com/sync/u/0/i/s?hl=pt-BR&amp;c=475</t>
  </si>
  <si>
    <t>\\acsfs\DEPTOS\Operacao\Banco_Votorantim\Supervisao\SUPERS BV CARTÕES\ANA VITORIA\APOIO\.~lock.Filas-ALGAR - JONATAN.xlsx#</t>
  </si>
  <si>
    <t>2° Ciclo Janeiro.txt</t>
  </si>
  <si>
    <t>\\acsfs\DEPTOS\Operacao\Banco_Votorantim\Qualidade\Eliane\Monitoria JANEIRO 2020\2° Ciclo Janeiro.txt</t>
  </si>
  <si>
    <t>3° Ciclo Janeiro.txt</t>
  </si>
  <si>
    <t>\\acsfs\DEPTOS\Operacao\Banco_Votorantim\Qualidade\Eliane\Monitoria JANEIRO 2020\3° Ciclo Janeiro.txt</t>
  </si>
  <si>
    <t>4° Ciclo Janeiro.txt</t>
  </si>
  <si>
    <t>\\acsfs\DEPTOS\Operacao\Banco_Votorantim\Qualidade\Eliane\Monitoria JANEIRO 2020\4° Ciclo Janeiro.txt</t>
  </si>
  <si>
    <t>6c182dd9-e33d-4859-8bb4-540d7dfaf2f9.tmp</t>
  </si>
  <si>
    <t>\\acsfs\profiles$\isabellegtds\Downloads\6c182dd9-e33d-4859-8bb4-540d7dfaf2f9.tmp</t>
  </si>
  <si>
    <t>claudia.siqueira@temposervicos.com.br;coordenadorespf@algartech.com;demetrio.joaquim@bradesco.com.br;fabiolacc@algartecnologia.com.br;fernanda.sperandio@bradesco.com.br;fernanda.sperandio@fisglobal.com;fredericobs@algartecnologia.com.br;jacqueline.mariano@temposervicos.com.br;juliana.azevedo@fisglobal.com.;michelecdc@algartech.com;micheless@algartech.com.br;rodrigo.cunha@temposervicos.com.br;viviane.virgilio@temposervicos.com.br;</t>
  </si>
  <si>
    <t>Mis Pesquisa de Satisfação - URA - FECHAMENTO DE DEZEMBRO</t>
  </si>
  <si>
    <t>Pesquisa de Satisfação - ENVIO.xlsx</t>
  </si>
  <si>
    <t>claudia.siqueira@temposervicos.com.br,coordenadorespf@algartech.com,demetrio.joaquim@bradesco.com.br,fabiolacc@algartecnologia.com.br,fernanda.sperandio@bradesco.com.br,fernanda.sperandio@fisglobal.com,fredericobs@algartecnologia.com.br,jacqueline.mariano@temposervicos.com.br,juliana.azevedo@fisglobal.com.,michelecdc@algartech.com,micheless@algartech.com.br,rodrigo.cunha@temposervicos.com.br,viviane.virgilio@temposervicos.com.br</t>
  </si>
  <si>
    <t>10.200.60.227</t>
  </si>
  <si>
    <t>D8-9C-67-6F-30-1D</t>
  </si>
  <si>
    <t>NB-MARCOSPR</t>
  </si>
  <si>
    <t>marcospr</t>
  </si>
  <si>
    <t>\\acsfs\dsti\COA - Coordenação de Operações de Aplicativos\old_bkp\02 - Comum\2.12 - Lindolfo\Repasse\Fat\</t>
  </si>
  <si>
    <t>17 - Transferencias_Nov_Dezembro_19.xlsx</t>
  </si>
  <si>
    <t>10.200.61.26</t>
  </si>
  <si>
    <t>D8-9C-67-01-54-99</t>
  </si>
  <si>
    <t>NB-BRUNOC</t>
  </si>
  <si>
    <t>brunocs</t>
  </si>
  <si>
    <t>c:\users\brunocs\desktop\caixa\treinamento caixa\</t>
  </si>
  <si>
    <t>registros de plano de ação.xls</t>
  </si>
  <si>
    <t>10.200.57.42</t>
  </si>
  <si>
    <t>54-BF-64-F5-83-A0</t>
  </si>
  <si>
    <t>NB-GISELECLSS</t>
  </si>
  <si>
    <t>giseleclss</t>
  </si>
  <si>
    <t>\\acsfs\deptos\seguranca do trabalho\7 - treinamentos nrs - geral\7.4 - escalas - agendamentos nr17, integração staff e cipa\treinamentos 2020\lista de presença\</t>
  </si>
  <si>
    <t>lista nr - 17- amex (03-01-2020).xlsx</t>
  </si>
  <si>
    <t>c2a5f77e-6632-45ee-b19f-65fbc1ada373.tmp</t>
  </si>
  <si>
    <t>\\acsfs\profiles$\matheushds\Downloads\c2a5f77e-6632-45ee-b19f-65fbc1ada373.tmp</t>
  </si>
  <si>
    <t>C:\Users\karlosgc\Dropbox\NB-AlgarTech\ISD\analytics\bases\</t>
  </si>
  <si>
    <t>RAW_Chamados_AlgarTech_v2.csv:com.dropbox.attrs</t>
  </si>
  <si>
    <t>RAW_Chamados_AlgarTech_corrigida.csv:com.dropbox.attrs</t>
  </si>
  <si>
    <t>RAW_Chamados_AlgarTech_sem_corrigir.csv:com.dropbox.attrs</t>
  </si>
  <si>
    <t>TOPICOS_Chamados_AlgarTech.csv:com.dropbox.attrs</t>
  </si>
  <si>
    <t>base_classified.csv:com.dropbox.attrs</t>
  </si>
  <si>
    <t>credentials_aws_isd_dev.csv:com.dropbox.attrs</t>
  </si>
  <si>
    <t>credentials_isd_node.csv:com.dropbox.attrs</t>
  </si>
  <si>
    <t>topic_labels.csv:com.dropbox.attrs</t>
  </si>
  <si>
    <t>C:\Users\karlosgc\Dropbox\NB-AlgarTech\ISD\json_interacao\</t>
  </si>
  <si>
    <t>respostas_estella_v2.csv:com.dropbox.attrs</t>
  </si>
  <si>
    <t>respostas_estella_v1.csv:com.dropbox.attrs</t>
  </si>
  <si>
    <t>Frase Estella.csv:com.dropbox.attrs</t>
  </si>
  <si>
    <t>9361a645-516d-41fe-a9af-1e7a8b06e7d3.tmp</t>
  </si>
  <si>
    <t>\\acsfs\profiles$\cintiadcf\Downloads\9361a645-516d-41fe-a9af-1e7a8b06e7d3.tmp</t>
  </si>
  <si>
    <t>Relatorio de Vendas - Auditoria BV Cartoes (Janeiro).xlsx</t>
  </si>
  <si>
    <t>\\acsfs\DEPTOS\Operacao\Banco_Votorantim\Qualidade\Anderson\Jose\Atualizado\Relatorio de Vendas - Auditoria BV Cartoes (Janeiro).xlsx</t>
  </si>
  <si>
    <t>18b2a8a8-dfb4-4033-9e2a-f2a84c27c4d4.tmp</t>
  </si>
  <si>
    <t>\\acsfs\profiles$\rafaelahpn\Downloads\18b2a8a8-dfb4-4033-9e2a-f2a84c27c4d4.tmp</t>
  </si>
  <si>
    <t>mail.google.com/sync/u/0/i/s?hl=pt-BR&amp;c=488</t>
  </si>
  <si>
    <t>mail.google.com/sync/u/0/i/s?hl=pt-BR&amp;c=490</t>
  </si>
  <si>
    <t>https://0,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9be6cb4e-0f87-4eb4-852e-138449be5608.tmp</t>
  </si>
  <si>
    <t>\\acsfs\profiles$\luanaagl\Downloads\9be6cb4e-0f87-4eb4-852e-138449be5608.tmp</t>
  </si>
  <si>
    <t>michelecdc@algartech.com;michelecdc@algartech.com.br;robsonyg@algartech.com.br;</t>
  </si>
  <si>
    <t>Pesquisa de Satisfação - PPT.xlsx</t>
  </si>
  <si>
    <t>michelecdc@algartech.com,michelecdc@algartech.com.br,robsonyg@algartech.com.br</t>
  </si>
  <si>
    <t>https://udpmailboxap01/h/search?si=0&amp;so=0&amp;sc=60501&amp;sfi=2&amp;st=message&amp;action=compose</t>
  </si>
  <si>
    <t>wedersonbadr@bv.algartech.com;</t>
  </si>
  <si>
    <t>https://wedersonbadr@bv.algartech.com</t>
  </si>
  <si>
    <t>bba3ca48-eb64-499b-9a66-8e1b5f5bc03c.tmp</t>
  </si>
  <si>
    <t>\\acsfs\profiles$\matheushds\Downloads\bba3ca48-eb64-499b-9a66-8e1b5f5bc03c.tmp</t>
  </si>
  <si>
    <t>C:\Users\karlosgc\Dropbox\NB-AlgarTech\PPE\capex_equipe\</t>
  </si>
  <si>
    <t>departamental Algar TI.csv:com.dropbox.attrs</t>
  </si>
  <si>
    <t>C:\Users\karlosgc\Dropbox\NB-AlgarTech\PPE\vagas_ppe\provas\dados\</t>
  </si>
  <si>
    <t>airbnb_listings_brussels.csv:com.dropbox.attrs</t>
  </si>
  <si>
    <t>bb3400cf-6c2f-4d0c-88be-fc976fd3f63e.tmp</t>
  </si>
  <si>
    <t>\\acsfs\profiles$\nathaliarmr\Downloads\bb3400cf-6c2f-4d0c-88be-fc976fd3f63e.tmp</t>
  </si>
  <si>
    <t>768ebf3e-033d-49d2-9ed5-f0aebd98cb3f.tmp</t>
  </si>
  <si>
    <t>\\acsfs\profiles$\nathaliarmr\Downloads\768ebf3e-033d-49d2-9ed5-f0aebd98cb3f.tmp</t>
  </si>
  <si>
    <t>lu73196bfyt2z.tmp</t>
  </si>
  <si>
    <t>\\acsfs\DEPTOS\Operacao\Banco_Votorantim\Supervisao\SUPERS BV CARTÕES\ANA VITORIA\APOIO\lu73196bfyt2z.tmp</t>
  </si>
  <si>
    <t>\\acsfs\DEPTOS\Operacao\Banco_Votorantim\Supervisao\SUPERS BV CARTÕES\ANA VITORIA\APOIO\lu73196bfyt2z.tmp\</t>
  </si>
  <si>
    <t>\\acsfs\DEPTOS\Operacao\Banco_Votorantim\Supervisao\SUPERS BV CARTÕES\ANA VITORIA\APOIO\lu73196bfyt2z.tmp\META-INF\</t>
  </si>
  <si>
    <t>\\acsfs\DEPTOS\Operacao\Banco_Votorantim\Supervisao\SUPERS BV CARTÕES\ANA VITORIA\APOIO\lu73196bfyt2z.tmp\Thumbnails\</t>
  </si>
  <si>
    <t>6056b87a-ee26-4616-a3ad-4fa1c6e24708.tmp</t>
  </si>
  <si>
    <t>\\acsfs\profiles$\vivianealda\Downloads\6056b87a-ee26-4616-a3ad-4fa1c6e24708.tmp</t>
  </si>
  <si>
    <t>3a1e74e2-4e67-4b1e-879c-3e7b260660ee.tmp</t>
  </si>
  <si>
    <t>\\acsfs\profiles$\matheushds\Downloads\3a1e74e2-4e67-4b1e-879c-3e7b260660ee.tmp</t>
  </si>
  <si>
    <t>8c54c485-39e0-4e21-8ee8-9f665a73b530.tmp</t>
  </si>
  <si>
    <t>\\acsfs\profiles$\matheushds\Downloads\8c54c485-39e0-4e21-8ee8-9f665a73b530.tmp</t>
  </si>
  <si>
    <t>9360ef96-a3e1-4ad5-ab2d-05fe1ce1ea76.tmp</t>
  </si>
  <si>
    <t>\\acsfs\profiles$\lucasqdss\Downloads\9360ef96-a3e1-4ad5-ab2d-05fe1ce1ea76.tmp</t>
  </si>
  <si>
    <t>675c91d2-eff3-439d-89d9-0bf60f5a7946.tmp</t>
  </si>
  <si>
    <t>\\acsfs\profiles$\wenderbnm\Downloads\675c91d2-eff3-439d-89d9-0bf60f5a7946.tmp</t>
  </si>
  <si>
    <t>681c886d-f188-47bc-9e0e-7bd85eb36c0f.tmp</t>
  </si>
  <si>
    <t>\\acsfs\profiles$\anafsb\Downloads\681c886d-f188-47bc-9e0e-7bd85eb36c0f.tmp</t>
  </si>
  <si>
    <t>6fe4cd53-2bbd-47c4-9a16-e862b2e8b0bd.tmp</t>
  </si>
  <si>
    <t>\\acsfs\profiles$\ANAPDSB\Downloads\6fe4cd53-2bbd-47c4-9a16-e862b2e8b0bd.tmp</t>
  </si>
  <si>
    <t>74-86-7A-FD-D8-75</t>
  </si>
  <si>
    <t>VOTORANT-VB013</t>
  </si>
  <si>
    <t>29d651ea-91bf-495e-a23e-16b6b54be9ba.tmp</t>
  </si>
  <si>
    <t>\\acsfs\profiles$\francislayneads\Downloads\29d651ea-91bf-495e-a23e-16b6b54be9ba.tmp</t>
  </si>
  <si>
    <t>130daffa-ad90-4a4d-bd0e-ae8bd0e231cf.tmp</t>
  </si>
  <si>
    <t>\\acsfs\profiles$\francislayneads\Downloads\130daffa-ad90-4a4d-bd0e-ae8bd0e231cf.tmp</t>
  </si>
  <si>
    <t>b3a74219-f26c-4a5f-900f-ffca0a49c89d.tmp</t>
  </si>
  <si>
    <t>\\acsfs\profiles$\francislayneads\Downloads\b3a74219-f26c-4a5f-900f-ffca0a49c89d.tmp</t>
  </si>
  <si>
    <t>bf14b619-f2c4-42a7-a0d9-7db75ad20f68.tmp</t>
  </si>
  <si>
    <t>\\acsfs\profiles$\francislayneads\Downloads\bf14b619-f2c4-42a7-a0d9-7db75ad20f68.tmp</t>
  </si>
  <si>
    <t>85885863-b481-48ff-8abf-0f0f871ae2c7.tmp</t>
  </si>
  <si>
    <t>\\acsfs\profiles$\YASMINSC\Downloads\85885863-b481-48ff-8abf-0f0f871ae2c7.tmp</t>
  </si>
  <si>
    <t>5df10b33-cc5b-4972-b559-febd31a5f0a0.tmp</t>
  </si>
  <si>
    <t>\\acsfs\profiles$\nathaliarmr\Downloads\5df10b33-cc5b-4972-b559-febd31a5f0a0.tmp</t>
  </si>
  <si>
    <t>09dc39ec-434f-4158-a165-e4524df54be0.tmp</t>
  </si>
  <si>
    <t>\\acsfs\profiles$\nathaliarmr\Downloads\09dc39ec-434f-4158-a165-e4524df54be0.tmp</t>
  </si>
  <si>
    <t>221acb9d-2acf-463e-b4cf-4c82bb24c661.tmp</t>
  </si>
  <si>
    <t>\\acsfs\profiles$\nathaliarmr\Downloads\221acb9d-2acf-463e-b4cf-4c82bb24c661.tmp</t>
  </si>
  <si>
    <t>mail.google.com/sync/u/0/i/s?hl=pt-BR&amp;c=521</t>
  </si>
  <si>
    <t>mail.google.com/sync/u/0/i/s?hl=pt-BR&amp;c=534</t>
  </si>
  <si>
    <t>mail.google.com/sync/u/0/i/s?hl=pt-BR&amp;c=544</t>
  </si>
  <si>
    <t>mail.google.com/sync/u/0/i/s?hl=pt-BR&amp;c=548</t>
  </si>
  <si>
    <t>3da577e0-d72a-470e-8cb0-38409ff04d56.tmp</t>
  </si>
  <si>
    <t>\\acsfs\profiles$\ANAPDSB\Downloads\3da577e0-d72a-470e-8cb0-38409ff04d56.tmp</t>
  </si>
  <si>
    <t>07d7600f-fc5a-4d5a-8e12-0c2e75d63bd6.tmp</t>
  </si>
  <si>
    <t>\\acsfs\profiles$\mariellecs\Downloads\07d7600f-fc5a-4d5a-8e12-0c2e75d63bd6.tmp</t>
  </si>
  <si>
    <t>b4679a5a-2f10-43ff-b8d8-a6ee1856f8d0.tmp</t>
  </si>
  <si>
    <t>\\acsfs\profiles$\matheushds\Downloads\b4679a5a-2f10-43ff-b8d8-a6ee1856f8d0.tmp</t>
  </si>
  <si>
    <t>17d5c0ab-c92f-4ce2-a927-e17a57425af0.tmp</t>
  </si>
  <si>
    <t>\\acsfs\profiles$\matheushds\Downloads\17d5c0ab-c92f-4ce2-a927-e17a57425af0.tmp</t>
  </si>
  <si>
    <t>7bb3fff7-ab2f-4bdf-94d0-1cf5ed170e57.tmp</t>
  </si>
  <si>
    <t>\\acsfs\profiles$\matheushds\Downloads\7bb3fff7-ab2f-4bdf-94d0-1cf5ed170e57.tmp</t>
  </si>
  <si>
    <t>mail.google.com/sync/u/0/i/s?hl=pt-BR&amp;c=503</t>
  </si>
  <si>
    <t>mail.google.com/sync/u/0/i/s?hl=pt-BR&amp;c=506</t>
  </si>
  <si>
    <t>mail.google.com/sync/u/0/i/s?hl=pt-BR&amp;c=508</t>
  </si>
  <si>
    <t>bvcartes-supervisores@algarnet.onmicrosoft.com;joaogvc@algartech.com;leonardoao@algartech.com;marianadjc@algartech.com;mirianppb@algartech.com;paulacn@algartech.com;rafaelggs@algartech.com;taysdss@algartech.com;viniciussg@algartech.com;</t>
  </si>
  <si>
    <t>bvcartes-supervisores@algarnet.onmicrosoft.com,joaogvc@algartech.com,leonardoao@algartech.com,marianadjc@algartech.com,mirianppb@algartech.com,paulacn@algartech.com,rafaelggs@algartech.com,taysdss@algartech.com,viniciussg@algartech.com</t>
  </si>
  <si>
    <t>mail.google.com/sync/u/0/i/s?hl=pt-BR&amp;c=522</t>
  </si>
  <si>
    <t>95ffa3c5-aae1-4120-b921-471ee6567498.tmp</t>
  </si>
  <si>
    <t>\\acsfs\profiles$\jhonatadss\Downloads\95ffa3c5-aae1-4120-b921-471ee6567498.tmp</t>
  </si>
  <si>
    <t>247b91f3-8ba1-426d-a09e-2e1dfcbe1679.tmp</t>
  </si>
  <si>
    <t>\\acsfs\profiles$\jhonatadss\Downloads\247b91f3-8ba1-426d-a09e-2e1dfcbe1679.tmp</t>
  </si>
  <si>
    <t>4f89860a-68fa-49bf-8f1f-28359b49fb32.tmp</t>
  </si>
  <si>
    <t>\\acsfs\profiles$\francislayneads\Downloads\4f89860a-68fa-49bf-8f1f-28359b49fb32.tmp</t>
  </si>
  <si>
    <t>mail.google.com/_/upload?authuser=0&amp;dcp=asu-n&amp;upload_id=AEnB2UoUFjKBnyxOY_IyKCe3uzdoGbuVYc1dGX2QwS-IUy0QroubTfClL5YnAhkErFP0tmnWo9snrllC76xNEMTtcooZgQi1bg&amp;upload_protocol=resumable</t>
  </si>
  <si>
    <t>Adevilson Gabriel Lindeberg Evagelista_1_6775197445076893231_1_32.wav</t>
  </si>
  <si>
    <t>lu77912bfudpl.tmp</t>
  </si>
  <si>
    <t>\\acsfs\profiles$\BRUNAAR\Numero\lu77912bfudpl.tmp</t>
  </si>
  <si>
    <t>mail.google.com/sync/u/0/i/s?hl=pt-BR&amp;c=545</t>
  </si>
  <si>
    <t>mail.google.com/sync/u/0/i/s?hl=pt-BR&amp;c=547</t>
  </si>
  <si>
    <t>mail.google.com/sync/u/0/i/s?hl=pt-BR&amp;c=549</t>
  </si>
  <si>
    <t>mail.google.com/sync/u/0/i/s?hl=pt-BR&amp;c=551</t>
  </si>
  <si>
    <t>mail.google.com/sync/u/0/i/s?hl=pt-BR&amp;c=553</t>
  </si>
  <si>
    <t>mail.google.com/sync/u/0/i/s?hl=pt-BR&amp;c=555</t>
  </si>
  <si>
    <t>e60558be-4db0-482b-8a88-528efdf8671b.tmp</t>
  </si>
  <si>
    <t>\\acsfs\profiles$\jhonatadss\Downloads\e60558be-4db0-482b-8a88-528efdf8671b.tmp</t>
  </si>
  <si>
    <t>mail.google.com/_/upload?authuser=0&amp;dcp=asu-n&amp;upload_id=AEnB2Uq6T4uBgjfB2Kfv6c-75Bhjg56_TQF70O68JgKnT9-2ph2tna2b987EItip2CC2aCnD_1RmQV2BUrN36HqFSm9eG9sgDwg6kSm1J8ublXApnvs4_YU&amp;upload_protocol=resumable</t>
  </si>
  <si>
    <t>C:\Users\joseasn\Downloads\</t>
  </si>
  <si>
    <t>Base BI TOP 31.12.xls</t>
  </si>
  <si>
    <t>https://www.zimbra.com/e/</t>
  </si>
  <si>
    <t>daniloasb@algartech.com</t>
  </si>
  <si>
    <t>mail.google.com/_/upload?authuser=0&amp;dcp=asu-n&amp;upload_id=AEnB2UqIuMskp6NXW3l6UYUAU-Rdvrc4HP-uunSQp7P7RLKizyL9SFf2LgDNHISoGAaUiG0XnqtxgJT57FeI7EzFhur_NwEpAA&amp;upload_protocol=resumable</t>
  </si>
  <si>
    <t>fabriciovs@algartech.com;leandrosos@algartech.com;rafaelbdt@algartech.com;</t>
  </si>
  <si>
    <t>CAS - cab-servbrasif (3) (1).xlsx</t>
  </si>
  <si>
    <t>fabriciovs@algartech.com,leandrosos@algartech.com,rafaelbdt@algartech.com</t>
  </si>
  <si>
    <t>0d7df399-72d9-429c-8134-1c397dc2dd19.tmp</t>
  </si>
  <si>
    <t>\\acsfs\profiles$\MATEUSJM\Downloads\0d7df399-72d9-429c-8134-1c397dc2dd19.tmp</t>
  </si>
  <si>
    <t>Q29udHJvbGxlci5QYXl3YXJlXzEtMg--.ica</t>
  </si>
  <si>
    <t>\\acsfs\profiles$\MATEUSJM\Downloads\Q29udHJvbGxlci5QYXl3YXJlXzEtMg--.ica</t>
  </si>
  <si>
    <t>7b236598-8a02-48cf-8cb7-2db8c146c002.tmp</t>
  </si>
  <si>
    <t>\\acsfs\profiles$\MATEUSJM\Downloads\7b236598-8a02-48cf-8cb7-2db8c146c002.tmp</t>
  </si>
  <si>
    <t>172d1ec7-c64c-4e74-b7b1-94af1da9b9c5.tmp</t>
  </si>
  <si>
    <t>\\acsfs\profiles$\anafsb\Downloads\172d1ec7-c64c-4e74-b7b1-94af1da9b9c5.tmp</t>
  </si>
  <si>
    <t>evertonpdsr@algartech.com.br;</t>
  </si>
  <si>
    <t>ENC: #### Aderência - Cerrado PJ - Janeiro/2020 ###</t>
  </si>
  <si>
    <t>01 - ADERENCIA JANEIRO - Consolidado.xlsx</t>
  </si>
  <si>
    <t>evertonpdsr@algartech.com.br</t>
  </si>
  <si>
    <t>adaf08c4-a0d0-476f-8532-0a8b3a1e533c.tmp</t>
  </si>
  <si>
    <t>\\acsfs\profiles$\luanaagl\Downloads\adaf08c4-a0d0-476f-8532-0a8b3a1e533c.tmp</t>
  </si>
  <si>
    <t>lu77912bfudpo.tmp</t>
  </si>
  <si>
    <t>\\acsfs\profiles$\BRUNAAR\Numero\lu77912bfudpo.tmp</t>
  </si>
  <si>
    <t>andrelpsa@algartech.com;joaogvc@algartech.com;leonardoao@algartech.com;maristelavodq@bv.algartech.com;paulacn@algartech.com;qualidadealgarbv@algartech.com;rafaelggs@algartech.com;supervisaobancovotorantim@algartech.com;taysdss@algartech.com;viniciussg@algartech.com;</t>
  </si>
  <si>
    <t>andrelpsa@algartech.com,joaogvc@algartech.com,leonardoao@algartech.com,maristelavodq@bv.algartech.com,paulacn@algartech.com,qualidadealgarbv@algartech.com,rafaelggs@algartech.com,supervisaobancovotorantim@algartech.com,taysdss@algartech.com,viniciussg@algartech.com</t>
  </si>
  <si>
    <t>RELATORIO DE LOGIN - BV CARTÕES 01-01 - Cópia.xlsm</t>
  </si>
  <si>
    <t>\\acsfs\DEPTOS\Operacao\PCP\5 - Comum\PLANEJAMENTO BV\14 - ACOMPANHAMENTO\1 - REPORT ACOMPANHAMENTO\2020\1 - JANEIRO\CARTÕES\Login Logout Cartões\RELATORIO DE LOGIN - BV CARTÕES 01-01 - Cópia.xlsm</t>
  </si>
  <si>
    <t>c:\users\raicdf\appdata\local\temp\</t>
  </si>
  <si>
    <t>.session</t>
  </si>
  <si>
    <t>\\acsfs\ACS\Gabriel da Silva\Contemporânea\BDBV\886185A8.tmp\</t>
  </si>
  <si>
    <t>\\acsfs\ACS\Gabriel da Silva\Contemporânea\BDBV\886185A8.tmp\:Zone.Identifier:$DATA</t>
  </si>
  <si>
    <t>\\acsfs\ACS\Gabriel da Silva\Contemporânea\BDBV\886185A8.tmp</t>
  </si>
  <si>
    <t>886185A8.tmp</t>
  </si>
  <si>
    <t>f876df92-ba66-4baf-a512-2c664b4a1257.tmp</t>
  </si>
  <si>
    <t>\\acsfs\profiles$\anafsb\Downloads\f876df92-ba66-4baf-a512-2c664b4a1257.tmp</t>
  </si>
  <si>
    <t>10.200.61.51</t>
  </si>
  <si>
    <t>FC-01-7C-B3-BA-ED</t>
  </si>
  <si>
    <t>NB-RAFAELBDT</t>
  </si>
  <si>
    <t>rafaelbdt</t>
  </si>
  <si>
    <t>\\acsfs\dsti\CITIM - Coordenação de Infra TI Implantação\FLUXO TRANSACIONAL\CLIENTES CTBC\FATURAMENTO\Parceria Telecom - Rafael\Faturamento 2020\</t>
  </si>
  <si>
    <t>TRANSFERÊNCIAS ENTRE EMPRESAS INFRA.Dez.xlsx</t>
  </si>
  <si>
    <t>b5df3acd-f27f-4ee8-96a7-b0ab7ede0f13.tmp</t>
  </si>
  <si>
    <t>\\acsfs\profiles$\danielmlds\Downloads\b5df3acd-f27f-4ee8-96a7-b0ab7ede0f13.tmp</t>
  </si>
  <si>
    <t>giseleclss@algartech.com</t>
  </si>
  <si>
    <t>C:\Users\giseleclss\Desktop\</t>
  </si>
  <si>
    <t>Indicadores de Acidentes Dezembro 2019.xlsx</t>
  </si>
  <si>
    <t>97108320-123c-4928-a359-5d3e7f432d67.tmp</t>
  </si>
  <si>
    <t>\\acsfs\profiles$\matheushds\Downloads\97108320-123c-4928-a359-5d3e7f432d67.tmp</t>
  </si>
  <si>
    <t>869dd62c-481f-47ce-a717-72ee570650e6.tmp</t>
  </si>
  <si>
    <t>\\acsfs\profiles$\lucasqdss\Downloads\869dd62c-481f-47ce-a717-72ee570650e6.tmp</t>
  </si>
  <si>
    <t>mail.google.com/sync/u/0/i/s?hl=pt-BR&amp;c=591</t>
  </si>
  <si>
    <t>db2c76f8-9a19-40c1-8229-eceb2bb1f6c0.tmp</t>
  </si>
  <si>
    <t>\\acsfs\profiles$\jhonatadss\Downloads\db2c76f8-9a19-40c1-8229-eceb2bb1f6c0.tmp</t>
  </si>
  <si>
    <t>d19adc62-faab-42ea-a486-daa5f6a0aadc.tmp</t>
  </si>
  <si>
    <t>\\acsfs\profiles$\jhonatadss\Downloads\d19adc62-faab-42ea-a486-daa5f6a0aadc.tmp</t>
  </si>
  <si>
    <t>efcfe9a8-008e-43f6-b169-8aaaec3a7ef9.tmp</t>
  </si>
  <si>
    <t>\\acsfs\profiles$\lorrainerdl\Downloads\efcfe9a8-008e-43f6-b169-8aaaec3a7ef9.tmp</t>
  </si>
  <si>
    <t>lu96169hko.tmp</t>
  </si>
  <si>
    <t>\\acsfs\profiles$\VIVIANALDS\My Documents\lu96169hko.tmp</t>
  </si>
  <si>
    <t>\\acsfs\profiles$\VIVIANALDS\My Documents\lu96169hko.tmp\</t>
  </si>
  <si>
    <t>\\acsfs\profiles$\VIVIANALDS\My Documents\lu96169hko.tmp\META-INF\</t>
  </si>
  <si>
    <t>\\acsfs\profiles$\VIVIANALDS\My Documents\lu96169hko.tmp\Thumbnails\</t>
  </si>
  <si>
    <t>10.200.57.143</t>
  </si>
  <si>
    <t>D8-9C-67-6F-2A-01</t>
  </si>
  <si>
    <t>C:\Users\ruidrt\OneDrive - Grupo Algar\Área de Trabalho\</t>
  </si>
  <si>
    <t>relatorio_atendimento_analitico_5e0f44cd2bb6b.csv</t>
  </si>
  <si>
    <t>lista nr17 - avon (03-01-2020).xls</t>
  </si>
  <si>
    <t>\\acsfs\deptos\Operacao\Banco_Votorantim\Comum\</t>
  </si>
  <si>
    <t>\\acsfs\deptos\Operacao\Banco_Votorantim\Comum\Thumbs.db</t>
  </si>
  <si>
    <t>andrelpsa@algartech.com;joaogvc@algartech.com;leonardoao@algartech.com;marianadjc@algartech.com;maristelavodq@bv.algartech.com;paulacn@algartech.com;qualidadealgarbv@algartech.com;rafaelggs@algartech.com;supervisaobancovotorantim@algartech.com;taysdss@algartech.com;thiagordu@algartech.com;viniciussg@algartech.com;</t>
  </si>
  <si>
    <t>andrelpsa@algartech.com,joaogvc@algartech.com,leonardoao@algartech.com,marianadjc@algartech.com,maristelavodq@bv.algartech.com,paulacn@algartech.com,qualidadealgarbv@algartech.com,rafaelggs@algartech.com,supervisaobancovotorantim@algartech.com,taysdss@algartech.com,thiagordu@algartech.com,viniciussg@algartech.com</t>
  </si>
  <si>
    <t>andrelpsa@algartech.com;bvcartes-supervisores@algarnet.onmicrosoft.com;joaogvc@algartech.com;leonardoao@algartech.com;maristelavodq@bv.algartech.com;mirianppb@algartech.com;paulacn@algartech.com;qualidadealgarbv@algartech.com;rafaelggs@algartech.com;supervisaobancovotorantim@algartech.com;taysdss@algartech.com;viniciussg@algartech.com;</t>
  </si>
  <si>
    <t>andrelpsa@algartech.com,bvcartes-supervisores@algarnet.onmicrosoft.com,joaogvc@algartech.com,leonardoao@algartech.com,maristelavodq@bv.algartech.com,mirianppb@algartech.com,paulacn@algartech.com,qualidadealgarbv@algartech.com,rafaelggs@algartech.com,supervisaobancovotorantim@algartech.com,taysdss@algartech.com,viniciussg@algartech.com</t>
  </si>
  <si>
    <t>8eca5478-7259-4963-96e3-1de52d011607.tmp</t>
  </si>
  <si>
    <t>\\acsfs\profiles$\cintiadcf\Downloads\8eca5478-7259-4963-96e3-1de52d011607.tmp</t>
  </si>
  <si>
    <t>310c8db2-1aff-4b3a-b1f4-c92c9445fc89.tmp</t>
  </si>
  <si>
    <t>\\acsfs\profiles$\nathaliarmr\Downloads\310c8db2-1aff-4b3a-b1f4-c92c9445fc89.tmp</t>
  </si>
  <si>
    <t>e61b186e-aa5a-4561-b908-2cc73ef75b60.tmp</t>
  </si>
  <si>
    <t>\\acsfs\profiles$\leticiala\Downloads\e61b186e-aa5a-4561-b908-2cc73ef75b60.tmp</t>
  </si>
  <si>
    <t>\\acsfs\ACS\Gabriel da Silva\Contemporânea\BDBV\3C351D7F.tmp\</t>
  </si>
  <si>
    <t>\\acsfs\ACS\Gabriel da Silva\Contemporânea\BDBV\3C351D7F.tmp\:Zone.Identifier:$DATA</t>
  </si>
  <si>
    <t>\\acsfs\ACS\Gabriel da Silva\Contemporânea\BDBV\3C351D7F.tmp</t>
  </si>
  <si>
    <t>3C351D7F.tmp</t>
  </si>
  <si>
    <t>\\acsfs\ACS\Gabriel da Silva\Contemporânea\Acessos\Thumbs.db</t>
  </si>
  <si>
    <t>~$Desligados ALGAR - 22_11 a 28_11.xlsx</t>
  </si>
  <si>
    <t>\\acsfs\ACS\Gabriel da Silva\Contemporânea\BDBV\~$Desligados ALGAR - 22_11 a 28_11.xlsx</t>
  </si>
  <si>
    <t>53EEE400.tmp</t>
  </si>
  <si>
    <t>\\acsfs\ACS\Gabriel da Silva\Contemporânea\BDBV\53EEE400.tmp</t>
  </si>
  <si>
    <t>~$Desligados ALGAR - 27_12_19 a 02_01_20.xlsx</t>
  </si>
  <si>
    <t>\\acsfs\ACS\Gabriel da Silva\Contemporânea\BDBV\~$Desligados ALGAR - 27_12_19 a 02_01_20.xlsx</t>
  </si>
  <si>
    <t>14c1e595-d023-40a4-aab3-dd45fde6bfef.tmp</t>
  </si>
  <si>
    <t>\\acsfs\profiles$\adelvinsonle\Downloads\14c1e595-d023-40a4-aab3-dd45fde6bfef.tmp</t>
  </si>
  <si>
    <t>40da6665-3de7-4ee6-b519-ed97162304ef.tmp</t>
  </si>
  <si>
    <t>\\acsfs\profiles$\JOAOVAL\Downloads\40da6665-3de7-4ee6-b519-ed97162304ef.tmp</t>
  </si>
  <si>
    <t>f9d5f1a0-457b-4cc4-a952-fba295eecc69.tmp</t>
  </si>
  <si>
    <t>\\acsfs\profiles$\JOAOVAL\Downloads\f9d5f1a0-457b-4cc4-a952-fba295eecc69.tmp</t>
  </si>
  <si>
    <t>cbefb304-5fda-4dd4-b3f8-cc71cf8dba0e.tmp</t>
  </si>
  <si>
    <t>\\acsfs\profiles$\JOAOVAL\Downloads\cbefb304-5fda-4dd4-b3f8-cc71cf8dba0e.tmp</t>
  </si>
  <si>
    <t>4030576e-602d-4dc4-996a-efd6d1a28ed6.tmp</t>
  </si>
  <si>
    <t>\\acsfs\profiles$\PEDROHAB\Downloads\4030576e-602d-4dc4-996a-efd6d1a28ed6.tmp</t>
  </si>
  <si>
    <t>763a1b8c-5292-4eb6-b7cc-6ffe79cb491c.tmp</t>
  </si>
  <si>
    <t>\\acsfs\profiles$\PEDROHAB\Downloads\763a1b8c-5292-4eb6-b7cc-6ffe79cb491c.tmp</t>
  </si>
  <si>
    <t>\\acsfs\deptos\Operacao\Banco_Votorantim\Comum\CAMPANHA BV\Thumbs.db</t>
  </si>
  <si>
    <t>\\acsfs\deptos\Operacao\Banco_Votorantim\Comum\COMUNICADOS\</t>
  </si>
  <si>
    <t>\\acsfs\deptos\Operacao\Banco_Votorantim\Comum\COMUNICADOS\Thumbs.db</t>
  </si>
  <si>
    <t>\\acsfs\deptos\Operacao\Banco_Votorantim\Comum\COMUNICADOS\Informativos\</t>
  </si>
  <si>
    <t>\\acsfs\deptos\Operacao\Banco_Votorantim\Comum\COMUNICADOS\Informativos\Thumbs.db</t>
  </si>
  <si>
    <t>RELATORIO DE LOGIN - BV CARTÕES 02-01.xlsm</t>
  </si>
  <si>
    <t>\\acsfs\DEPTOS\Operacao\PCP\5 - Comum\PLANEJAMENTO BV\14 - ACOMPANHAMENTO\1 - REPORT ACOMPANHAMENTO\2020\1 - JANEIRO\CARTÕES\Login Logout Cartões\RELATORIO DE LOGIN - BV CARTÕES 02-01.xlsm</t>
  </si>
  <si>
    <t>bvcartes-supervisores@algarnet.onmicrosoft.com;joaogvc@algartech.com;leonardoao@algartech.com;marianacds@algartech.com;marianadjc@algartech.com;paulacn@algartech.com;taysdss@algartech.com;thiagordu@algartech.com;viniciussg@algartech.com;</t>
  </si>
  <si>
    <t>bvcartes-supervisores@algarnet.onmicrosoft.com,joaogvc@algartech.com,leonardoao@algartech.com,marianacds@algartech.com,marianadjc@algartech.com,paulacn@algartech.com,taysdss@algartech.com,thiagordu@algartech.com,viniciussg@algartech.com</t>
  </si>
  <si>
    <t>mail.google.com/sync/u/0/i/s?hl=pt-BR&amp;c=619</t>
  </si>
  <si>
    <t>bvcartes-supervisores@algarnet.onmicrosoft.com;joaogvc@algartech.com;leonardoao@algartech.com;marianacds@algartech.com;marianadjc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paulacn@algartech.com,rafaelggs@algartech.com,taysdss@algartech.com,thiagordu@algartech.com,viniciussg@algartech.com</t>
  </si>
  <si>
    <t>mail.google.com/sync/u/0/i/s?hl=pt-BR&amp;c=621</t>
  </si>
  <si>
    <t>andrelpsa@algartech.com;bvcartes-supervisores@algarnet.onmicrosoft.com;joaogvc@algartech.com;leonardoao@algartech.com;marianacds@algartech.com;marianadjc@algartech.com;maristelavodq@bv.algartech.com;paulacn@algartech.com;qualidadealgarbv@algartech.com;rafaelggs@algartech.com;supervisaobancovotorantim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paulacn@algartech.com,qualidadealgarbv@algartech.com,rafaelggs@algartech.com,supervisaobancovotorantim@algartech.com,taysdss@algartech.com,thiagordu@algartech.com,viniciussg@algartech.com</t>
  </si>
  <si>
    <t>mail.google.com/sync/u/0/i/s?hl=pt-BR&amp;c=629</t>
  </si>
  <si>
    <t>mail.google.com/sync/u/0/i/s?hl=pt-BR&amp;c=631</t>
  </si>
  <si>
    <t>mail.google.com/sync/u/0/i/s?hl=pt-BR&amp;c=633</t>
  </si>
  <si>
    <t>mail.google.com/sync/u/0/i/s?hl=pt-BR&amp;c=635</t>
  </si>
  <si>
    <t>3b9fe9d6-e7b5-49ed-a112-4e9bbcb18d78.tmp</t>
  </si>
  <si>
    <t>\\acsfs\profiles$\cintiadcf\Downloads\3b9fe9d6-e7b5-49ed-a112-4e9bbcb18d78.tmp</t>
  </si>
  <si>
    <t>0ccf8fb1-d850-40a6-b8e3-803805b6d3e7.tmp</t>
  </si>
  <si>
    <t>\\acsfs\profiles$\cintiadcf\Downloads\0ccf8fb1-d850-40a6-b8e3-803805b6d3e7.tmp</t>
  </si>
  <si>
    <t>ef137bc5-107c-48e8-bc11-acab138f8135;</t>
  </si>
  <si>
    <t>outlook.office.com/owa/service.svc?action=CreateItem&amp;app=Mail&amp;n=100</t>
  </si>
  <si>
    <t>gabrielsma@bv.algartech.com;janaina.pereira@bv.com.br;</t>
  </si>
  <si>
    <t>Webmail(Hotmail)</t>
  </si>
  <si>
    <t>gabrielsma@bv.algartech.com,janaina.pereira@bv.com.br</t>
  </si>
  <si>
    <t>outlook.office.com/owa/service.svc?action=UpdateItem&amp;app=Mail&amp;n=126</t>
  </si>
  <si>
    <t>outlook.office.com/owa/service.svc?action=UpdateItem&amp;app=Mail&amp;n=130</t>
  </si>
  <si>
    <t>outlook.office.com/owa/service.svc?action=UpdateItem&amp;app=Mail&amp;n=133</t>
  </si>
  <si>
    <t>outlook.office.com/owa/service.svc?action=UpdateItem&amp;app=Mail&amp;n=136</t>
  </si>
  <si>
    <t>~$Criar Payware_2709.xlsx</t>
  </si>
  <si>
    <t>\\acsfs\ACS\Gabriel da Silva\Contemporânea\Acessos\~$Criar Payware_2709.xlsx</t>
  </si>
  <si>
    <t>\\acsfs\ACS\Gabriel da Silva\Contemporânea\BDBV\2A002BF3.tmp\</t>
  </si>
  <si>
    <t>\\acsfs\ACS\Gabriel da Silva\Contemporânea\BDBV\2A002BF3.tmp\:Zone.Identifier:$DATA</t>
  </si>
  <si>
    <t>\\acsfs\ACS\Gabriel da Silva\Contemporânea\BDBV\2A002BF3.tmp</t>
  </si>
  <si>
    <t>2A002BF3.tmp</t>
  </si>
  <si>
    <t>~$Banco de Dados BV 12-2019.xlsx</t>
  </si>
  <si>
    <t>\\acsfs\ACS\Gabriel da Silva\Contemporânea\BDBV\~$Banco de Dados BV 12-2019.xlsx</t>
  </si>
  <si>
    <t>outlook.office.com/owa/service.svc?action=UpdateItem&amp;app=Mail&amp;n=144</t>
  </si>
  <si>
    <t>0367747c-8926-4618-bb16-f3db45b45c36.tmp</t>
  </si>
  <si>
    <t>\\acsfs\profiles$\felipetds\Downloads\0367747c-8926-4618-bb16-f3db45b45c36.tmp</t>
  </si>
  <si>
    <t>b12bb154-e224-4a20-a154-6649151a6756.tmp</t>
  </si>
  <si>
    <t>\\acsfs\profiles$\mariajra\Downloads\b12bb154-e224-4a20-a154-6649151a6756.tmp</t>
  </si>
  <si>
    <t>f52df1f0-beb1-4adc-9898-5aa1b46622a1.tmp</t>
  </si>
  <si>
    <t>\\acsfs\profiles$\mariajra\Downloads\f52df1f0-beb1-4adc-9898-5aa1b46622a1.tmp</t>
  </si>
  <si>
    <t>42fb4f6b-b5b0-4069-96f4-c064f83f78d7.tmp</t>
  </si>
  <si>
    <t>\\acsfs\profiles$\mariajra\Downloads\42fb4f6b-b5b0-4069-96f4-c064f83f78d7.tmp</t>
  </si>
  <si>
    <t>100014122394468;</t>
  </si>
  <si>
    <t>https://100014122394468</t>
  </si>
  <si>
    <t>D:\AlgarTech\Planejamento_Engenharia\BPO\AWS - Estudo BPO\VMs Geral\</t>
  </si>
  <si>
    <t>UDPVCENTERAP02-ESTUDO.xlsx</t>
  </si>
  <si>
    <t>mail.google.com/_/upload?authuser=0&amp;dcp=asu-n&amp;upload_id=AEnB2UrciGR6KEQPKj0Ju0Z6iaaCHn3XlGs-aSn0va9wKTVcgkFf6HfD0gsribx-Kc5UjmJa76FLj0K1hGHYmu7T_w_bj3SPncoABFhTZnnej3nDAJ7sswU&amp;upload_protocol=resumable</t>
  </si>
  <si>
    <t>andrelpsa@algartech.com;bvcartes-supervisores@algarnet.onmicrosoft.com;joaogvc@algartech.com;leonardoao@algartech.com;marianacds@algartech.com;marianadjc@algartech.com;maristelavodq@bv.algartech.com;mirianppb@algartech.com;paulacn@algartech.com;qualidadealgarbv@algartech.com;rafaelggs@algartech.com;supervisaobancovotorantim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mirianppb@algartech.com,paulacn@algartech.com,qualidadealgarbv@algartech.com,rafaelggs@algartech.com,supervisaobancovotorantim@algartech.com,taysdss@algartech.com,thiagordu@algartech.com,viniciussg@algartech.com</t>
  </si>
  <si>
    <t>mail.google.com/sync/u/0/i/s?hl=pt-BR&amp;c=642</t>
  </si>
  <si>
    <t>10.200.58.80</t>
  </si>
  <si>
    <t>20-04-0F-FD-A4-B2</t>
  </si>
  <si>
    <t>NB-LUCIAHF</t>
  </si>
  <si>
    <t>t-luciahf</t>
  </si>
  <si>
    <t>C:\Users\t-luciahf\Downloads\</t>
  </si>
  <si>
    <t>Planilha_de_Lancamentos_-_Proventos_e_Descontos_(2)_(2).xlsx</t>
  </si>
  <si>
    <t>mail.google.com/sync/u/0/i/s?hl=pt-BR&amp;c=18</t>
  </si>
  <si>
    <t>a8bd2c05-e0ae-4294-8ccf-8dad0d9f724f.tmp</t>
  </si>
  <si>
    <t>\\acsfs\profiles$\ALYNYA\Downloads\a8bd2c05-e0ae-4294-8ccf-8dad0d9f724f.tmp</t>
  </si>
  <si>
    <t>794bfa3a-9ce8-48b3-8c4d-ceb626771f5b.tmp</t>
  </si>
  <si>
    <t>\\acsfs\profiles$\gabrielsma\Downloads\794bfa3a-9ce8-48b3-8c4d-ceb626771f5b.tmp</t>
  </si>
  <si>
    <t>\\acsfs\ACS\Gabriel da Silva\Contemporânea\BDBV\Q29udHJvbGxlci5JRS1Qb3J0YWw-.ica.crdownload</t>
  </si>
  <si>
    <t>\\acsfs\ACS\Gabriel da Silva\Contemporânea\VENDAS\</t>
  </si>
  <si>
    <t>icaIcaIcatu.csv.1bnnwgt.partial</t>
  </si>
  <si>
    <t>\\acsfs\ACS\Gabriel da Silva\Contemporânea\VENDAS\icaIcaIcatu.csv.1bnnwgt.partial</t>
  </si>
  <si>
    <t>b418fcb4-5c85-4771-9ec5-e1bed7fe58c5.tmp</t>
  </si>
  <si>
    <t>\\acsfs\profiles$\LUISPLS\Downloads\b418fcb4-5c85-4771-9ec5-e1bed7fe58c5.tmp</t>
  </si>
  <si>
    <t>a40c9ab8-7f05-4e36-b7ff-219dd0838a84.tmp</t>
  </si>
  <si>
    <t>\\acsfs\profiles$\mariajra\Downloads\a40c9ab8-7f05-4e36-b7ff-219dd0838a84.tmp</t>
  </si>
  <si>
    <t>d5348211-4dc5-43e9-8df4-0266a666c682.tmp</t>
  </si>
  <si>
    <t>\\acsfs\profiles$\lorrainerdl\Downloads\d5348211-4dc5-43e9-8df4-0266a666c682.tmp</t>
  </si>
  <si>
    <t>mail.google.com/_/upload?authuser=0&amp;dcp=asu-n&amp;upload_id=AEnB2Uo-mxIxx5a8McPho7QjBcfOZfxLIB6DIUKvaEH9ZJzC8bPdQQnDfkktnfXW2ifrgFKSc3E4yd3i-lwMK5N6o8VANgzd7Q&amp;upload_protocol=resumable</t>
  </si>
  <si>
    <t>eunice.pimenta@algartech.com;marianagso@algartech.com;rodrigombu@algartech.com;viniciusgt@algartech.com;viniciussg@algartech.com;</t>
  </si>
  <si>
    <t>\\acsfs\DEPTOS\Operacao\PCP\5 - Comum\PLANEJAMENTO WHIRLPOOL\17 - PLANEJAMENTO REVISADO\ticket_526283\17 - PLANEJAMENTO REVISADO\PLANO WHIRLPOOL 2020\SS\</t>
  </si>
  <si>
    <t>Revisão SS Janeiro_2020.xlsx</t>
  </si>
  <si>
    <t>eunice.pimenta@algartech.com,marianagso@algartech.com,rodrigombu@algartech.com,viniciusgt@algartech.com,viniciussg@algartech.com</t>
  </si>
  <si>
    <t>e1fc4e4f-7a2c-4bf3-9c19-c97d583003e1.tmp</t>
  </si>
  <si>
    <t>\\acsfs\profiles$\LUISPLS\Downloads\e1fc4e4f-7a2c-4bf3-9c19-c97d583003e1.tmp</t>
  </si>
  <si>
    <t>b5bb5fd0-f090-412d-9457-666b90774996.tmp</t>
  </si>
  <si>
    <t>\\acsfs\profiles$\mariellecs\Downloads\b5bb5fd0-f090-412d-9457-666b90774996.tmp</t>
  </si>
  <si>
    <t>ee2a57fa-3c18-41b4-aa10-1c34450568ba.tmp</t>
  </si>
  <si>
    <t>\\acsfs\profiles$\cintiadcf\Downloads\ee2a57fa-3c18-41b4-aa10-1c34450568ba.tmp</t>
  </si>
  <si>
    <t>7d6c0cf0-67c9-43be-b9db-03b6020771ee.tmp</t>
  </si>
  <si>
    <t>\\acsfs\profiles$\lorrainerdl\Downloads\7d6c0cf0-67c9-43be-b9db-03b6020771ee.tmp</t>
  </si>
  <si>
    <t>42eff1d5-3871-4f12-98c4-e7c3c3b7c3b1.tmp</t>
  </si>
  <si>
    <t>\\acsfs\profiles$\inarajst\Downloads\42eff1d5-3871-4f12-98c4-e7c3c3b7c3b1.tmp</t>
  </si>
  <si>
    <t>bfae1bb6-6f95-45e6-bb02-ea8c3819b81a.tmp</t>
  </si>
  <si>
    <t>\\acsfs\profiles$\mariajra\Downloads\bfae1bb6-6f95-45e6-bb02-ea8c3819b81a.tmp</t>
  </si>
  <si>
    <t>10.200.60.220</t>
  </si>
  <si>
    <t>20-04-0F-FD-A4-1C</t>
  </si>
  <si>
    <t>C:\Users\robertacmf\Desktop\</t>
  </si>
  <si>
    <t>Departamental Dezembro.xlsx</t>
  </si>
  <si>
    <t>TV - 03-01.pptx</t>
  </si>
  <si>
    <t>Algar_Presentation</t>
  </si>
  <si>
    <t>\\acsfs\deptos\Operacao\Banco_Votorantim\Comum\TV - 03-01.pptx</t>
  </si>
  <si>
    <t>10.200.39.51</t>
  </si>
  <si>
    <t>90-CD-B6-A4-0E-63</t>
  </si>
  <si>
    <t>NB-BRUNOCR</t>
  </si>
  <si>
    <t>hewertontr</t>
  </si>
  <si>
    <t>C:\Users\hewertontr\Desktop\Escopo B\</t>
  </si>
  <si>
    <t>TI.xlsx</t>
  </si>
  <si>
    <t>C:\Users\ricardobal\OneDrive - Grupo Algar\Algar Tecnologia\01 - CLIENTES\ALGAR TELECOM\BPO\VAREJO\227396 MIGRAÇÃO VAREJO\</t>
  </si>
  <si>
    <t>BP Algar Telecom - TLV Migração.xlsb</t>
  </si>
  <si>
    <t>C:\Users\ricardobal\OneDrive - Grupo Algar\Algar Tecnologia\01 - CLIENTES\ALGAR TELECOM\BPO\VAREJO\227396 MIGRAÇÃO VAREJO\BP Algar Telecom - TLV Migração.xlsb\</t>
  </si>
  <si>
    <t>https://caey.fa.us2.oraclecloud.com/crmui/faces/fusewelcome?_adf.ctrl-state=qf6t5geo8_5</t>
  </si>
  <si>
    <t>outlook.office.com/owa/service.svc?action=CreateItem&amp;app=Mail&amp;n=177</t>
  </si>
  <si>
    <t>algartechcpcbv@algartech.com;andrelpsa@algartech.com;eliane.martins@bv.com.br;flora.lira@bv.com.br;jose.gomes@bv.com.br;leonardoao@algartech.com;robsonams@algartech.com;</t>
  </si>
  <si>
    <t>algartechcpcbv@algartech.com,andrelpsa@algartech.com,eliane.martins@bv.com.br,flora.lira@bv.com.br,jose.gomes@bv.com.br,leonardoao@algartech.com,robsonams@algartech.com</t>
  </si>
  <si>
    <t>outlook.office.com/owa/service.svc?action=UpdateItem&amp;app=Mail&amp;n=194</t>
  </si>
  <si>
    <t>outlook.office.com/owa/service.svc?action=UpdateItem&amp;app=Mail&amp;n=202</t>
  </si>
  <si>
    <t>outlook.office.com/owa/service.svc/CreateAttachmentFromLocalFile</t>
  </si>
  <si>
    <t>Desligados ALGAR - 27_12_19 a 02_01_20.xlsx</t>
  </si>
  <si>
    <t>af89d3ee-7190-4b0c-a8c4-4031890aee88.tmp</t>
  </si>
  <si>
    <t>\\acsfs\profiles$\gabrielhca\Downloads\af89d3ee-7190-4b0c-a8c4-4031890aee88.tmp</t>
  </si>
  <si>
    <t>Q29udHJvbGxlci5Hb29nbGUtQ2hyb21lXzE-.ica.crdownload</t>
  </si>
  <si>
    <t>\\acsfs\ACS\Q29udHJvbGxlci5Hb29nbGUtQ2hyb21lXzE-.ica.crdownload</t>
  </si>
  <si>
    <t>Q29udHJvbGxlci5Hb29nbGUtQ2hyb21lXzE-.ica:Zone.Identifier</t>
  </si>
  <si>
    <t>\\acsfs\ACS\Q29udHJvbGxlci5Hb29nbGUtQ2hyb21lXzE-.ica:Zone.Identifier</t>
  </si>
  <si>
    <t>da481cca-9858-486d-b5a4-448dd34d7021.tmp</t>
  </si>
  <si>
    <t>\\acsfs\profiles$\quindaizaagds\Downloads\da481cca-9858-486d-b5a4-448dd34d7021.tmp</t>
  </si>
  <si>
    <t>10.200.60.100</t>
  </si>
  <si>
    <t>9C-30-5B-F7-E1-75</t>
  </si>
  <si>
    <t>NB-MARCOTB</t>
  </si>
  <si>
    <t>marcotb</t>
  </si>
  <si>
    <t>marcotulio@algartech.com</t>
  </si>
  <si>
    <t>mail.google.com/_/upload?authuser=0&amp;dcp=asu-n&amp;upload_id=AEnB2Uom0u0ilzbg5VYuO3vnqBUUgX7ARQPEFIsZQoNShcjd6eH5i_UU7wEHi3SKl_y9B-uxWINWUgyQ1Wp270eWCJpU7v2v3Q&amp;upload_protocol=resumable</t>
  </si>
  <si>
    <t>C:\Users\marcotb\Desktop\Xperience\Apresentação Telecom - Dez.pptx\</t>
  </si>
  <si>
    <t>PPE PLATAFORMA COMPARTILHADA</t>
  </si>
  <si>
    <t>10.200.60.115</t>
  </si>
  <si>
    <t>D4-6A-6A-F9-81-D7</t>
  </si>
  <si>
    <t>NB-MARCELACPE</t>
  </si>
  <si>
    <t>marcelacpe</t>
  </si>
  <si>
    <t>marcelacpe@algartech.com</t>
  </si>
  <si>
    <t>mail.google.com/_/upload?authuser=0&amp;dcp=asu-n&amp;upload_id=AEnB2UpnvGu7l9sZ9LqgrSrsXvdNypovfqWynRq-OIyBEXKm2UiGn5lV7MA0V83a5Y3dtWG-bhWOdoVxjjoQLVzkR6VT1mZ1JuqeFzY1BMMlFvnOiZe4Q04&amp;upload_protocol=resumable</t>
  </si>
  <si>
    <t>\\acsfs\deptos\CAS - Coordenação de Arquitetura de Soluções\Negócios\Evolução da Base\Projetos\Nespresso - Humberto\Orçamento\Final\</t>
  </si>
  <si>
    <t>Visão Final Orçamento Nespresso.xls</t>
  </si>
  <si>
    <t>C:\ONE DRIVE PESSOAL\OneDrive - Personal\empresas\uaismart\clientes\seagri\</t>
  </si>
  <si>
    <t>modelo finder pedro.xlsx</t>
  </si>
  <si>
    <t>kit_pre_deslig_pedido_demissao_ausente_98816_katiele sevilha de oliveira.pdf</t>
  </si>
  <si>
    <t>c3c981fe-863e-426c-8791-13f637bdc41a.tmp</t>
  </si>
  <si>
    <t>\\acsfs\profiles$\inarajst\Downloads\c3c981fe-863e-426c-8791-13f637bdc41a.tmp</t>
  </si>
  <si>
    <t>10.200.32.16</t>
  </si>
  <si>
    <t>64-1C-67-9C-32-FD</t>
  </si>
  <si>
    <t>NB-FERNANDORSJ</t>
  </si>
  <si>
    <t>fernandorsju</t>
  </si>
  <si>
    <t>fernandorsju@algartech.com</t>
  </si>
  <si>
    <t>mail.google.com/_/upload?authuser=0&amp;dcp=asu-n&amp;upload_id=AEnB2Uof8dRtEouBM35DevBZnkOVeqiLYOXd0R17SbILp0hHkEQDExvbHxqloiQugwFnI1-f6I1MEN7Ev7DYEombbc-BZG7poLHJf_s3uzPbhg_85GzW3qQ&amp;upload_protocol=resumable</t>
  </si>
  <si>
    <t>annecsm@algartech.com;thallitaarg@algartech.com;</t>
  </si>
  <si>
    <t>\\acsfs\ACS\Consultoria de Qualidade\Uberlândia\1. Analistas\Fernando Rodrigues\4. Distribuição de Meta\2020\0. Caixa\1. Janeiro\</t>
  </si>
  <si>
    <t>Distribuição - 1ª Semana.xls</t>
  </si>
  <si>
    <t>annecsm@algartech.com,thallitaarg@algartech.com</t>
  </si>
  <si>
    <t>10.200.61.46</t>
  </si>
  <si>
    <t>74-86-7A-FB-18-F4</t>
  </si>
  <si>
    <t>VOTORANT-SB023</t>
  </si>
  <si>
    <t>\\acsfs\Deptos\Operacao\Banco_Votorantim\Comum\Thumbs.db</t>
  </si>
  <si>
    <t>\\acsfs\Deptos\Operacao\Banco_Votorantim\Comum\COMUNICADOS\</t>
  </si>
  <si>
    <t>\\acsfs\Deptos\Operacao\Banco_Votorantim\Comum\COMUNICADOS\Thumbs.db</t>
  </si>
  <si>
    <t>\\acsfs\Deptos\Operacao\Banco_Votorantim\Comum\TV\</t>
  </si>
  <si>
    <t>\\acsfs\Deptos\Operacao\Banco_Votorantim\Comum\TV\Thumbs.db</t>
  </si>
  <si>
    <t>6bb0c37c-191f-4768-a1fa-ad06c885d646.tmp</t>
  </si>
  <si>
    <t>\\acsfs\profiles$\mariellecs\Downloads\6bb0c37c-191f-4768-a1fa-ad06c885d646.tmp</t>
  </si>
  <si>
    <t>d84845fe-5c9c-4a30-bad7-6ed0e5040e0c.tmp</t>
  </si>
  <si>
    <t>\\acsfs\profiles$\quindaizaagds\Downloads\d84845fe-5c9c-4a30-bad7-6ed0e5040e0c.tmp</t>
  </si>
  <si>
    <t>74a5dcf6-b2b5-40a2-b823-d68607fbb0ed.tmp</t>
  </si>
  <si>
    <t>\\acsfs\profiles$\quindaizaagds\Downloads\74a5dcf6-b2b5-40a2-b823-d68607fbb0ed.tmp</t>
  </si>
  <si>
    <t>9a95bc5f-d930-46db-b11a-5fd90669b19f.tmp</t>
  </si>
  <si>
    <t>\\acsfs\profiles$\quindaizaagds\Downloads\9a95bc5f-d930-46db-b11a-5fd90669b19f.tmp</t>
  </si>
  <si>
    <t>c0983e24-2598-46ad-ae79-f24f9ed4c594.tmp</t>
  </si>
  <si>
    <t>\\acsfs\profiles$\quindaizaagds\Downloads\c0983e24-2598-46ad-ae79-f24f9ed4c594.tmp</t>
  </si>
  <si>
    <t>689eba7b-88f0-4e30-80f7-e4e6e57ec1b4.tmp</t>
  </si>
  <si>
    <t>\\acsfs\profiles$\quindaizaagds\Downloads\689eba7b-88f0-4e30-80f7-e4e6e57ec1b4.tmp</t>
  </si>
  <si>
    <t>d0b4c2f7-9a6b-474c-82a5-216613a58d9a.tmp</t>
  </si>
  <si>
    <t>\\acsfs\profiles$\ayalabfi\Downloads\d0b4c2f7-9a6b-474c-82a5-216613a58d9a.tmp</t>
  </si>
  <si>
    <t>3729266c-d952-4fab-9fc9-0800e11c9831.tmp</t>
  </si>
  <si>
    <t>\\acsfs\profiles$\danielmlds\Downloads\3729266c-d952-4fab-9fc9-0800e11c9831.tmp</t>
  </si>
  <si>
    <t>c08546f2-9aec-4e74-a538-35f7cd02ca06.tmp</t>
  </si>
  <si>
    <t>\\acsfs\profiles$\andressagr\Downloads\c08546f2-9aec-4e74-a538-35f7cd02ca06.tmp</t>
  </si>
  <si>
    <t>b50aca05-0432-4e8a-b738-0c5b81b4f2a2.tmp</t>
  </si>
  <si>
    <t>\\acsfs\profiles$\inarajst\Downloads\b50aca05-0432-4e8a-b738-0c5b81b4f2a2.tmp</t>
  </si>
  <si>
    <t>scritpt.txt</t>
  </si>
  <si>
    <t>\\acsfs\profiles$\talitafdc\scritpt.txt</t>
  </si>
  <si>
    <t>6c281691-86b8-40c1-9e89-40cee1cd53f5.tmp</t>
  </si>
  <si>
    <t>\\acsfs\profiles$\luanaagl\Downloads\6c281691-86b8-40c1-9e89-40cee1cd53f5.tmp</t>
  </si>
  <si>
    <t>282687a5-2212-42b0-8891-6dd223cc3674.tmp</t>
  </si>
  <si>
    <t>\\acsfs\profiles$\luanaagl\Downloads\282687a5-2212-42b0-8891-6dd223cc3674.tmp</t>
  </si>
  <si>
    <t>5f1da1c6-032e-42cf-936f-bcc51b8d9d59.tmp</t>
  </si>
  <si>
    <t>\\acsfs\profiles$\eduardofss\Downloads\5f1da1c6-032e-42cf-936f-bcc51b8d9d59.tmp</t>
  </si>
  <si>
    <t>ca158cb5-337f-476b-aa45-04dbd2dd12c1.tmp</t>
  </si>
  <si>
    <t>\\acsfs\profiles$\eduardofss\Downloads\ca158cb5-337f-476b-aa45-04dbd2dd12c1.tmp</t>
  </si>
  <si>
    <t>146d7235-967f-4ac7-a23c-f738cce814ce.tmp</t>
  </si>
  <si>
    <t>\\acsfs\profiles$\lorraynevam\Downloads\146d7235-967f-4ac7-a23c-f738cce814ce.tmp</t>
  </si>
  <si>
    <t>1a9222fe-a219-4c7e-98dc-ac005f355f2e.tmp</t>
  </si>
  <si>
    <t>\\acsfs\profiles$\luanaagl\Downloads\1a9222fe-a219-4c7e-98dc-ac005f355f2e.tmp</t>
  </si>
  <si>
    <t>68ee99f4-39ff-4cce-84c3-46fe235bc03b.tmp</t>
  </si>
  <si>
    <t>\\acsfs\profiles$\rafaelahpn\Downloads\68ee99f4-39ff-4cce-84c3-46fe235bc03b.tmp</t>
  </si>
  <si>
    <t>11fd3a16-96db-4663-850a-8785050c5380.tmp</t>
  </si>
  <si>
    <t>\\acsfs\profiles$\geovanaasa\Downloads\11fd3a16-96db-4663-850a-8785050c5380.tmp</t>
  </si>
  <si>
    <t>e58f20f7-3d64-433c-94e6-d9f3953386f8.tmp</t>
  </si>
  <si>
    <t>\\acsfs\profiles$\laianear\Downloads\e58f20f7-3d64-433c-94e6-d9f3953386f8.tmp</t>
  </si>
  <si>
    <t>3abdb27c-e449-4918-b3f4-e012059cd357.tmp</t>
  </si>
  <si>
    <t>\\acsfs\profiles$\antoniosva\Downloads\3abdb27c-e449-4918-b3f4-e012059cd357.tmp</t>
  </si>
  <si>
    <t>mail.google.com/sync/u/0/i/s?hl=pt-BR&amp;c=647</t>
  </si>
  <si>
    <t>mail.google.com/sync/u/0/i/s?hl=pt-BR&amp;c=650</t>
  </si>
  <si>
    <t>mail.google.com/sync/u/0/i/s?hl=pt-BR&amp;c=656</t>
  </si>
  <si>
    <t>mail.google.com/sync/u/0/i/s?hl=pt-BR&amp;c=671</t>
  </si>
  <si>
    <t>baea6ec0-ff20-4241-a753-f097fed1c6e3.tmp</t>
  </si>
  <si>
    <t>\\acsfs\profiles$\LUISPLS\Downloads\baea6ec0-ff20-4241-a753-f097fed1c6e3.tmp</t>
  </si>
  <si>
    <t>\\acsfs\deptos\secretarias diretoria\assessoras\formularios - modelos\</t>
  </si>
  <si>
    <t>solicitação de envio correio.xlsx</t>
  </si>
  <si>
    <t>cf57bb16-4cc1-487b-907c-aac5b70285f3.tmp</t>
  </si>
  <si>
    <t>\\acsfs\profiles$\nathaliarmr\Downloads\cf57bb16-4cc1-487b-907c-aac5b70285f3.tmp</t>
  </si>
  <si>
    <t>125ebc07-2a33-4452-993b-c524e2d78e99.tmp</t>
  </si>
  <si>
    <t>\\acsfs\profiles$\laianear\Downloads\125ebc07-2a33-4452-993b-c524e2d78e99.tmp</t>
  </si>
  <si>
    <t>ef6c31e7-f503-41be-bec9-e5f9502d0ef1.tmp</t>
  </si>
  <si>
    <t>\\acsfs\profiles$\laianear\Downloads\ef6c31e7-f503-41be-bec9-e5f9502d0ef1.tmp</t>
  </si>
  <si>
    <t>0b985b28-0032-473f-815c-420505900856.tmp</t>
  </si>
  <si>
    <t>\\acsfs\profiles$\laianear\Downloads\0b985b28-0032-473f-815c-420505900856.tmp</t>
  </si>
  <si>
    <t>lu73196bfyt3m.tmp</t>
  </si>
  <si>
    <t>\\acsfs\DEPTOS\Operacao\Banco_Votorantim\Supervisao\SUPERS BV CARTÕES\ANA VITORIA\APOIO\lu73196bfyt3m.tmp</t>
  </si>
  <si>
    <t>adb47d13-a7ec-4f6f-8abd-36c4c51e3221.tmp</t>
  </si>
  <si>
    <t>\\acsfs\profiles$\LUISPLS\Downloads\adb47d13-a7ec-4f6f-8abd-36c4c51e3221.tmp</t>
  </si>
  <si>
    <t>0f466e32-9a47-4dbd-9039-3640db86eb0d.tmp</t>
  </si>
  <si>
    <t>\\acsfs\profiles$\LUISPLS\Downloads\0f466e32-9a47-4dbd-9039-3640db86eb0d.tmp</t>
  </si>
  <si>
    <t>leonardomcb@algartech.com;</t>
  </si>
  <si>
    <t>4.A.9 Relação de empregados - enviar Adalberto.xlsx</t>
  </si>
  <si>
    <t>leonardomcb@algartech.com</t>
  </si>
  <si>
    <t>\\acsfs\DEPTOS\Operacao\PCP\5 - Comum\PLANEJAMENTO BV\22 - BANCO DE DADOS BV\FINANCEIRA\~$Banco de Dados BV 12-2019.xlsx</t>
  </si>
  <si>
    <t>0673dadf-bdd3-4fa0-86e5-97744fc31f33.tmp</t>
  </si>
  <si>
    <t>\\acsfs\profiles$\PEDROHAB\Downloads\0673dadf-bdd3-4fa0-86e5-97744fc31f33.tmp</t>
  </si>
  <si>
    <t>837027d2-67e4-4565-b958-c448d204a505.tmp</t>
  </si>
  <si>
    <t>\\acsfs\profiles$\PEDROHAB\Downloads\837027d2-67e4-4565-b958-c448d204a505.tmp</t>
  </si>
  <si>
    <t>andrelpsa@algartech.com;bvs-gestorescentral@bv.com.br;eliane.martins@bv.com.br;joaogvc@algartech.com;jose.gomes@bv.com.br;leonardoao@algartech.com;maristelavodq@bv.algartech.com;paulacn@algartech.com;qualidadealgarbv@algartech.com;rafaelggs@algartech.com;supervisaobancovotorantim@algartech.com;taysdss@algartech.com;viniciussg@algartech.com;</t>
  </si>
  <si>
    <t>andrelpsa@algartech.com,bvs-gestorescentral@bv.com.br,eliane.martins@bv.com.br,joaogvc@algartech.com,jose.gomes@bv.com.br,leonardoao@algartech.com,maristelavodq@bv.algartech.com,paulacn@algartech.com,qualidadealgarbv@algartech.com,rafaelggs@algartech.com,supervisaobancovotorantim@algartech.com,taysdss@algartech.com,viniciussg@algartech.com</t>
  </si>
  <si>
    <t>mail.google.com/sync/u/0/i/s?hl=pt-BR&amp;c=217</t>
  </si>
  <si>
    <t>andrelpsa@algartech.com;bvs-gestorescentral@bv.com.br;eliane.martins@bv.com.br;jose.gomes@bv.com.br;</t>
  </si>
  <si>
    <t>andrelpsa@algartech.com,bvs-gestorescentral@bv.com.br,eliane.martins@bv.com.br,jose.gomes@bv.com.br</t>
  </si>
  <si>
    <t>5dabdffc-4e45-4e1a-95a3-8340fafc6f45.tmp</t>
  </si>
  <si>
    <t>\\acsfs\profiles$\lorrainerdl\Downloads\5dabdffc-4e45-4e1a-95a3-8340fafc6f45.tmp</t>
  </si>
  <si>
    <t>lu141881g2wt8.tmp</t>
  </si>
  <si>
    <t>\\acsfs\profiles$\ALEXANDREMM\lu141881g2wt8.tmp</t>
  </si>
  <si>
    <t>\\acsfs\profiles$\ALEXANDREMM\lu141881g2wt8.tmp\</t>
  </si>
  <si>
    <t>\\acsfs\profiles$\ALEXANDREMM\lu141881g2wt8.tmp\META-INF\</t>
  </si>
  <si>
    <t>\\acsfs\profiles$\ALEXANDREMM\lu141881g2wt8.tmp\Thumbnails\</t>
  </si>
  <si>
    <t>64ddc3c8-1266-42bd-9053-4187001d9d5c.tmp</t>
  </si>
  <si>
    <t>\\acsfs\profiles$\nayarasds\Downloads\64ddc3c8-1266-42bd-9053-4187001d9d5c.tmp</t>
  </si>
  <si>
    <t>42ce13fb-c01c-46ac-954e-52667bee2f60.tmp</t>
  </si>
  <si>
    <t>\\acsfs\profiles$\lucasgpe\Downloads\42ce13fb-c01c-46ac-954e-52667bee2f60.tmp</t>
  </si>
  <si>
    <t>6182e648-5ac1-4c0c-9243-4a20a3eb7072.tmp</t>
  </si>
  <si>
    <t>\\acsfs\profiles$\lucasgpe\Downloads\6182e648-5ac1-4c0c-9243-4a20a3eb7072.tmp</t>
  </si>
  <si>
    <t>7c030f59-1302-4955-b1a6-ba815252d9c2.tmp</t>
  </si>
  <si>
    <t>\\acsfs\profiles$\LUISPLS\Downloads\7c030f59-1302-4955-b1a6-ba815252d9c2.tmp</t>
  </si>
  <si>
    <t>10.200.67.162</t>
  </si>
  <si>
    <t>74-86-7A-FB-17-9B</t>
  </si>
  <si>
    <t>VOTORANT-00</t>
  </si>
  <si>
    <t>\\acsfs\DEPTOS\EDUCACAO EMPRESARIAL\2 - Operações\0.01 BV CARTÕES\Larisa\Larisa\Thumbs.db</t>
  </si>
  <si>
    <t>Lista de Presença Larisa NR17.xls</t>
  </si>
  <si>
    <t>\\acsfs\DEPTOS\EDUCACAO EMPRESARIAL\2 - Operações\0.01 BV CARTÕES\Larisa\Formação BV\Lista de Presença Larisa NR17.xls</t>
  </si>
  <si>
    <t>Palno de Aula 6 horas2.xls</t>
  </si>
  <si>
    <t>\\acsfs\DEPTOS\EDUCACAO EMPRESARIAL\2 - Operações\0.01 BV CARTÕES\Larisa\Formação BV\Palno de Aula 6 horas2.xls</t>
  </si>
  <si>
    <t>79979dd5-bb15-410c-ae54-cb0f98af2259.tmp</t>
  </si>
  <si>
    <t>\\acsfs\profiles$\LAISLG\Downloads\79979dd5-bb15-410c-ae54-cb0f98af2259.tmp</t>
  </si>
  <si>
    <t>andrelpsa@algartech.com;bvs-gestorescentral@bv.com.br;eliane.martins@bv.com.br;gilson.santos@neobpo.com.br;jose.gomes@bv.com.br;willian.alves@neobpo.com.br;</t>
  </si>
  <si>
    <t>andrelpsa@algartech.com,bvs-gestorescentral@bv.com.br,eliane.martins@bv.com.br,gilson.santos@neobpo.com.br,jose.gomes@bv.com.br,willian.alves@neobpo.com.br</t>
  </si>
  <si>
    <t>andrelpsa@algartech.com;bvs-gestorescentral@bv.com.br;eliane.martins@bv.com.br;gilson.santos@neobpo.com.br;joaogvc@algartech.com;jose.gomes@bv.com.br;leonardoao@algartech.com;maristelavodq@bv.algartech.com;paulacn@algartech.com;qualidadealgarbv@algartech.com;rafaelggs@algartech.com;supervisaobancovotorantim@algartech.com;taysdss@algartech.com;viniciussg@algartech.com;willian.alves@neobpo.com.br;</t>
  </si>
  <si>
    <t>andrelpsa@algartech.com,bvs-gestorescentral@bv.com.br,eliane.martins@bv.com.br,gilson.santos@neobpo.com.br,joaogvc@algartech.com,jose.gomes@bv.com.br,leonardoao@algartech.com,maristelavodq@bv.algartech.com,paulacn@algartech.com,qualidadealgarbv@algartech.com,rafaelggs@algartech.com,supervisaobancovotorantim@algartech.com,taysdss@algartech.com,viniciussg@algartech.com,willian.alves@neobpo.com.br</t>
  </si>
  <si>
    <t>86bb9ae4-0a7e-4607-a01c-7c59459afc03.tmp</t>
  </si>
  <si>
    <t>\\acsfs\profiles$\lorrainerdl\Downloads\86bb9ae4-0a7e-4607-a01c-7c59459afc03.tmp</t>
  </si>
  <si>
    <t>3eff8151-4af1-4d91-b9e4-bbb4d30c009e.tmp</t>
  </si>
  <si>
    <t>\\acsfs\profiles$\danielac\Downloads\3eff8151-4af1-4d91-b9e4-bbb4d30c009e.tmp</t>
  </si>
  <si>
    <t>10.200.58.22</t>
  </si>
  <si>
    <t>74-86-7A-FE-0E-04</t>
  </si>
  <si>
    <t>2e06a602-f96d-4120-a390-d84b4a45c003.tmp</t>
  </si>
  <si>
    <t>\\acsfs\profiles$\fabianobmf\Downloads\2e06a602-f96d-4120-a390-d84b4a45c003.tmp</t>
  </si>
  <si>
    <t>3c72404b-14c1-4a6e-bdf3-d780e4a079c7.tmp</t>
  </si>
  <si>
    <t>\\acsfs\profiles$\adelvinsonle\Downloads\3c72404b-14c1-4a6e-bdf3-d780e4a079c7.tmp</t>
  </si>
  <si>
    <t>10.200.67.57</t>
  </si>
  <si>
    <t>74-86-7A-FB-1B-19</t>
  </si>
  <si>
    <t>VOTORANT-OB009</t>
  </si>
  <si>
    <t>\\acsfs\profiles$\regisadsa\Contacts\</t>
  </si>
  <si>
    <t>REGIS AUGUSTO DA SILVA ABREU (31112).contact</t>
  </si>
  <si>
    <t>\\acsfs\profiles$\regisadsa\Contacts\REGIS AUGUSTO DA SILVA ABREU (31112).contact</t>
  </si>
  <si>
    <t>\\acsfs\profiles$\regisadsa\My Documents\My Videos\</t>
  </si>
  <si>
    <t>\\acsfs\profiles$\regisadsa\My Documents\My Videos\desktop.ini</t>
  </si>
  <si>
    <t>\\acsfs\profiles$\regisadsa\My Documents\My Pictures\</t>
  </si>
  <si>
    <t>\\acsfs\profiles$\regisadsa\My Documents\My Pictures\desktop.ini</t>
  </si>
  <si>
    <t>\\acsfs\profiles$\regisadsa\Contacts\desktop.ini</t>
  </si>
  <si>
    <t>\\acsfs\profiles$\regisadsa\Favorites\</t>
  </si>
  <si>
    <t>\\acsfs\profiles$\regisadsa\Favorites\desktop.ini</t>
  </si>
  <si>
    <t>\\acsfs\profiles$\regisadsa\My Documents\My Music\</t>
  </si>
  <si>
    <t>\\acsfs\profiles$\regisadsa\My Documents\My Music\desktop.ini</t>
  </si>
  <si>
    <t>\\acsfs\profiles$\regisadsa\Searches\</t>
  </si>
  <si>
    <t>\\acsfs\profiles$\regisadsa\Searches\desktop.ini</t>
  </si>
  <si>
    <t>\\acsfs\profiles$\regisadsa\Downloads\desktop.ini</t>
  </si>
  <si>
    <t>\\acsfs\profiles$\regisadsa\My Documents\</t>
  </si>
  <si>
    <t>\\acsfs\profiles$\regisadsa\My Documents\desktop.ini</t>
  </si>
  <si>
    <t>\\acsfs\profiles$\regisadsa\Saved Games\</t>
  </si>
  <si>
    <t>\\acsfs\profiles$\regisadsa\Saved Games\desktop.ini</t>
  </si>
  <si>
    <t>\\acsfs\profiles$\regisadsa\Favorites\Links for Brasil\</t>
  </si>
  <si>
    <t>\\acsfs\profiles$\regisadsa\Favorites\Links for Brasil\desktop.ini</t>
  </si>
  <si>
    <t>\\acsfs\profiles$\regisadsa\Favorites\Links for Brasil\Microsoft Brasil.url</t>
  </si>
  <si>
    <t>\\acsfs\profiles$\regisadsa\Favorites\Links for Brasil\Windows Brasil.url</t>
  </si>
  <si>
    <t>\\acsfs\profiles$\regisadsa\Favorites\Links for Brasil\MSN Brasil.url</t>
  </si>
  <si>
    <t>439aacf4-a46b-4f91-ac14-82006de0d3cc.tmp</t>
  </si>
  <si>
    <t>\\acsfs\profiles$\regisadsa\Downloads\439aacf4-a46b-4f91-ac14-82006de0d3cc.tmp</t>
  </si>
  <si>
    <t>5ae29bb7-e1d6-4b2a-b248-cb2cdffa112f.tmp</t>
  </si>
  <si>
    <t>\\acsfs\profiles$\regisadsa\Downloads\5ae29bb7-e1d6-4b2a-b248-cb2cdffa112f.tmp</t>
  </si>
  <si>
    <t>a1632cd9-7ea0-483d-91ac-0574bc29c30c.tmp</t>
  </si>
  <si>
    <t>\\acsfs\profiles$\websondsa\Downloads\a1632cd9-7ea0-483d-91ac-0574bc29c30c.tmp</t>
  </si>
  <si>
    <t>mail.google.com/sync/u/0/i/s?hl=pt-BR&amp;c=286</t>
  </si>
  <si>
    <t>mail.google.com/sync/u/0/i/s?hl=pt-BR&amp;c=298</t>
  </si>
  <si>
    <t>mail.google.com/sync/u/0/i/s?hl=pt-BR&amp;c=300</t>
  </si>
  <si>
    <t>973f0a5f-7398-4b33-89bd-570f50bfad96.tmp</t>
  </si>
  <si>
    <t>\\acsfs\profiles$\danielac\Downloads\973f0a5f-7398-4b33-89bd-570f50bfad96.tmp</t>
  </si>
  <si>
    <t>cf52cc40-c9de-4a06-a4da-64eacf86c580.tmp</t>
  </si>
  <si>
    <t>\\acsfs\profiles$\fabianobmf\Downloads\cf52cc40-c9de-4a06-a4da-64eacf86c580.tmp</t>
  </si>
  <si>
    <t>5fe5f21b-b198-4a15-9045-f2827b982a66.tmp</t>
  </si>
  <si>
    <t>\\acsfs\profiles$\regisadsa\Downloads\5fe5f21b-b198-4a15-9045-f2827b982a66.tmp</t>
  </si>
  <si>
    <t>936ccd1c-9a2f-41cd-a5b3-20b12d044449.tmp</t>
  </si>
  <si>
    <t>\\acsfs\profiles$\Flaviojmm\Downloads\936ccd1c-9a2f-41cd-a5b3-20b12d044449.tmp</t>
  </si>
  <si>
    <t>\\acsfs\DEPTOS\EDUCACAO EMPRESARIAL\2 - Operações\0.01 BV CARTÕES\Larisa\NOSSO JEITO DE SER.pptx\</t>
  </si>
  <si>
    <t>hdphoto1.wdp</t>
  </si>
  <si>
    <t>\\acsfs\DEPTOS\EDUCACAO EMPRESARIAL\2 - Operações\0.01 BV CARTÕES\Larisa\NOSSO JEITO DE SER.pptx</t>
  </si>
  <si>
    <t>image16.emf</t>
  </si>
  <si>
    <t>image19.emf</t>
  </si>
  <si>
    <t>image30.svg</t>
  </si>
  <si>
    <t>media1.mp4</t>
  </si>
  <si>
    <t>Algar_Midias play</t>
  </si>
  <si>
    <t>media2.mp4</t>
  </si>
  <si>
    <t>NOSSO JEITO DE SER.pptx</t>
  </si>
  <si>
    <t>lu54043tp62w.tmp</t>
  </si>
  <si>
    <t>\\acsfs\profiles$\CLAUDIAJCA\lu54043tp62w.tmp</t>
  </si>
  <si>
    <t>\\acsfs\profiles$\CLAUDIAJCA\lu54043tp62w.tmp\</t>
  </si>
  <si>
    <t>\\acsfs\profiles$\CLAUDIAJCA\lu54043tp62w.tmp\META-INF\</t>
  </si>
  <si>
    <t>\\acsfs\profiles$\CLAUDIAJCA\lu54043tp62w.tmp\Thumbnails\</t>
  </si>
  <si>
    <t>https://bvcartes-supervisores@algarnet.onmicrosoft.com,joaogvc@algartech.com,leonardoao@algartech.com,mirianppb@algartech.com,paulacn@algartech.com,rafaelggs@algartech.com,taysdss@algartech.com,viniciussg@algartech.com</t>
  </si>
  <si>
    <t>lu77912bfudps.tmp</t>
  </si>
  <si>
    <t>\\acsfs\profiles$\BRUNAAR\Numero\lu77912bfudps.tmp</t>
  </si>
  <si>
    <t>86d6e152-85c1-4f5e-95c4-d119ab34ccdb.tmp</t>
  </si>
  <si>
    <t>\\acsfs\profiles$\luanarda\Downloads\86d6e152-85c1-4f5e-95c4-d119ab34ccdb.tmp</t>
  </si>
  <si>
    <t>c0507c5a-afcb-45c4-85c5-b18f0617dc75.tmp</t>
  </si>
  <si>
    <t>\\acsfs\profiles$\rafaelahpn\Downloads\c0507c5a-afcb-45c4-85c5-b18f0617dc75.tmp</t>
  </si>
  <si>
    <t>100014239771614;joaogvc@algartech.com;leonardoao@algartech.com;marianadjc@algartech.com;paulacn@algartech.com;rafaelggs@algartech.com;taysdss@algartech.com;thiagordu@algartech.com;viniciussg@algartech.com;</t>
  </si>
  <si>
    <t>https://100014239771614,joaogvc@algartech.com,leonardoao@algartech.com,marianadjc@algartech.com,paulacn@algartech.com,rafaelggs@algartech.com,taysdss@algartech.com,thiagordu@algartech.com,viniciussg@algartech.com</t>
  </si>
  <si>
    <t>bcbf6809-c02b-4027-aa80-1ce51859f453.tmp</t>
  </si>
  <si>
    <t>\\acsfs\profiles$\maxmillianosv\Downloads\bcbf6809-c02b-4027-aa80-1ce51859f453.tmp</t>
  </si>
  <si>
    <t>b25ded25-b794-410d-8318-3d6ba6f10613.tmp</t>
  </si>
  <si>
    <t>\\acsfs\profiles$\wenderbnm\Downloads\b25ded25-b794-410d-8318-3d6ba6f10613.tmp</t>
  </si>
  <si>
    <t>andrelpsa@algartech.com;joaogvc@algartech.com;leonardoao@algartech.com;marianadjc@algartech.com;maristelavodq@bv.algartech.com;paulacn@algartech.com;rafaelggs@algartech.com;supervisaobancovotorantim@algartech.com;taysdss@algartech.com;viniciussg@algartech.com;</t>
  </si>
  <si>
    <t>andrelpsa@algartech.com,joaogvc@algartech.com,leonardoao@algartech.com,marianadjc@algartech.com,maristelavodq@bv.algartech.com,paulacn@algartech.com,rafaelggs@algartech.com,supervisaobancovotorantim@algartech.com,taysdss@algartech.com,viniciussg@algartech.com</t>
  </si>
  <si>
    <t>bd5534c8-92f4-45d9-bd45-dc0bdbfcc411.tmp</t>
  </si>
  <si>
    <t>\\acsfs\profiles$\inarajst\Downloads\bd5534c8-92f4-45d9-bd45-dc0bdbfcc411.tmp</t>
  </si>
  <si>
    <t>6f3c600a-151d-4c31-9e08-ac473325af8e.tmp</t>
  </si>
  <si>
    <t>\\acsfs\profiles$\fabianobmf\Downloads\6f3c600a-151d-4c31-9e08-ac473325af8e.tmp</t>
  </si>
  <si>
    <t>bfacf09d-f7f1-4f0d-b7f9-4b6dffa699d7.tmp</t>
  </si>
  <si>
    <t>\\acsfs\profiles$\inarajst\Downloads\bfacf09d-f7f1-4f0d-b7f9-4b6dffa699d7.tmp</t>
  </si>
  <si>
    <t>10.200.60.165</t>
  </si>
  <si>
    <t>5C-EA-1D-CF-BE-F7</t>
  </si>
  <si>
    <t>NB-DIEGOR</t>
  </si>
  <si>
    <t>diegorg</t>
  </si>
  <si>
    <t>diegorg@algartech.com</t>
  </si>
  <si>
    <t>C:\Users\diegorg\Desktop\Vilarinho\</t>
  </si>
  <si>
    <t>Historico CAPEX 2020.xlsx</t>
  </si>
  <si>
    <t>lu77912bfudpv.tmp</t>
  </si>
  <si>
    <t>\\acsfs\profiles$\BRUNAAR\Numero\lu77912bfudpv.tmp</t>
  </si>
  <si>
    <t>c664ac09-12b9-45c0-89c9-1f5feeb48b78.tmp</t>
  </si>
  <si>
    <t>\\acsfs\profiles$\luanarda\Downloads\c664ac09-12b9-45c0-89c9-1f5feeb48b78.tmp</t>
  </si>
  <si>
    <t>mail.google.com/sync/u/0/i/s?hl=pt-BR&amp;c=93</t>
  </si>
  <si>
    <t>lu96169hks.tmp</t>
  </si>
  <si>
    <t>\\acsfs\profiles$\VIVIANALDS\My Documents\lu96169hks.tmp</t>
  </si>
  <si>
    <t>\\acsfs\profiles$\VIVIANALDS\My Documents\lu96169hks.tmp\</t>
  </si>
  <si>
    <t>\\acsfs\profiles$\VIVIANALDS\My Documents\lu96169hks.tmp\META-INF\</t>
  </si>
  <si>
    <t>\\acsfs\profiles$\VIVIANALDS\My Documents\lu96169hks.tmp\Thumbnails\</t>
  </si>
  <si>
    <t>outlook.office.com/owa/service.svc?action=CreateItem&amp;app=Mail&amp;n=290</t>
  </si>
  <si>
    <t>algartechcpcbv@algartech.com;andrelpsa@algartech.com;eliane.martins@bv.com.br;flora.lira@bv.com.br;gabrielsma@bv.algartech.com;janaina.pereira@bv.com.br;jose.gomes@bv.com.br;leonardoao@algartech.com;robsonams@algartech.com;</t>
  </si>
  <si>
    <t>algartechcpcbv@algartech.com,andrelpsa@algartech.com,eliane.martins@bv.com.br,flora.lira@bv.com.br,gabrielsma@bv.algartech.com,janaina.pereira@bv.com.br,jose.gomes@bv.com.br,leonardoao@algartech.com,robsonams@algartech.com</t>
  </si>
  <si>
    <t>outlook.office.com/owa/service.svc?action=CreateItem&amp;app=Mail&amp;n=302</t>
  </si>
  <si>
    <t>cb82b085-2777-4774-b0b5-8faea3419042.tmp</t>
  </si>
  <si>
    <t>\\acsfs\profiles$\rafaelamsv\Downloads\cb82b085-2777-4774-b0b5-8faea3419042.tmp</t>
  </si>
  <si>
    <t>d6524444-6c37-4c62-a7a2-0c7248935acd.tmp</t>
  </si>
  <si>
    <t>\\acsfs\profiles$\lorrainerdl\Downloads\d6524444-6c37-4c62-a7a2-0c7248935acd.tmp</t>
  </si>
  <si>
    <t>100014239771614;joaogvc@algartech.com;marianadjc@algartech.com;rafaelggs@algartech.com;taysdss@algartech.com;viniciussg@algartech.com;</t>
  </si>
  <si>
    <t>https://100014239771614,joaogvc@algartech.com,marianadjc@algartech.com,rafaelggs@algartech.com,taysdss@algartech.com,viniciussg@algartech.com</t>
  </si>
  <si>
    <t>d2194cdf-de12-48f3-980e-9b0663bb9890.tmp</t>
  </si>
  <si>
    <t>\\acsfs\profiles$\claudiajca\Downloads\d2194cdf-de12-48f3-980e-9b0663bb9890.tmp</t>
  </si>
  <si>
    <t>\\acsfs\profiles$\gabrielarb\Contacts\</t>
  </si>
  <si>
    <t>GABRIELA RODRIGUES BARREIRO (24251).contact</t>
  </si>
  <si>
    <t>\\acsfs\profiles$\gabrielarb\Contacts\GABRIELA RODRIGUES BARREIRO (24251).contact</t>
  </si>
  <si>
    <t>\\acsfs\profiles$\gabrielarb\My Documents\My Videos\</t>
  </si>
  <si>
    <t>\\acsfs\profiles$\gabrielarb\My Documents\My Videos\desktop.ini</t>
  </si>
  <si>
    <t>\\acsfs\profiles$\gabrielarb\My Documents\My Pictures\</t>
  </si>
  <si>
    <t>\\acsfs\profiles$\gabrielarb\My Documents\My Pictures\desktop.ini</t>
  </si>
  <si>
    <t>\\acsfs\profiles$\gabrielarb\Contacts\desktop.ini</t>
  </si>
  <si>
    <t>\\acsfs\profiles$\gabrielarb\Favorites\</t>
  </si>
  <si>
    <t>\\acsfs\profiles$\gabrielarb\Favorites\desktop.ini</t>
  </si>
  <si>
    <t>\\acsfs\profiles$\gabrielarb\My Documents\My Music\</t>
  </si>
  <si>
    <t>\\acsfs\profiles$\gabrielarb\My Documents\My Music\desktop.ini</t>
  </si>
  <si>
    <t>\\acsfs\profiles$\gabrielarb\Searches\</t>
  </si>
  <si>
    <t>\\acsfs\profiles$\gabrielarb\Searches\desktop.ini</t>
  </si>
  <si>
    <t>\\acsfs\profiles$\gabrielarb\Downloads\desktop.ini</t>
  </si>
  <si>
    <t>\\acsfs\profiles$\gabrielarb\My Documents\</t>
  </si>
  <si>
    <t>\\acsfs\profiles$\gabrielarb\My Documents\desktop.ini</t>
  </si>
  <si>
    <t>\\acsfs\profiles$\gabrielarb\Saved Games\</t>
  </si>
  <si>
    <t>\\acsfs\profiles$\gabrielarb\Saved Games\desktop.ini</t>
  </si>
  <si>
    <t>\\acsfs\profiles$\gabrielarb\Favorites\Links for Brasil\</t>
  </si>
  <si>
    <t>\\acsfs\profiles$\gabrielarb\Favorites\Links for Brasil\desktop.ini</t>
  </si>
  <si>
    <t>\\acsfs\profiles$\gabrielarb\Favorites\Links for Brasil\Microsoft Brasil.url</t>
  </si>
  <si>
    <t>\\acsfs\profiles$\gabrielarb\Favorites\Links for Brasil\Windows Brasil.url</t>
  </si>
  <si>
    <t>\\acsfs\profiles$\gabrielarb\Favorites\Links for Brasil\MSN Brasil.url</t>
  </si>
  <si>
    <t>Cópia de Diario de Bordo - BV...xlsb</t>
  </si>
  <si>
    <t>\\acsfs\deptos\Operacao\Banco_Votorantim\Supervisao\DIÁRIO DE BORDO BV\Cópia de Diario de Bordo - BV...xlsb</t>
  </si>
  <si>
    <t>https://bvcartes-supervisores@algarnet.onmicrosoft.com,joaogvc@algartech.com,leonardoao@algartech.com,marianacds@algartech.com,marianadjc@algartech.com,paulacn@algartech.com,taysdss@algartech.com,thiagordu@algartech.com,viniciussg@algartech.com</t>
  </si>
  <si>
    <t>https://algartechcpcbv@algartech.com,andrelpsa@algartech.com,cpc-controldeskavon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707</t>
  </si>
  <si>
    <t>mail.google.com/sync/u/0/i/s?hl=pt-BR&amp;c=711</t>
  </si>
  <si>
    <t>mail.google.com/sync/u/0/i/s?hl=pt-BR&amp;c=713</t>
  </si>
  <si>
    <t>mail.google.com/sync/u/0/i/s?hl=pt-BR&amp;c=716</t>
  </si>
  <si>
    <t>Demandas.xlsx</t>
  </si>
  <si>
    <t>\\acsfs\DEPTOS\Operacao\PCP\5 - Comum\João Gabriel\Demandas.xlsx</t>
  </si>
  <si>
    <t>mail.google.com/sync/u/0/i/s?hl=pt-BR&amp;c=722</t>
  </si>
  <si>
    <t>mail.google.com/sync/u/0/i/s?hl=pt-BR&amp;c=724</t>
  </si>
  <si>
    <t>mail.google.com/sync/u/0/i/s?hl=pt-BR&amp;c=729</t>
  </si>
  <si>
    <t>mail.google.com/sync/u/0/i/s?hl=pt-BR&amp;c=733</t>
  </si>
  <si>
    <t>mail.google.com/sync/u/0/i/s?hl=pt-BR&amp;c=735</t>
  </si>
  <si>
    <t>Q29udHJvbGxlci5TQUNBLVNBQw-- (2).ica.crdownload</t>
  </si>
  <si>
    <t>\\acsfs\ACS\Q29udHJvbGxlci5TQUNBLVNBQw-- (2).ica.crdownload</t>
  </si>
  <si>
    <t>Q29udHJvbGxlci5TQUNBLVNBQw-- (2).ica:Zone.Identifier</t>
  </si>
  <si>
    <t>\\acsfs\ACS\Q29udHJvbGxlci5TQUNBLVNBQw-- (2).ica:Zone.Identifier</t>
  </si>
  <si>
    <t>RES: NS</t>
  </si>
  <si>
    <t>Cópia de NS VALE.xlsx</t>
  </si>
  <si>
    <t>10.16.76.73</t>
  </si>
  <si>
    <t>64-31-50-8E-51-B3</t>
  </si>
  <si>
    <t>NB-CARLOSECM</t>
  </si>
  <si>
    <t>carlosecm</t>
  </si>
  <si>
    <t>C:\Users\carlosecm\Downloads\</t>
  </si>
  <si>
    <t>Dados para acesso fisico.xlsx</t>
  </si>
  <si>
    <t>848d0829-3da7-410e-b2a9-bcd8c3961d95.tmp</t>
  </si>
  <si>
    <t>\\acsfs\profiles$\lucasqdss\Downloads\848d0829-3da7-410e-b2a9-bcd8c3961d95.tmp</t>
  </si>
  <si>
    <t>7578c5ee-72e6-4191-9ff6-67ee40f7bf37.tmp</t>
  </si>
  <si>
    <t>\\acsfs\profiles$\laylaams\Downloads\7578c5ee-72e6-4191-9ff6-67ee40f7bf37.tmp</t>
  </si>
  <si>
    <t>ac36efdf-7e99-47a7-be66-51b30de8836c.tmp</t>
  </si>
  <si>
    <t>\\acsfs\profiles$\laylaams\Downloads\ac36efdf-7e99-47a7-be66-51b30de8836c.tmp</t>
  </si>
  <si>
    <t>Comunicado de Dispensa.zip</t>
  </si>
  <si>
    <t>C:\Users\raicdf\Downloads\Comunicado de Dispensa.zip\</t>
  </si>
  <si>
    <t>Comunicado de Dispensa.pdf</t>
  </si>
  <si>
    <t>c7e4d145-2269-4b4d-bd5e-4e00ff448638.tmp</t>
  </si>
  <si>
    <t>\\acsfs\profiles$\paulovadc\Downloads\c7e4d145-2269-4b4d-bd5e-4e00ff448638.tmp</t>
  </si>
  <si>
    <t>\\acsfs\profiles$\kamilamrc\My Documents\xworkcenter\logs\</t>
  </si>
  <si>
    <t>XLOG_kamilamrc_03012020_105957.log</t>
  </si>
  <si>
    <t>\\acsfs\profiles$\kamilamrc\My Documents\xworkcenter\logs\XLOG_kamilamrc_03012020_105957.log</t>
  </si>
  <si>
    <t>80fb8e72-044b-41c2-a764-5df263c3da58.tmp</t>
  </si>
  <si>
    <t>\\acsfs\profiles$\kamilamrc\Downloads\80fb8e72-044b-41c2-a764-5df263c3da58.tmp</t>
  </si>
  <si>
    <t>mail.google.com/sync/u/0/i/s?hl=pt-BR&amp;c=739</t>
  </si>
  <si>
    <t>mail.google.com/sync/u/0/i/s?hl=pt-BR&amp;c=741</t>
  </si>
  <si>
    <t>mail.google.com/sync/u/0/i/s?hl=pt-BR&amp;c=743</t>
  </si>
  <si>
    <t>marianadjc@algartech.com;</t>
  </si>
  <si>
    <t>marianadjc@algartech.com</t>
  </si>
  <si>
    <t>mail.google.com/sync/u/0/i/s?hl=pt-BR&amp;c=749</t>
  </si>
  <si>
    <t>mail.google.com/sync/u/0/i/s?hl=pt-BR&amp;c=751</t>
  </si>
  <si>
    <t>mail.google.com/sync/u/0/i/s?hl=pt-BR&amp;c=753</t>
  </si>
  <si>
    <t>mail.google.com/sync/u/0/i/s?hl=pt-BR&amp;c=755</t>
  </si>
  <si>
    <t>mail.google.com/sync/u/0/i/s?hl=pt-BR&amp;c=759</t>
  </si>
  <si>
    <t>mail.google.com/sync/u/0/i/s?hl=pt-BR&amp;c=761</t>
  </si>
  <si>
    <t>mail.google.com/sync/u/0/i/s?hl=pt-BR&amp;c=763</t>
  </si>
  <si>
    <t>mail.google.com/sync/u/0/i/s?hl=pt-BR&amp;c=765</t>
  </si>
  <si>
    <t>mail.google.com/sync/u/0/i/s?hl=pt-BR&amp;c=769</t>
  </si>
  <si>
    <t>mail.google.com/sync/u/0/i/s?hl=pt-BR&amp;c=771</t>
  </si>
  <si>
    <t>mail.google.com/sync/u/0/i/s?hl=pt-BR&amp;c=774</t>
  </si>
  <si>
    <t>mail.google.com/sync/u/0/i/s?hl=pt-BR&amp;c=776</t>
  </si>
  <si>
    <t>mail.google.com/sync/u/0/i/s?hl=pt-BR&amp;c=780</t>
  </si>
  <si>
    <t>https://17c8edca.akstat.io/</t>
  </si>
  <si>
    <t>328ce24e-960c-4754-a617-d8c139c4ba8e.tmp</t>
  </si>
  <si>
    <t>\\acsfs\profiles$\regisedsj\Downloads\328ce24e-960c-4754-a617-d8c139c4ba8e.tmp</t>
  </si>
  <si>
    <t>ac869ff7-ac62-4b1f-afce-e3b20e59c0b9.tmp</t>
  </si>
  <si>
    <t>\\acsfs\profiles$\regisedsj\Downloads\ac869ff7-ac62-4b1f-afce-e3b20e59c0b9.tmp</t>
  </si>
  <si>
    <t>mail.google.com/_/upload?authuser=0&amp;dcp=asu-n&amp;upload_id=AEnB2Uq0iZQTLZ0BXHEHtf0Ap6VnB_tL2WDRhqFN38kLHZ_nn-oUgiwCNl76eeNmL8TNd0S_m69MxLOxEMVFIv3kURZNcXBa0EKxqwCdZ4d6A3tOrm-CeQE&amp;upload_protocol=resumable</t>
  </si>
  <si>
    <t>\\udpavonfs01\AVON\06. PCP\JOSÉ AFONSO DA SILVA NETO\RANKING\</t>
  </si>
  <si>
    <t>Ranking_Jan.20.xlsx</t>
  </si>
  <si>
    <t>d53ec520-9934-4572-bbc9-26e87cafefe8.tmp</t>
  </si>
  <si>
    <t>\\acsfs\profiles$\nathaliarmr\Downloads\d53ec520-9934-4572-bbc9-26e87cafefe8.tmp</t>
  </si>
  <si>
    <t>GABRIELA RODRIGUES BARREIRO (31306).contact</t>
  </si>
  <si>
    <t>\\acsfs\profiles$\gabrielarb\Contacts\GABRIELA RODRIGUES BARREIRO (31306).contact</t>
  </si>
  <si>
    <t>3f09add4-5ee4-4496-82d3-fd07a6de48d7.tmp</t>
  </si>
  <si>
    <t>\\acsfs\profiles$\gabrielarb\Downloads\3f09add4-5ee4-4496-82d3-fd07a6de48d7.tmp</t>
  </si>
  <si>
    <t>2325184d-c07b-423f-bfb3-bd9be9555b31.tmp</t>
  </si>
  <si>
    <t>\\acsfs\profiles$\gabrielarb\Downloads\2325184d-c07b-423f-bfb3-bd9be9555b31.tmp</t>
  </si>
  <si>
    <t>cdd1ce58-d806-4c59-88e8-1984fcca2e93.tmp</t>
  </si>
  <si>
    <t>\\acsfs\profiles$\gabrielarb\Downloads\cdd1ce58-d806-4c59-88e8-1984fcca2e93.tmp</t>
  </si>
  <si>
    <t>4bcf8954-50ea-4449-9235-d42a7d7f26f4.tmp</t>
  </si>
  <si>
    <t>\\acsfs\profiles$\gabrielarb\Downloads\4bcf8954-50ea-4449-9235-d42a7d7f26f4.tmp</t>
  </si>
  <si>
    <t>relatorio Nov.xls</t>
  </si>
  <si>
    <t>2e193f62-cd50-4f80-8438-7aa7479d6e2e.tmp</t>
  </si>
  <si>
    <t>\\acsfs\profiles$\mariajra\Downloads\2e193f62-cd50-4f80-8438-7aa7479d6e2e.tmp</t>
  </si>
  <si>
    <t>bccadecb-a43d-4af7-b797-89d91047bc07.tmp</t>
  </si>
  <si>
    <t>\\acsfs\profiles$\danielmlds\Downloads\bccadecb-a43d-4af7-b797-89d91047bc07.tmp</t>
  </si>
  <si>
    <t>34c3d299-d5ee-4ac3-a3d4-ec23fa05f906.tmp</t>
  </si>
  <si>
    <t>\\acsfs\profiles$\mariagsg\Downloads\34c3d299-d5ee-4ac3-a3d4-ec23fa05f906.tmp</t>
  </si>
  <si>
    <t>e45d0dae-a6d6-46c1-b8bb-36915b4722c7.tmp</t>
  </si>
  <si>
    <t>\\acsfs\profiles$\mariagsg\Downloads\e45d0dae-a6d6-46c1-b8bb-36915b4722c7.tmp</t>
  </si>
  <si>
    <t>Q29udHJvbGxlci5QYXl3YXJlXzEtMg-- (7).ica</t>
  </si>
  <si>
    <t>\\acsfs\profiles$\mariagsg\Downloads\Q29udHJvbGxlci5QYXl3YXJlXzEtMg-- (7).ica</t>
  </si>
  <si>
    <t>mail.google.com/sync/u/0/i/s?hl=pt-BR&amp;c=693</t>
  </si>
  <si>
    <t>mail.google.com/_/upload?authuser=0&amp;dcp=asu-n&amp;upload_id=AEnB2UqEqNDfQ200rwZgrk2Pu3DODDXRmu-Ve6BiL6GLO--BO7U6ujZXxU31h5XRGAqHuWMEn5JIEvXsg6xPrK_bfDSQo2aZ9MeubirbxvB6eCTCMkGQDcY&amp;upload_protocol=resumable</t>
  </si>
  <si>
    <t>\\udpavonfs01\AVON\06. PCP\JOSÉ AFONSO DA SILVA NETO\RANKING\Ranking_Jan.20.rar\</t>
  </si>
  <si>
    <t>1ccb48da-e191-40a5-816d-27c4facbfb2d.tmp</t>
  </si>
  <si>
    <t>\\acsfs\profiles$\claudiajca\Downloads\1ccb48da-e191-40a5-816d-27c4facbfb2d.tmp</t>
  </si>
  <si>
    <t>ef5a7781-ca9c-4fcc-8cb6-16f19fbc99eb.tmp</t>
  </si>
  <si>
    <t>\\acsfs\profiles$\gabrielarb\Downloads\ef5a7781-ca9c-4fcc-8cb6-16f19fbc99eb.tmp</t>
  </si>
  <si>
    <t>bf63b12f-f6a4-410e-ba44-954fc2210ba5.tmp</t>
  </si>
  <si>
    <t>\\acsfs\profiles$\gabrielarb\Downloads\bf63b12f-f6a4-410e-ba44-954fc2210ba5.tmp</t>
  </si>
  <si>
    <t>cfcb0fa5-2ba4-42ec-8445-6d7f614f6b1d.tmp</t>
  </si>
  <si>
    <t>\\acsfs\profiles$\gabrielarb\Downloads\cfcb0fa5-2ba4-42ec-8445-6d7f614f6b1d.tmp</t>
  </si>
  <si>
    <t>6d87d06e-d1f9-4117-8054-e0668a426e74.tmp</t>
  </si>
  <si>
    <t>\\acsfs\profiles$\mariagsg\Downloads\6d87d06e-d1f9-4117-8054-e0668a426e74.tmp</t>
  </si>
  <si>
    <t>f18a3bab-8e45-491a-bfa6-10e0a5cafa67.tmp</t>
  </si>
  <si>
    <t>\\acsfs\profiles$\mariagsg\Downloads\f18a3bab-8e45-491a-bfa6-10e0a5cafa67.tmp</t>
  </si>
  <si>
    <t>5aa7c360-a4dd-41c4-8f37-0b30552125db.tmp</t>
  </si>
  <si>
    <t>\\acsfs\profiles$\mariagsg\Downloads\5aa7c360-a4dd-41c4-8f37-0b30552125db.tmp</t>
  </si>
  <si>
    <t>69eabc9e-c173-4204-9a80-b57ab4a3ea20.tmp</t>
  </si>
  <si>
    <t>\\acsfs\profiles$\mariagsg\Downloads\69eabc9e-c173-4204-9a80-b57ab4a3ea20.tmp</t>
  </si>
  <si>
    <t>a5eed411-c413-4fcf-bd48-2d58c3512c5a.tmp</t>
  </si>
  <si>
    <t>\\acsfs\profiles$\mariagsg\Downloads\a5eed411-c413-4fcf-bd48-2d58c3512c5a.tmp</t>
  </si>
  <si>
    <t>925f3695-deab-4549-be71-9f33ebd2c6fa.tmp</t>
  </si>
  <si>
    <t>\\acsfs\profiles$\mariagsg\Downloads\925f3695-deab-4549-be71-9f33ebd2c6fa.tmp</t>
  </si>
  <si>
    <t>dd849a9e-7feb-4386-b4b0-1ee88bfb657d.tmp</t>
  </si>
  <si>
    <t>\\acsfs\profiles$\mariagsg\Downloads\dd849a9e-7feb-4386-b4b0-1ee88bfb657d.tmp</t>
  </si>
  <si>
    <t>mail.google.com/sync/u/0/i/s?hl=pt-BR&amp;c=695</t>
  </si>
  <si>
    <t>mail.google.com/sync/u/0/i/s?hl=pt-BR&amp;c=698</t>
  </si>
  <si>
    <t>mail.google.com/sync/u/0/i/s?hl=pt-BR&amp;c=715</t>
  </si>
  <si>
    <t>mail.google.com/sync/u/0/i/s?hl=pt-BR&amp;c=717</t>
  </si>
  <si>
    <t>mail.google.com/sync/u/0/i/s?hl=pt-BR&amp;c=719</t>
  </si>
  <si>
    <t>andrelpsa@algartech.com;joaogvc@algartech.com;leonardoao@algartech.com;marianadjc@algartech.com;maristelavodq@bv.algartech.com;paulacn@algartech.com;planejamentodeoperacoesetrafego@bv.com.br;rafaelggs@algartech.com;supervisaobancovotorantim@algartech.com;taysdss@algartech.com;viniciussg@algartech.com;</t>
  </si>
  <si>
    <t>andrelpsa@algartech.com,joaogvc@algartech.com,leonardoao@algartech.com,marianadjc@algartech.com,maristelavodq@bv.algartech.com,paulacn@algartech.com,planejamentodeoperacoesetrafego@bv.com.br,rafaelggs@algartech.com,supervisaobancovotorantim@algartech.com,taysdss@algartech.com,viniciussg@algartech.com</t>
  </si>
  <si>
    <t>mail.google.com/sync/u/0/i/s?hl=pt-BR&amp;c=721</t>
  </si>
  <si>
    <t>mail.google.com/sync/u/0/i/s?hl=pt-BR&amp;c=723</t>
  </si>
  <si>
    <t>mail.google.com/sync/u/0/i/s?hl=pt-BR&amp;c=727</t>
  </si>
  <si>
    <t>5622a836-5ed4-483e-9d07-9930b8a5d866.tmp</t>
  </si>
  <si>
    <t>\\acsfs\profiles$\regisedsj\Downloads\5622a836-5ed4-483e-9d07-9930b8a5d866.tmp</t>
  </si>
  <si>
    <t>ea882d1c-70a5-411b-bf41-8711ac8da82b.tmp</t>
  </si>
  <si>
    <t>\\acsfs\profiles$\mariagsg\Downloads\ea882d1c-70a5-411b-bf41-8711ac8da82b.tmp</t>
  </si>
  <si>
    <t>8bfa7fb9-c5e1-4b91-9746-5518c1dc4662.tmp</t>
  </si>
  <si>
    <t>\\acsfs\profiles$\mariagsg\Downloads\8bfa7fb9-c5e1-4b91-9746-5518c1dc4662.tmp</t>
  </si>
  <si>
    <t>516557b7-1869-4ee8-b212-559b7449a286.tmp</t>
  </si>
  <si>
    <t>\\acsfs\profiles$\mariagsg\Downloads\516557b7-1869-4ee8-b212-559b7449a286.tmp</t>
  </si>
  <si>
    <t>b9dd37d6-7c21-4b5a-9009-9c8c00b1f810.tmp</t>
  </si>
  <si>
    <t>\\acsfs\profiles$\mariagsg\Downloads\b9dd37d6-7c21-4b5a-9009-9c8c00b1f810.tmp</t>
  </si>
  <si>
    <t>79c8e620-ae21-4a30-8233-2449f2078657.tmp</t>
  </si>
  <si>
    <t>\\acsfs\profiles$\PEDROHAB\Downloads\79c8e620-ae21-4a30-8233-2449f2078657.tmp</t>
  </si>
  <si>
    <t>dc8a54c0-37e6-409a-b8dc-417e71aae585.tmp</t>
  </si>
  <si>
    <t>\\acsfs\profiles$\cintiadcf\Downloads\dc8a54c0-37e6-409a-b8dc-417e71aae585.tmp</t>
  </si>
  <si>
    <t>https://joaogvc@algartech.com,marianadjc@algartech.com,planejamentodeoperacoesetrafego@bv.com.br,rafaelggs@algartech.com,taysdss@algartech.com,viniciussg@algartech.com</t>
  </si>
  <si>
    <t>245371ab-9b0b-424a-b120-fbb82153b95a.tmp</t>
  </si>
  <si>
    <t>\\acsfs\profiles$\fabianobmf\Downloads\245371ab-9b0b-424a-b120-fbb82153b95a.tmp</t>
  </si>
  <si>
    <t>a4cb4af0-7cda-4ba2-815e-33e3267c2bd5.tmp</t>
  </si>
  <si>
    <t>\\acsfs\profiles$\fabianobmf\Downloads\a4cb4af0-7cda-4ba2-815e-33e3267c2bd5.tmp</t>
  </si>
  <si>
    <t>d0d985da-f7f9-4de1-a50b-4b1ffc8ead8d.tmp</t>
  </si>
  <si>
    <t>\\acsfs\profiles$\JOAOVAL\Downloads\d0d985da-f7f9-4de1-a50b-4b1ffc8ead8d.tmp</t>
  </si>
  <si>
    <t>0fac1dfb-5dd3-4f8a-919e-68231062c0e5.tmp</t>
  </si>
  <si>
    <t>\\acsfs\profiles$\mariliafplb\Downloads\0fac1dfb-5dd3-4f8a-919e-68231062c0e5.tmp</t>
  </si>
  <si>
    <t>ebe0d6fc-7355-45e0-984c-5aeb4167232c.tmp</t>
  </si>
  <si>
    <t>\\acsfs\profiles$\mariagsg\Downloads\ebe0d6fc-7355-45e0-984c-5aeb4167232c.tmp</t>
  </si>
  <si>
    <t>f9c180ea-a9d7-420d-8b99-c67f6cd44b98.tmp</t>
  </si>
  <si>
    <t>\\acsfs\profiles$\mariagsg\Downloads\f9c180ea-a9d7-420d-8b99-c67f6cd44b98.tmp</t>
  </si>
  <si>
    <t>c4011e13-f526-4d78-a56a-a5b110275439.tmp</t>
  </si>
  <si>
    <t>\\acsfs\profiles$\cintiadcf\Downloads\c4011e13-f526-4d78-a56a-a5b110275439.tmp</t>
  </si>
  <si>
    <t>https://algar.folhasinergyrh.com.br/rescisao/upload?id=0&amp;idsolicitacao=17719&amp;idprerescisao=0</t>
  </si>
  <si>
    <t>03/01/2020;</t>
  </si>
  <si>
    <t>https://03/01/2020</t>
  </si>
  <si>
    <t>\\acsfs\ACS\Gabriel da Silva\Contemporânea\BDBV\9F8ED3D.tmp\</t>
  </si>
  <si>
    <t>\\acsfs\ACS\Gabriel da Silva\Contemporânea\BDBV\9F8ED3D.tmp\:Zone.Identifier:$DATA</t>
  </si>
  <si>
    <t>\\acsfs\ACS\Gabriel da Silva\Contemporânea\BDBV\Banco de Dados BV 12-2019.xlsx\</t>
  </si>
  <si>
    <t>\\acsfs\ACS\Gabriel da Silva\Contemporânea\BDBV\Banco de Dados BV 12-2019.xlsx</t>
  </si>
  <si>
    <t>1d9805ba-2c45-4931-9c96-34567e10ce79.tmp</t>
  </si>
  <si>
    <t>\\acsfs\profiles$\vivianealda\Downloads\1d9805ba-2c45-4931-9c96-34567e10ce79.tmp</t>
  </si>
  <si>
    <t>10.250.255.49</t>
  </si>
  <si>
    <t>NB-FABIANOWO</t>
  </si>
  <si>
    <t>fabianowo</t>
  </si>
  <si>
    <t>mail.google.com/_/upload?authuser=2&amp;dcp=asu-n&amp;upload_id=AEnB2UrcxqAkOASS3v-UOsI8-XwKSoKcWvf5AYoAl13TwTTE29APqZjWR8QL3KklajQ7S4zmFqHaEAGQ396WZZshXbEILBC8Eg&amp;upload_protocol=resumable</t>
  </si>
  <si>
    <t>C:\Users\fabianowo.ACS\Desktop\</t>
  </si>
  <si>
    <t>Plan Precificacao C019 B019_1.xlsb</t>
  </si>
  <si>
    <t>C:\Users\fabianowo.ACS\Desktop\Plan Precificacao C019 B019_1.xlsb\</t>
  </si>
  <si>
    <t>c2082dab-687d-4c10-8857-a9e546c788b9.tmp</t>
  </si>
  <si>
    <t>\\acsfs\profiles$\mariagsg\Downloads\c2082dab-687d-4c10-8857-a9e546c788b9.tmp</t>
  </si>
  <si>
    <t>03f4e90c-187a-4d03-9ce7-39187d9d409f.tmp</t>
  </si>
  <si>
    <t>\\acsfs\profiles$\mariagsg\Downloads\03f4e90c-187a-4d03-9ce7-39187d9d409f.tmp</t>
  </si>
  <si>
    <t>d9164278-40e8-4f21-8090-8ad8bca5db71.tmp</t>
  </si>
  <si>
    <t>\\acsfs\profiles$\lucasqdss\Downloads\d9164278-40e8-4f21-8090-8ad8bca5db71.tmp</t>
  </si>
  <si>
    <t>lu141881g2wtb.tmp</t>
  </si>
  <si>
    <t>\\acsfs\profiles$\ALEXANDREMM\lu141881g2wtb.tmp</t>
  </si>
  <si>
    <t>\\acsfs\profiles$\ALEXANDREMM\lu141881g2wtb.tmp\</t>
  </si>
  <si>
    <t>\\acsfs\profiles$\ALEXANDREMM\lu141881g2wtb.tmp\META-INF\</t>
  </si>
  <si>
    <t>\\acsfs\profiles$\ALEXANDREMM\lu141881g2wtb.tmp\Thumbnails\</t>
  </si>
  <si>
    <t>1b113e11-9fb4-4342-8ac2-3a739a6a57da.tmp</t>
  </si>
  <si>
    <t>\\acsfs\profiles$\lucasgpe\Downloads\1b113e11-9fb4-4342-8ac2-3a739a6a57da.tmp</t>
  </si>
  <si>
    <t>a9c6467a-9521-4519-bd56-a622d1181865.tmp</t>
  </si>
  <si>
    <t>\\acsfs\profiles$\isabellegtds\Downloads\a9c6467a-9521-4519-bd56-a622d1181865.tmp</t>
  </si>
  <si>
    <t>276a286a-2f82-4e6d-a043-a4dc7202166a.tmp</t>
  </si>
  <si>
    <t>\\acsfs\profiles$\sarahbal\Downloads\276a286a-2f82-4e6d-a043-a4dc7202166a.tmp</t>
  </si>
  <si>
    <t>4531f258-409b-412c-b929-652281140a20.tmp</t>
  </si>
  <si>
    <t>\\acsfs\profiles$\bernardopcm\Downloads\4531f258-409b-412c-b929-652281140a20.tmp</t>
  </si>
  <si>
    <t>0126d4bd-2f48-4219-90d0-5d5bb13ba1f7.tmp</t>
  </si>
  <si>
    <t>\\acsfs\profiles$\bernardopcm\Downloads\0126d4bd-2f48-4219-90d0-5d5bb13ba1f7.tmp</t>
  </si>
  <si>
    <t>c120111a-c9b8-455a-8c0c-55a7dd1f1ad8.tmp</t>
  </si>
  <si>
    <t>\\acsfs\profiles$\bernardopcm\Downloads\c120111a-c9b8-455a-8c0c-55a7dd1f1ad8.tmp</t>
  </si>
  <si>
    <t>df55bba2-88e4-413a-8d9c-fb72c7cb972b.tmp</t>
  </si>
  <si>
    <t>\\acsfs\profiles$\bernardopcm\Downloads\df55bba2-88e4-413a-8d9c-fb72c7cb972b.tmp</t>
  </si>
  <si>
    <t>a387ab68-4bfa-4c4d-9ad2-bab9ea51dc3d.tmp</t>
  </si>
  <si>
    <t>\\acsfs\profiles$\bernardopcm\Downloads\a387ab68-4bfa-4c4d-9ad2-bab9ea51dc3d.tmp</t>
  </si>
  <si>
    <t>1be4194d-10b8-4a5b-8633-0eedb4535dde.tmp</t>
  </si>
  <si>
    <t>\\acsfs\profiles$\bernardopcm\Downloads\1be4194d-10b8-4a5b-8633-0eedb4535dde.tmp</t>
  </si>
  <si>
    <t>lu1144jm4s.tmp</t>
  </si>
  <si>
    <t>\\acsfs\profiles$\LUCASBS\Planilhas\lu1144jm4s.tmp</t>
  </si>
  <si>
    <t>be0697ae-4a69-4351-a80d-eb0f1fedc989.tmp</t>
  </si>
  <si>
    <t>\\acsfs\profiles$\mariagsg\Downloads\be0697ae-4a69-4351-a80d-eb0f1fedc989.tmp</t>
  </si>
  <si>
    <t>lu54043tp635.tmp</t>
  </si>
  <si>
    <t>\\acsfs\profiles$\CLAUDIAJCA\lu54043tp635.tmp</t>
  </si>
  <si>
    <t>\\acsfs\profiles$\CLAUDIAJCA\lu54043tp635.tmp\</t>
  </si>
  <si>
    <t>\\acsfs\profiles$\CLAUDIAJCA\lu54043tp635.tmp\META-INF\</t>
  </si>
  <si>
    <t>\\acsfs\profiles$\CLAUDIAJCA\lu54043tp635.tmp\Thumbnails\</t>
  </si>
  <si>
    <t>c3f2dd9c-8ac6-46a0-bc8c-199614c44f7f.tmp</t>
  </si>
  <si>
    <t>\\acsfs\profiles$\sarahbal\Downloads\c3f2dd9c-8ac6-46a0-bc8c-199614c44f7f.tmp</t>
  </si>
  <si>
    <t>1cd0821e-9b2c-4179-8b62-d76a17587290.tmp</t>
  </si>
  <si>
    <t>\\acsfs\profiles$\mariajra\Downloads\1cd0821e-9b2c-4179-8b62-d76a17587290.tmp</t>
  </si>
  <si>
    <t>5116b1f1-1fc5-4a22-b6bc-032b1a807043.tmp</t>
  </si>
  <si>
    <t>\\acsfs\profiles$\mariagsg\Downloads\5116b1f1-1fc5-4a22-b6bc-032b1a807043.tmp</t>
  </si>
  <si>
    <t>2ebe0fe6-b3c9-4335-9384-c940cb082c81.tmp</t>
  </si>
  <si>
    <t>\\acsfs\profiles$\mariagsg\Downloads\2ebe0fe6-b3c9-4335-9384-c940cb082c81.tmp</t>
  </si>
  <si>
    <t>evertonpdsr@algartech.com.br;leonardoamf@algartech.com.br;selmaasr@algartech.com.br;</t>
  </si>
  <si>
    <t>evertonpdsr@algartech.com.br,leonardoamf@algartech.com.br,selmaasr@algartech.com.br</t>
  </si>
  <si>
    <t>2019e759-a672-4a12-b063-56c4d95ce5f3.tmp</t>
  </si>
  <si>
    <t>\\acsfs\profiles$\kamilamrc\Downloads\2019e759-a672-4a12-b063-56c4d95ce5f3.tmp</t>
  </si>
  <si>
    <t>\\acsfs\ACS\Gabriel da Silva\Contemporânea\Gen\</t>
  </si>
  <si>
    <t>Não confirmado 670543.crdownload</t>
  </si>
  <si>
    <t>\\acsfs\ACS\Gabriel da Silva\Contemporânea\Gen\Não confirmado 670543.crdownload</t>
  </si>
  <si>
    <t>e2190016-a103-47c1-b962-840ecf6f5016.tmp</t>
  </si>
  <si>
    <t>\\acsfs\profiles$\mariajra\Downloads\e2190016-a103-47c1-b962-840ecf6f5016.tmp</t>
  </si>
  <si>
    <t>84b2fec6-1716-4965-bc51-0c79c2f0c555.tmp</t>
  </si>
  <si>
    <t>\\acsfs\profiles$\karinarm\Downloads\84b2fec6-1716-4965-bc51-0c79c2f0c555.tmp</t>
  </si>
  <si>
    <t>lu77912bfudpy.tmp</t>
  </si>
  <si>
    <t>\\acsfs\profiles$\BRUNAAR\Numero\lu77912bfudpy.tmp</t>
  </si>
  <si>
    <t>2aae2dff-a923-4977-ace8-5c557b02eac8.tmp</t>
  </si>
  <si>
    <t>\\acsfs\profiles$\rafaelahpn\Downloads\2aae2dff-a923-4977-ace8-5c557b02eac8.tmp</t>
  </si>
  <si>
    <t>a89c72a5-733d-42b2-9b48-883e2c1bcd91.tmp</t>
  </si>
  <si>
    <t>\\acsfs\profiles$\gabriellalpr\Downloads\a89c72a5-733d-42b2-9b48-883e2c1bcd91.tmp</t>
  </si>
  <si>
    <t>\\acsfs\ACS\Gabriel da Silva\Contemporânea\Acessos\518037D9.tmp\</t>
  </si>
  <si>
    <t>\\acsfs\ACS\Gabriel da Silva\Contemporânea\Acessos\518037D9.tmp\:Zone.Identifier:$DATA</t>
  </si>
  <si>
    <t>Usuários bloqueados-Algar v2.xlsx</t>
  </si>
  <si>
    <t>\\acsfs\ACS\Gabriel da Silva\Contemporânea\Acessos\Usuários bloqueados-Algar v2.xlsx</t>
  </si>
  <si>
    <t>ae23e59a-66fe-4dc6-9fc3-92a31c259341.tmp</t>
  </si>
  <si>
    <t>\\acsfs\profiles$\mariliafplb\Downloads\ae23e59a-66fe-4dc6-9fc3-92a31c259341.tmp</t>
  </si>
  <si>
    <t>727428e9-8161-4ac0-b12a-9819edaaedca.tmp</t>
  </si>
  <si>
    <t>\\acsfs\profiles$\mariagsg\Downloads\727428e9-8161-4ac0-b12a-9819edaaedca.tmp</t>
  </si>
  <si>
    <t>5349cacb-b42b-4c1b-b991-23610bc7af72.tmp</t>
  </si>
  <si>
    <t>\\acsfs\profiles$\gabriellalpr\Downloads\5349cacb-b42b-4c1b-b991-23610bc7af72.tmp</t>
  </si>
  <si>
    <t>e81b6951-1403-4a2e-b1aa-9e16487c8276.tmp</t>
  </si>
  <si>
    <t>\\acsfs\profiles$\gabriellalpr\Downloads\e81b6951-1403-4a2e-b1aa-9e16487c8276.tmp</t>
  </si>
  <si>
    <t>C:\Users\brunodaf\Desktop\</t>
  </si>
  <si>
    <t>Dashboard - TELECOM.xlsx</t>
  </si>
  <si>
    <t>\\acsfs\ACS\Gabriel da Silva\Contemporânea\BDBV\CD01BE04.tmp\</t>
  </si>
  <si>
    <t>\\acsfs\ACS\Gabriel da Silva\Contemporânea\BDBV\CD01BE04.tmp\:Zone.Identifier:$DATA</t>
  </si>
  <si>
    <t>Acompanhamento de solicitações.xlsm</t>
  </si>
  <si>
    <t>\\acsfs\ACS\Gabriel da Silva\Contemporânea\Acessos\Acompanhamento de solicitações.xlsm</t>
  </si>
  <si>
    <t>c20e8c67-d7a0-4766-be17-fd6f6307f0f9.tmp</t>
  </si>
  <si>
    <t>\\acsfs\profiles$\leticiala\Downloads\c20e8c67-d7a0-4766-be17-fd6f6307f0f9.tmp</t>
  </si>
  <si>
    <t>b640227b-d963-4a3b-a1a2-59613bf3bb02.tmp</t>
  </si>
  <si>
    <t>\\acsfs\profiles$\leticiala\Downloads\b640227b-d963-4a3b-a1a2-59613bf3bb02.tmp</t>
  </si>
  <si>
    <t>2998f081-cf98-4f13-9d3c-2304fe22aec0.tmp</t>
  </si>
  <si>
    <t>\\acsfs\profiles$\LAISLG\Downloads\2998f081-cf98-4f13-9d3c-2304fe22aec0.tmp</t>
  </si>
  <si>
    <t>eed78c4d-4db6-4857-9be9-f55cd35de49c.tmp</t>
  </si>
  <si>
    <t>\\acsfs\profiles$\LAISLG\Downloads\eed78c4d-4db6-4857-9be9-f55cd35de49c.tmp</t>
  </si>
  <si>
    <t>78eb9ed1-b56a-461f-9611-c5482649c554.tmp</t>
  </si>
  <si>
    <t>\\acsfs\profiles$\mariagsg\Downloads\78eb9ed1-b56a-461f-9611-c5482649c554.tmp</t>
  </si>
  <si>
    <t>45a0a939-80c2-46b6-affa-82c5fa269330.tmp</t>
  </si>
  <si>
    <t>\\acsfs\profiles$\rafaelahpn\Downloads\45a0a939-80c2-46b6-affa-82c5fa269330.tmp</t>
  </si>
  <si>
    <t>af209738-2e9c-48eb-a4b0-1214ba794fa2.tmp</t>
  </si>
  <si>
    <t>\\acsfs\profiles$\nathaliarmr\Downloads\af209738-2e9c-48eb-a4b0-1214ba794fa2.tmp</t>
  </si>
  <si>
    <t>628d2004-ea69-4aed-92a3-11922c69ee26.tmp</t>
  </si>
  <si>
    <t>\\acsfs\profiles$\wenderbnm\Downloads\628d2004-ea69-4aed-92a3-11922c69ee26.tmp</t>
  </si>
  <si>
    <t>28d60ed3-d66f-43fa-9b91-94d727c4ddef.tmp</t>
  </si>
  <si>
    <t>\\acsfs\profiles$\LAISLG\Downloads\28d60ed3-d66f-43fa-9b91-94d727c4ddef.tmp</t>
  </si>
  <si>
    <t>\\acsfs\DEPTOS\PMO Governança\03 - ACOMPANHAMENTO DE PROJETOS\STAFF DIGITAL\12 - PMO - STAFF DIGITAL 03_01.pptx\</t>
  </si>
  <si>
    <t>Microsoft_Excel_Worksheet1.xlsx</t>
  </si>
  <si>
    <t>Microsoft_Excel_Worksheet2.xlsx</t>
  </si>
  <si>
    <t>4eabc356-e7ec-415f-9c3c-0ef7b36c1ae3.tmp</t>
  </si>
  <si>
    <t>\\acsfs\profiles$\lucasqdss\Downloads\4eabc356-e7ec-415f-9c3c-0ef7b36c1ae3.tmp</t>
  </si>
  <si>
    <t>544c20ee-f860-49f7-aa6d-33026f5ee3d4.tmp</t>
  </si>
  <si>
    <t>\\acsfs\profiles$\ayalabfi\Downloads\544c20ee-f860-49f7-aa6d-33026f5ee3d4.tmp</t>
  </si>
  <si>
    <t>3ad14413-ff7b-411d-9d81-861e27b31640.tmp</t>
  </si>
  <si>
    <t>\\acsfs\profiles$\antoniosva\Downloads\3ad14413-ff7b-411d-9d81-861e27b31640.tmp</t>
  </si>
  <si>
    <t>Agent State Details 02.01.2020.xlsx</t>
  </si>
  <si>
    <t>\\acsfs\DEPTOS\Operacao\PCP\5 - Comum\PLANEJAMENTO BV\23 - EXTRAÇÕES\Agent State Details\2020\JANEIRO\Agent State Details 02.01.2020.xlsx</t>
  </si>
  <si>
    <t>94c215ed-8ee7-4d0c-b4e3-14bcfc6cceca.tmp</t>
  </si>
  <si>
    <t>\\acsfs\profiles$\andrezacapf\Downloads\94c215ed-8ee7-4d0c-b4e3-14bcfc6cceca.tmp</t>
  </si>
  <si>
    <t>9b187d07-eb4c-4475-b9cf-ab4c2aec407f.tmp</t>
  </si>
  <si>
    <t>\\acsfs\profiles$\andrezacapf\Downloads\9b187d07-eb4c-4475-b9cf-ab4c2aec407f.tmp</t>
  </si>
  <si>
    <t>ddda2a46-28ae-4b46-bfee-1b83e1f26dad.tmp</t>
  </si>
  <si>
    <t>\\acsfs\profiles$\andrezacapf\Downloads\ddda2a46-28ae-4b46-bfee-1b83e1f26dad.tmp</t>
  </si>
  <si>
    <t>a87d7908-a26d-4ff5-92cd-1f5a09c782f6.tmp</t>
  </si>
  <si>
    <t>\\acsfs\profiles$\andrezacapf\Downloads\a87d7908-a26d-4ff5-92cd-1f5a09c782f6.tmp</t>
  </si>
  <si>
    <t>54ab6592-27ce-4292-b285-5bfea7aa4893.tmp</t>
  </si>
  <si>
    <t>\\acsfs\profiles$\andrezacapf\Downloads\54ab6592-27ce-4292-b285-5bfea7aa4893.tmp</t>
  </si>
  <si>
    <t>ba736820-cba9-4748-b80e-bf7a4c2609c0.tmp</t>
  </si>
  <si>
    <t>\\acsfs\profiles$\andrezacapf\Downloads\ba736820-cba9-4748-b80e-bf7a4c2609c0.tmp</t>
  </si>
  <si>
    <t>f5658932-e616-4941-8de9-674718e73e7e.tmp</t>
  </si>
  <si>
    <t>\\acsfs\profiles$\KARENJSS\Downloads\f5658932-e616-4941-8de9-674718e73e7e.tmp</t>
  </si>
  <si>
    <t>9dbcd30b-836a-4250-a84c-ae9d86feb360.tmp</t>
  </si>
  <si>
    <t>\\acsfs\profiles$\henriquehmdo\Downloads\9dbcd30b-836a-4250-a84c-ae9d86feb360.tmp</t>
  </si>
  <si>
    <t>ba025fe9-3034-462d-9540-53903b1db32c.tmp</t>
  </si>
  <si>
    <t>\\acsfs\profiles$\mariajra\Downloads\ba025fe9-3034-462d-9540-53903b1db32c.tmp</t>
  </si>
  <si>
    <t>aeb8dc2b-83b8-49ff-8a69-ba354f6289c9.tmp</t>
  </si>
  <si>
    <t>\\acsfs\profiles$\quindaizaagds\Downloads\aeb8dc2b-83b8-49ff-8a69-ba354f6289c9.tmp</t>
  </si>
  <si>
    <t>590127e8-3289-491e-b552-1b4ec7c6f7e6.tmp</t>
  </si>
  <si>
    <t>\\acsfs\profiles$\brendadsl\Downloads\590127e8-3289-491e-b552-1b4ec7c6f7e6.tmp</t>
  </si>
  <si>
    <t>3fb56bd0-f012-47ac-82f6-b24a9c63b2d4.tmp</t>
  </si>
  <si>
    <t>\\acsfs\profiles$\brendadsl\Downloads\3fb56bd0-f012-47ac-82f6-b24a9c63b2d4.tmp</t>
  </si>
  <si>
    <t>afd17e6d-9973-4e84-934e-3500bd177a44.tmp</t>
  </si>
  <si>
    <t>\\acsfs\profiles$\brendadsl\Downloads\afd17e6d-9973-4e84-934e-3500bd177a44.tmp</t>
  </si>
  <si>
    <t>77b0b59f-a777-4f87-ad8d-aaac83141b68.tmp</t>
  </si>
  <si>
    <t>\\acsfs\profiles$\brendadsl\Downloads\77b0b59f-a777-4f87-ad8d-aaac83141b68.tmp</t>
  </si>
  <si>
    <t>1c2a9467-51d4-4c20-8c13-dbd1e2b9ffff.tmp</t>
  </si>
  <si>
    <t>\\acsfs\profiles$\brendadsl\Downloads\1c2a9467-51d4-4c20-8c13-dbd1e2b9ffff.tmp</t>
  </si>
  <si>
    <t>932273c0-dd27-41b9-88ef-2195e9b73b7e.tmp</t>
  </si>
  <si>
    <t>\\acsfs\profiles$\PEDROHAB\Downloads\932273c0-dd27-41b9-88ef-2195e9b73b7e.tmp</t>
  </si>
  <si>
    <t>41ad9233-a65f-4095-a678-675e60adb868.tmp</t>
  </si>
  <si>
    <t>\\acsfs\profiles$\luanarda\Downloads\41ad9233-a65f-4095-a678-675e60adb868.tmp</t>
  </si>
  <si>
    <t>\\acsfs\DEPTOS\Operacao\PCP\5 - Comum\PLANEJAMENTO BV\23 - EXTRAÇÕES\Agente Login Logout details report\2020\JANEIRO\</t>
  </si>
  <si>
    <t>AGENT LOGIN LOGOUT DETAILS REPORT 02.01.2020.xlsx</t>
  </si>
  <si>
    <t>\\acsfs\DEPTOS\Operacao\PCP\5 - Comum\PLANEJAMENTO BV\23 - EXTRAÇÕES\Agente Login Logout details report\2020\JANEIRO\AGENT LOGIN LOGOUT DETAILS REPORT 02.01.2020.xlsx</t>
  </si>
  <si>
    <t>5d721c9d-ad2f-4e1e-bc32-5382897fdc9b.tmp</t>
  </si>
  <si>
    <t>\\acsfs\profiles$\georgendsq\Downloads\5d721c9d-ad2f-4e1e-bc32-5382897fdc9b.tmp</t>
  </si>
  <si>
    <t>a7226bb5-096b-49b2-9f09-8e6f4151ccd7.tmp</t>
  </si>
  <si>
    <t>\\acsfs\profiles$\georgendsq\Downloads\a7226bb5-096b-49b2-9f09-8e6f4151ccd7.tmp</t>
  </si>
  <si>
    <t>dfb71fb7-fb4e-4b18-ba3f-1bf95ccf4597.tmp</t>
  </si>
  <si>
    <t>\\acsfs\profiles$\georgendsq\Downloads\dfb71fb7-fb4e-4b18-ba3f-1bf95ccf4597.tmp</t>
  </si>
  <si>
    <t>8cde6553-8148-4380-b5fa-6c4042f51b20.tmp</t>
  </si>
  <si>
    <t>\\acsfs\profiles$\georgendsq\Downloads\8cde6553-8148-4380-b5fa-6c4042f51b20.tmp</t>
  </si>
  <si>
    <t>f5486082-923c-4a2e-a1bf-ebc941c7d9e3.tmp</t>
  </si>
  <si>
    <t>\\acsfs\profiles$\georgendsq\Downloads\f5486082-923c-4a2e-a1bf-ebc941c7d9e3.tmp</t>
  </si>
  <si>
    <t>daa47d96-6677-4a16-b1a1-4325eef458bb.tmp</t>
  </si>
  <si>
    <t>\\acsfs\profiles$\georgendsq\Downloads\daa47d96-6677-4a16-b1a1-4325eef458bb.tmp</t>
  </si>
  <si>
    <t>f7698dd2-f163-448f-bcf5-e950698c157c.tmp</t>
  </si>
  <si>
    <t>\\acsfs\profiles$\andrezacapf\Downloads\f7698dd2-f163-448f-bcf5-e950698c157c.tmp</t>
  </si>
  <si>
    <t>b8b2698a-b0be-4ddd-acb3-653264d0ba43.tmp</t>
  </si>
  <si>
    <t>\\acsfs\profiles$\andrezacapf\Downloads\b8b2698a-b0be-4ddd-acb3-653264d0ba43.tmp</t>
  </si>
  <si>
    <t>cca58efb-14d8-44f7-9a48-9189198e8394.tmp</t>
  </si>
  <si>
    <t>\\acsfs\profiles$\andrezacapf\Downloads\cca58efb-14d8-44f7-9a48-9189198e8394.tmp</t>
  </si>
  <si>
    <t>ae1cfb2e-297f-42fa-9e51-3eaa61243b6e.tmp</t>
  </si>
  <si>
    <t>\\acsfs\profiles$\KARENJSS\Downloads\ae1cfb2e-297f-42fa-9e51-3eaa61243b6e.tmp</t>
  </si>
  <si>
    <t>451ec952-9852-4b1d-85e8-a384e5f3c0f2.tmp</t>
  </si>
  <si>
    <t>\\acsfs\profiles$\KARENJSS\Downloads\451ec952-9852-4b1d-85e8-a384e5f3c0f2.tmp</t>
  </si>
  <si>
    <t>1ca18259-3488-4822-8729-96abe847f52d.tmp</t>
  </si>
  <si>
    <t>\\acsfs\profiles$\lorenabmc\Downloads\1ca18259-3488-4822-8729-96abe847f52d.tmp</t>
  </si>
  <si>
    <t>310e2a5a-8d38-4dd7-87c7-97e57397acf2.tmp</t>
  </si>
  <si>
    <t>\\acsfs\profiles$\lorenabmc\Downloads\310e2a5a-8d38-4dd7-87c7-97e57397acf2.tmp</t>
  </si>
  <si>
    <t>4fd5a090-78be-4ff3-b6c5-6eddc51e2b38.tmp</t>
  </si>
  <si>
    <t>\\acsfs\profiles$\cintiadcf\Downloads\4fd5a090-78be-4ff3-b6c5-6eddc51e2b38.tmp</t>
  </si>
  <si>
    <t>crcevmc@algartech.com.br;</t>
  </si>
  <si>
    <t>ENC: Emissão cartão corporativo - Intercompany 0031 CRM:008840000079</t>
  </si>
  <si>
    <t>2.FORM_SOLICITAÇÃO CARTÃO CORPORATE_ CIA0031_Intercompany.xls</t>
  </si>
  <si>
    <t>crcevmc@algartech.com.br</t>
  </si>
  <si>
    <t>dd108fe1-5986-4e81-9116-fdcba60f0cc7.tmp</t>
  </si>
  <si>
    <t>\\acsfs\profiles$\gabrielarb\Downloads\dd108fe1-5986-4e81-9116-fdcba60f0cc7.tmp</t>
  </si>
  <si>
    <t>\\acsfs\ACS\Gabriel da Silva\Contemporânea\Acessos\B5C91D25.tmp\</t>
  </si>
  <si>
    <t>\\acsfs\ACS\Gabriel da Silva\Contemporânea\Acessos\B5C91D25.tmp\:Zone.Identifier:$DATA</t>
  </si>
  <si>
    <t>mail.google.com/sync/u/0/i/s?hl=pt-BR&amp;c=842</t>
  </si>
  <si>
    <t>mail.google.com/sync/u/0/i/s?hl=pt-BR&amp;c=844</t>
  </si>
  <si>
    <t>mail.google.com/sync/u/0/i/s?hl=pt-BR&amp;c=846</t>
  </si>
  <si>
    <t>mail.google.com/sync/u/0/i/s?hl=pt-BR&amp;c=853</t>
  </si>
  <si>
    <t>mail.google.com/sync/u/0/i/s?hl=pt-BR&amp;c=855</t>
  </si>
  <si>
    <t>mail.google.com/sync/u/0/i/s?hl=pt-BR&amp;c=857</t>
  </si>
  <si>
    <t>mail.google.com/sync/u/0/i/s?hl=pt-BR&amp;c=859</t>
  </si>
  <si>
    <t>b438fcfd-9e0d-4ce7-a4c1-de76d5810850.tmp</t>
  </si>
  <si>
    <t>\\acsfs\profiles$\georgendsq\Downloads\b438fcfd-9e0d-4ce7-a4c1-de76d5810850.tmp</t>
  </si>
  <si>
    <t>596a4c26-8761-40c0-b952-00a361c9797e.tmp</t>
  </si>
  <si>
    <t>\\acsfs\profiles$\KARENJSS\Downloads\596a4c26-8761-40c0-b952-00a361c9797e.tmp</t>
  </si>
  <si>
    <t>c5794c89-4cb4-4939-bd25-a982e820945a.tmp</t>
  </si>
  <si>
    <t>\\acsfs\profiles$\marcosvnds\Downloads\c5794c89-4cb4-4939-bd25-a982e820945a.tmp</t>
  </si>
  <si>
    <t>39a3a027-ee40-4ca7-a2d4-c56d4fc36379.tmp</t>
  </si>
  <si>
    <t>\\acsfs\profiles$\marcosvnds\Downloads\39a3a027-ee40-4ca7-a2d4-c56d4fc36379.tmp</t>
  </si>
  <si>
    <t>2bf8a9bb-b30e-46f5-a03d-2b2690febd2a.tmp</t>
  </si>
  <si>
    <t>\\acsfs\profiles$\marcosvnds\Downloads\2bf8a9bb-b30e-46f5-a03d-2b2690febd2a.tmp</t>
  </si>
  <si>
    <t>22bf3b8b-874d-43dd-980f-5e035c297169.tmp</t>
  </si>
  <si>
    <t>\\acsfs\profiles$\marcosvnds\Downloads\22bf3b8b-874d-43dd-980f-5e035c297169.tmp</t>
  </si>
  <si>
    <t>lu444485bghrl.tmp</t>
  </si>
  <si>
    <t>\\acsfs\profiles$\isabeldst\My Documents\lu444485bghrl.tmp</t>
  </si>
  <si>
    <t>\\acsfs\profiles$\isabeldst\My Documents\lu444485bghrl.tmp\</t>
  </si>
  <si>
    <t>\\acsfs\profiles$\isabeldst\My Documents\lu444485bghrl.tmp\META-INF\</t>
  </si>
  <si>
    <t>\\acsfs\profiles$\isabeldst\My Documents\lu444485bghrl.tmp\Thumbnails\</t>
  </si>
  <si>
    <t>cab672f1-6c44-4d82-bd7d-17afa8521800.tmp</t>
  </si>
  <si>
    <t>\\acsfs\profiles$\lorenabmc\Downloads\cab672f1-6c44-4d82-bd7d-17afa8521800.tmp</t>
  </si>
  <si>
    <t>5286c76d-2f11-4d71-a421-23bec17eb676.tmp</t>
  </si>
  <si>
    <t>\\acsfs\profiles$\lorenabmc\Downloads\5286c76d-2f11-4d71-a421-23bec17eb676.tmp</t>
  </si>
  <si>
    <t>2c861bad-44aa-4cef-976a-bfb1e750c8a5.tmp</t>
  </si>
  <si>
    <t>\\acsfs\profiles$\vivianibfs\Downloads\2c861bad-44aa-4cef-976a-bfb1e750c8a5.tmp</t>
  </si>
  <si>
    <t>lu3136u81y.tmp</t>
  </si>
  <si>
    <t>\\acsfs\profiles$\jonathanwap\lu3136u81y.tmp</t>
  </si>
  <si>
    <t>\\acsfs\profiles$\jonathanwap\lu3136u81y.tmp\</t>
  </si>
  <si>
    <t>\\acsfs\profiles$\jonathanwap\lu3136u81y.tmp\META-INF\</t>
  </si>
  <si>
    <t>\\acsfs\profiles$\jonathanwap\lu3136u81y.tmp\Thumbnails\</t>
  </si>
  <si>
    <t>mail.google.com/sync/u/0/i/s?hl=pt-BR&amp;c=873</t>
  </si>
  <si>
    <t>mail.google.com/sync/u/0/i/s?hl=pt-BR&amp;c=876</t>
  </si>
  <si>
    <t>mail.google.com/sync/u/0/i/s?hl=pt-BR&amp;c=905</t>
  </si>
  <si>
    <t>adriana.oliveira@avon.com;alessandragdsb@algartech.com;alexmarques.silva@avon.com;algartechcpcbv@algartech.com;anderson.negrisoli@avon.com;andrelpsa@algartech.com;edelvan.reginaldo@avon.com;joseasn@algartech.com;josiascdsj@algartech.com;juan.lopes@avon.com;leonardoao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lgartechcpcbv@algartech.com,anderson.negrisoli@avon.com,andrelpsa@algartech.com,edelvan.reginaldo@avon.com,joseasn@algartech.com,josiascdsj@algartech.com,juan.lopes@avon.com,leonardoao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mail.google.com/sync/u/0/i/s?hl=pt-BR&amp;c=910</t>
  </si>
  <si>
    <t>mail.google.com/sync/u/0/i/s?hl=pt-BR&amp;c=915</t>
  </si>
  <si>
    <t>adriana.oliveira@avon.com;alessandragdsb@algartech.com;alexmarques.silva@avon.com;anderson.negrisoli@avon.com;andrelpsa@algartech.com;catianalv@algartech.com;cpc-controldeskavon@algartech.com;edelvan.reginaldo@avon.com;joseasn@algartech.com;josiascdsj@algartech.com;juan.lopes@avon.com;leonardoao@algartech.com;lucianarsantos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nderson.negrisoli@avon.com,andrelpsa@algartech.com,catianalv@algartech.com,cpc-controldeskavon@algartech.com,edelvan.reginaldo@avon.com,joseasn@algartech.com,josiascdsj@algartech.com,juan.lopes@avon.com,leonardoao@algartech.com,lucianarsantos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mail.google.com/sync/u/0/i/s?hl=pt-BR&amp;c=920</t>
  </si>
  <si>
    <t>mail.google.com/sync/u/0/i/s?hl=pt-BR&amp;c=925</t>
  </si>
  <si>
    <t>adriana.oliveira@avon.com;alessandragdsb@algartech.com;alexmarques.silva@avon.com;algartechcpcbv@algartech.com;anderson.negrisoli@avon.com;andrelpsa@algartech.com;cpc-controldeskavon@algartech.com;edelvan.reginaldo@avon.com;joseasn@algartech.com;josiascdsj@algartech.com;juan.lopes@avon.com;leonardoao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lgartechcpcbv@algartech.com,anderson.negrisoli@avon.com,andrelpsa@algartech.com,cpc-controldeskavon@algartech.com,edelvan.reginaldo@avon.com,joseasn@algartech.com,josiascdsj@algartech.com,juan.lopes@avon.com,leonardoao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\\acsfs\deptos\Operacao\PCP\5 - Comum\CONTROL DESK\2 - DAC2\Control Desk AVON\Relatorios\Status de login\2020\</t>
  </si>
  <si>
    <t>02-01 RELATORIO DE LOGIN AVON.xlsm</t>
  </si>
  <si>
    <t>\\acsfs\deptos\Operacao\PCP\5 - Comum\CONTROL DESK\2 - DAC2\Control Desk AVON\Relatorios\Status de login\2020\02-01 RELATORIO DE LOGIN AVON.xlsm</t>
  </si>
  <si>
    <t>04d5f17e-ab95-4cf2-b0f5-1a22d8e838d5.tmp</t>
  </si>
  <si>
    <t>\\acsfs\profiles$\marcosvnds\Downloads\04d5f17e-ab95-4cf2-b0f5-1a22d8e838d5.tmp</t>
  </si>
  <si>
    <t>51833fd0-455a-4f9f-9d2d-41c3023d1298.tmp</t>
  </si>
  <si>
    <t>\\acsfs\profiles$\marcosvnds\Downloads\51833fd0-455a-4f9f-9d2d-41c3023d1298.tmp</t>
  </si>
  <si>
    <t>a97bf8fc-94ec-4ca4-b3d9-b062feb25403.tmp</t>
  </si>
  <si>
    <t>\\acsfs\profiles$\mariliafplb\Downloads\a97bf8fc-94ec-4ca4-b3d9-b062feb25403.tmp</t>
  </si>
  <si>
    <t>473bbe0d-93ca-4b65-9c77-d2543c00abec.tmp</t>
  </si>
  <si>
    <t>\\acsfs\profiles$\websondsa\Downloads\473bbe0d-93ca-4b65-9c77-d2543c00abec.tmp</t>
  </si>
  <si>
    <t>0ee3dfa0-cc1b-45db-934b-742a875c5928.tmp</t>
  </si>
  <si>
    <t>\\acsfs\profiles$\larissaad\Downloads\0ee3dfa0-cc1b-45db-934b-742a875c5928.tmp</t>
  </si>
  <si>
    <t>joaogvc@algartech.com;leonardoao@algartech.com;marianadjc@algartech.com;rafaelggs@algartech.com;taysdss@algartech.com;thiagordu@algartech.com;viniciussg@algartech.com;</t>
  </si>
  <si>
    <t>joaogvc@algartech.com,leonardoao@algartech.com,marianadjc@algartech.com,rafaelggs@algartech.com,taysdss@algartech.com,thiagordu@algartech.com,viniciussg@algartech.com</t>
  </si>
  <si>
    <t>c1a41f7c-3351-435a-8284-f0b5666f72d4.tmp</t>
  </si>
  <si>
    <t>\\acsfs\profiles$\gabrielamdp\Downloads\c1a41f7c-3351-435a-8284-f0b5666f72d4.tmp</t>
  </si>
  <si>
    <t>48fd42a2-6cb5-48b5-9e39-ec92458ceec6.tmp</t>
  </si>
  <si>
    <t>\\acsfs\profiles$\gabrielamdp\Downloads\48fd42a2-6cb5-48b5-9e39-ec92458ceec6.tmp</t>
  </si>
  <si>
    <t>100f4aa3-0e18-47b7-8fc0-2b9a75639697.tmp</t>
  </si>
  <si>
    <t>\\acsfs\profiles$\nathaliarmr\Downloads\100f4aa3-0e18-47b7-8fc0-2b9a75639697.tmp</t>
  </si>
  <si>
    <t>f85f756b-d6ea-4e34-a215-877ccb0806e2.tmp</t>
  </si>
  <si>
    <t>\\acsfs\profiles$\gabriellalpr\Downloads\f85f756b-d6ea-4e34-a215-877ccb0806e2.tmp</t>
  </si>
  <si>
    <t>andrelpsa@algartech.com;</t>
  </si>
  <si>
    <t>andrelpsa@algartech.com</t>
  </si>
  <si>
    <t>mail.google.com/sync/u/0/i/s?hl=pt-BR&amp;c=367</t>
  </si>
  <si>
    <t>mail.google.com/sync/u/0/i/s?hl=pt-BR&amp;c=372</t>
  </si>
  <si>
    <t>mail.google.com/sync/u/0/i/s?hl=pt-BR&amp;c=388</t>
  </si>
  <si>
    <t>03/01/2020;andrelpsa@algartech.com;</t>
  </si>
  <si>
    <t>03/01/2020,andrelpsa@algartech.com</t>
  </si>
  <si>
    <t>7dbab010-7d87-4069-ba50-29b65fd6442e.tmp</t>
  </si>
  <si>
    <t>\\acsfs\profiles$\brendadsl\Downloads\7dbab010-7d87-4069-ba50-29b65fd6442e.tmp</t>
  </si>
  <si>
    <t>4366d597-e1e5-46b2-85b0-7d34499bd687.tmp</t>
  </si>
  <si>
    <t>\\acsfs\profiles$\brendadsl\Downloads\4366d597-e1e5-46b2-85b0-7d34499bd687.tmp</t>
  </si>
  <si>
    <t>501a86b7-a141-4582-9f47-be656e755afd.tmp</t>
  </si>
  <si>
    <t>\\acsfs\profiles$\brendadsl\Downloads\501a86b7-a141-4582-9f47-be656e755afd.tmp</t>
  </si>
  <si>
    <t>f7948953-d7e4-4e73-ac77-a929fe7365d1.tmp</t>
  </si>
  <si>
    <t>\\acsfs\profiles$\brendadsl\Downloads\f7948953-d7e4-4e73-ac77-a929fe7365d1.tmp</t>
  </si>
  <si>
    <t>c878d085-ab78-4678-847d-7760ff1604fc.tmp</t>
  </si>
  <si>
    <t>\\acsfs\profiles$\brendadsl\Downloads\c878d085-ab78-4678-847d-7760ff1604fc.tmp</t>
  </si>
  <si>
    <t>b98a201d-0e7f-46fa-a547-f4346f96cd68.tmp</t>
  </si>
  <si>
    <t>\\acsfs\profiles$\henriquehmdo\Downloads\b98a201d-0e7f-46fa-a547-f4346f96cd68.tmp</t>
  </si>
  <si>
    <t>40f1414b-bab2-4a29-84ec-76e31b9044d8.tmp</t>
  </si>
  <si>
    <t>\\acsfs\profiles$\larissaad\Downloads\40f1414b-bab2-4a29-84ec-76e31b9044d8.tmp</t>
  </si>
  <si>
    <t>2fbe1c1a-9f64-41c5-9846-9798a515176d.tmp</t>
  </si>
  <si>
    <t>\\acsfs\profiles$\lorenabmc\Downloads\2fbe1c1a-9f64-41c5-9846-9798a515176d.tmp</t>
  </si>
  <si>
    <t>c98ca43b-64d3-4c3f-9480-01363ee13324.tmp</t>
  </si>
  <si>
    <t>\\acsfs\profiles$\lorenabmc\Downloads\c98ca43b-64d3-4c3f-9480-01363ee13324.tmp</t>
  </si>
  <si>
    <t>10.200.57.111</t>
  </si>
  <si>
    <t>54-BF-64-F5-7F-DC</t>
  </si>
  <si>
    <t>NB-DIEGOBG</t>
  </si>
  <si>
    <t>diegobg</t>
  </si>
  <si>
    <t>mail.google.com/_/upload?authuser=1&amp;dcp=asu-n&amp;upload_id=AEnB2UqfZRDucX1fO6x3Jd_kLIfBg0dnL4J8Fd_2Gm3T7t_8fYTTecU6u_OLrjUaApMnR9WCFxyoCnSSVq4cw-se2M7T6IXECL_KXn9cS9Jq1g2WtYIJMTU&amp;upload_protocol=resumable</t>
  </si>
  <si>
    <t>C:\Users\diegobg\Desktop\</t>
  </si>
  <si>
    <t>12 - Template Recuperações de Custos.xlsx</t>
  </si>
  <si>
    <t>1.125,1.125],4539.779999991879,===== content-type,["https://apis.google.com/_/scs/abc-static/_/js/k=gapi.gapi.en.7kwsr24wxfc.o/m=client,a213722d41353361241_u x-goog-authuser: 1 --=====5ps0gmdypbfe===== content-type: application/http content-transfer-encoding: binary get /drive/v2internal/files/1-9tbiyxhackxbkl1btq8-0iwjykfkz7j?opendrive=false&amp;reason=102&amp;synctype=0&amp;errorrecovery=false&amp;fields=kind,actionitems,additionalroles,ances,ancest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ss,customerid)),displayname,domain,emailaddress,explicitlytrashed,fileextension,filesize,flaggedforabuse,foldercolor,folderfeatures,hasaugmentedpermissions,haschildfolders,hasthumbnail,hasvisitor</t>
  </si>
  <si>
    <t>12 - Departamental Toyota.xlsx</t>
  </si>
  <si>
    <t>mail.google.com/_/upload?authuser=1&amp;dcp=asu-n&amp;upload_id=AEnB2UrPQGu-7WghPmDMKw7YPxHju8dAiuVug7WENbBZbtraolWHRBlzEG_jgXv4WC2UdMUY7W3nnDIms9Iwnxk_NgO22BKbzCZlXsWugfiQ35R1ANcBw9M&amp;upload_protocol=resumable</t>
  </si>
  <si>
    <t>Template Recuperações de Custos Luciana DEZEMBRO 2019.xlsx</t>
  </si>
  <si>
    <t>c9268b3d-d492-48ad-a2c4-10a498132b9e.tmp</t>
  </si>
  <si>
    <t>\\acsfs\profiles$\joycemmdl\Downloads\c9268b3d-d492-48ad-a2c4-10a498132b9e.tmp</t>
  </si>
  <si>
    <t>0b45a907-1f74-4c10-bdd8-8828383372d0.tmp</t>
  </si>
  <si>
    <t>\\acsfs\profiles$\joycemmdl\Downloads\0b45a907-1f74-4c10-bdd8-8828383372d0.tmp</t>
  </si>
  <si>
    <t>14d1f3eb-294a-4aa4-9cee-806452b48e9e.tmp</t>
  </si>
  <si>
    <t>\\acsfs\profiles$\wedersonbadr\My Documents\My Music\14d1f3eb-294a-4aa4-9cee-806452b48e9e.tmp</t>
  </si>
  <si>
    <t>d6241afe-a55b-4bb3-88af-78b2d8779df0.tmp</t>
  </si>
  <si>
    <t>\\acsfs\profiles$\wedersonbadr\My Documents\My Music\d6241afe-a55b-4bb3-88af-78b2d8779df0.tmp</t>
  </si>
  <si>
    <t>0b36e7a9-f7a3-4000-a471-a0e25ccbb459.tmp</t>
  </si>
  <si>
    <t>\\acsfs\profiles$\THYAGOSP\Downloads\0b36e7a9-f7a3-4000-a471-a0e25ccbb459.tmp</t>
  </si>
  <si>
    <t>8c82e2fd-2516-4509-8fab-1fee7cba61ea.tmp</t>
  </si>
  <si>
    <t>\\acsfs\profiles$\alinepp\Downloads\8c82e2fd-2516-4509-8fab-1fee7cba61ea.tmp</t>
  </si>
  <si>
    <t>7b97f5e6-b418-4535-b441-3d845f16efec.tmp</t>
  </si>
  <si>
    <t>\\acsfs\profiles$\gabrielarb\Downloads\7b97f5e6-b418-4535-b441-3d845f16efec.tmp</t>
  </si>
  <si>
    <t>1327287e-37df-4b6f-a53a-e5798dfd8728.tmp</t>
  </si>
  <si>
    <t>\\acsfs\profiles$\gabrielarb\Downloads\1327287e-37df-4b6f-a53a-e5798dfd8728.tmp</t>
  </si>
  <si>
    <t>10.200.57.151</t>
  </si>
  <si>
    <t>14-2D-27-CD-04-97</t>
  </si>
  <si>
    <t>NB-YURIIFD</t>
  </si>
  <si>
    <t>yuriifd</t>
  </si>
  <si>
    <t>yuriifd@algartech.com</t>
  </si>
  <si>
    <t>mail.google.com/_/upload?authuser=0&amp;dcp=asu-n&amp;upload_id=AEnB2UrSwy6R3hKalOCAH-n62_Ie47kKcm1dNWUcAVuxk_b7TgisIKI861mlIAmCX1W-GvFW5MNVqVp3wvq4TX9dIFsgrhAzjVPznQEdosfFVDfw1QBpYL8&amp;upload_protocol=resumable</t>
  </si>
  <si>
    <t>patriciaars@algartech.com;sandyyd@algartech.com;</t>
  </si>
  <si>
    <t>C:\Users\yuriifd\Desktop\Squad Competividade - Atendimento\Processos - Apoio\Youse\</t>
  </si>
  <si>
    <t>Auditoria Youse - Novo Paper revEva_v1.3.xlsx</t>
  </si>
  <si>
    <t>patriciaars@algartech.com,sandyyd@algartech.com</t>
  </si>
  <si>
    <t>2b62cea6-b489-4c8f-bf33-5c1f42e7ae9c.tmp</t>
  </si>
  <si>
    <t>\\acsfs\profiles$\marcosvnds\Downloads\2b62cea6-b489-4c8f-bf33-5c1f42e7ae9c.tmp</t>
  </si>
  <si>
    <t>10.200.67.65</t>
  </si>
  <si>
    <t>f4dad208-204d-453c-a13b-d6e23cbf73b0.tmp</t>
  </si>
  <si>
    <t>\\acsfs\profiles$\fabianafv\Downloads\f4dad208-204d-453c-a13b-d6e23cbf73b0.tmp</t>
  </si>
  <si>
    <t>65cf3bec-0d09-48c5-8a37-17b83a8fe141.tmp</t>
  </si>
  <si>
    <t>\\acsfs\profiles$\larissaad\Downloads\65cf3bec-0d09-48c5-8a37-17b83a8fe141.tmp</t>
  </si>
  <si>
    <t>844eae96-e571-4cb0-9b2c-c9576b65f0e6.tmp</t>
  </si>
  <si>
    <t>\\acsfs\profiles$\alinepp\Downloads\844eae96-e571-4cb0-9b2c-c9576b65f0e6.tmp</t>
  </si>
  <si>
    <t>27cf55dd-4ec3-4672-aa34-387c981cf4a6.tmp</t>
  </si>
  <si>
    <t>\\acsfs\profiles$\alinepp\Downloads\27cf55dd-4ec3-4672-aa34-387c981cf4a6.tmp</t>
  </si>
  <si>
    <t>3ef9eaf6-9d9c-4c84-be91-259b022970ca.tmp</t>
  </si>
  <si>
    <t>\\acsfs\profiles$\alinepp\Downloads\3ef9eaf6-9d9c-4c84-be91-259b022970ca.tmp</t>
  </si>
  <si>
    <t>lu370365acp39.tmp</t>
  </si>
  <si>
    <t>\\acsfs\profiles$\marcellewdl\My Documents\lu370365acp39.tmp</t>
  </si>
  <si>
    <t>\\acsfs\profiles$\marcellewdl\My Documents\lu370365acp39.tmp\</t>
  </si>
  <si>
    <t>\\acsfs\profiles$\marcellewdl\My Documents\lu370365acp39.tmp\META-INF\</t>
  </si>
  <si>
    <t>\\acsfs\profiles$\marcellewdl\My Documents\lu370365acp39.tmp\Thumbnails\</t>
  </si>
  <si>
    <t>ff280c1f-d6f2-4f58-8971-286e75bbf6c8.tmp</t>
  </si>
  <si>
    <t>\\acsfs\profiles$\victorgl\Downloads\ff280c1f-d6f2-4f58-8971-286e75bbf6c8.tmp</t>
  </si>
  <si>
    <t>6867c110-8046-440e-bea9-299057bb433e.tmp</t>
  </si>
  <si>
    <t>\\acsfs\profiles$\victorgl\Downloads\6867c110-8046-440e-bea9-299057bb433e.tmp</t>
  </si>
  <si>
    <t>fef147e6-60a9-4ac2-a00a-bc07374d7fd8.tmp</t>
  </si>
  <si>
    <t>\\acsfs\profiles$\fabianafv\Downloads\fef147e6-60a9-4ac2-a00a-bc07374d7fd8.tmp</t>
  </si>
  <si>
    <t>a24943e9-7cb5-430b-b8f8-6754b0b96a3c.tmp</t>
  </si>
  <si>
    <t>\\acsfs\profiles$\regisedsj\Downloads\a24943e9-7cb5-430b-b8f8-6754b0b96a3c.tmp</t>
  </si>
  <si>
    <t>e86cfd4f-d160-41ef-bcad-43ea6c27a0e8.tmp</t>
  </si>
  <si>
    <t>\\acsfs\profiles$\gabrielarb\Downloads\e86cfd4f-d160-41ef-bcad-43ea6c27a0e8.tmp</t>
  </si>
  <si>
    <t>002ce0cb-a94a-4f0c-a1dc-eb10f6183e12.tmp</t>
  </si>
  <si>
    <t>\\acsfs\profiles$\fabianafv\Downloads\002ce0cb-a94a-4f0c-a1dc-eb10f6183e12.tmp</t>
  </si>
  <si>
    <t>\\acsfs\DEPTOS\Operacao\PCP\5 - Comum\FABRÍCIA DE CONTO\</t>
  </si>
  <si>
    <t>LEMBRETES BV.docx</t>
  </si>
  <si>
    <t>\\acsfs\DEPTOS\Operacao\PCP\5 - Comum\FABRÍCIA DE CONTO\LEMBRETES BV.docx</t>
  </si>
  <si>
    <t>875a0fc3-0b09-44a9-9a89-f5a34bb8ec90.tmp</t>
  </si>
  <si>
    <t>\\acsfs\profiles$\alinepp\Downloads\875a0fc3-0b09-44a9-9a89-f5a34bb8ec90.tmp</t>
  </si>
  <si>
    <t>31fd6b5b-f5b5-4bdd-b6d0-573705797470.tmp</t>
  </si>
  <si>
    <t>\\acsfs\profiles$\vivianibfs\Downloads\31fd6b5b-f5b5-4bdd-b6d0-573705797470.tmp</t>
  </si>
  <si>
    <t>bd979243-38d7-451a-ba5d-c76a95a37b08.tmp</t>
  </si>
  <si>
    <t>\\acsfs\profiles$\vivianibfs\Downloads\bd979243-38d7-451a-ba5d-c76a95a37b08.tmp</t>
  </si>
  <si>
    <t>1a477a87-67c7-4c71-87c6-73cb477a1f7b.tmp</t>
  </si>
  <si>
    <t>\\acsfs\profiles$\victorgl\Downloads\1a477a87-67c7-4c71-87c6-73cb477a1f7b.tmp</t>
  </si>
  <si>
    <t>7826ecb7-948a-4074-8b87-250ee9533a90.tmp</t>
  </si>
  <si>
    <t>\\acsfs\profiles$\matheusmax\Downloads\7826ecb7-948a-4074-8b87-250ee9533a90.tmp</t>
  </si>
  <si>
    <t>Unconfirmed 883371.crdownload</t>
  </si>
  <si>
    <t>\\acsfs\profiles$\matheusmax\Downloads\Unconfirmed 883371.crdownload</t>
  </si>
  <si>
    <t>51b48938-3af7-4473-877b-784cad9e7f09.tmp</t>
  </si>
  <si>
    <t>\\acsfs\profiles$\matheusmax\Downloads\51b48938-3af7-4473-877b-784cad9e7f09.tmp</t>
  </si>
  <si>
    <t>3350b96e-3cc6-48ce-bdb4-0df5a71154e4.tmp</t>
  </si>
  <si>
    <t>\\acsfs\profiles$\matheusmax\Downloads\3350b96e-3cc6-48ce-bdb4-0df5a71154e4.tmp</t>
  </si>
  <si>
    <t>c:\users\adrianamac\desktop\</t>
  </si>
  <si>
    <t>malote 2017.xlsx</t>
  </si>
  <si>
    <t>1d56a0a3-bcaf-43a3-af7d-76d0be1cdd12.tmp</t>
  </si>
  <si>
    <t>\\acsfs\profiles$\LUCASBS\Downloads\1d56a0a3-bcaf-43a3-af7d-76d0be1cdd12.tmp</t>
  </si>
  <si>
    <t>81b80139-e5fa-4e6a-bd0b-2b9ed845ed5b.tmp</t>
  </si>
  <si>
    <t>\\acsfs\profiles$\philipegsf\Downloads\81b80139-e5fa-4e6a-bd0b-2b9ed845ed5b.tmp</t>
  </si>
  <si>
    <t>\\acsfs\profiles$\MARILIAFPLB\</t>
  </si>
  <si>
    <t>.~lock.ATIVO ATT.ods#</t>
  </si>
  <si>
    <t>\\acsfs\profiles$\MARILIAFPLB\.~lock.ATIVO ATT.ods#</t>
  </si>
  <si>
    <t>lu171244cminy.tmp</t>
  </si>
  <si>
    <t>\\acsfs\profiles$\MARILIAFPLB\lu171244cminy.tmp</t>
  </si>
  <si>
    <t>\\acsfs\profiles$\MARILIAFPLB\lu171244cminy.tmp\</t>
  </si>
  <si>
    <t>\\acsfs\profiles$\MARILIAFPLB\lu171244cminy.tmp\META-INF\</t>
  </si>
  <si>
    <t>\\acsfs\profiles$\MARILIAFPLB\lu171244cminy.tmp\Thumbnails\</t>
  </si>
  <si>
    <t>93bd013b-0679-4230-8e33-0ef3f9b3e333.tmp</t>
  </si>
  <si>
    <t>\\acsfs\profiles$\gabrielamdp\Downloads\93bd013b-0679-4230-8e33-0ef3f9b3e333.tmp</t>
  </si>
  <si>
    <t>6a4269d4-6f6e-4fc2-ae08-23bc4af53f52.tmp</t>
  </si>
  <si>
    <t>\\acsfs\profiles$\gabrielamdp\Downloads\6a4269d4-6f6e-4fc2-ae08-23bc4af53f52.tmp</t>
  </si>
  <si>
    <t>276beee2-0b85-419b-bb99-86f2bda754c4.tmp</t>
  </si>
  <si>
    <t>\\acsfs\profiles$\gabrielamdp\Downloads\276beee2-0b85-419b-bb99-86f2bda754c4.tmp</t>
  </si>
  <si>
    <t>a4be9314-d41f-4027-a73e-66681b7aa6cb.tmp</t>
  </si>
  <si>
    <t>\\acsfs\profiles$\nataliacsl\Downloads\a4be9314-d41f-4027-a73e-66681b7aa6cb.tmp</t>
  </si>
  <si>
    <t>\\acsfs\deptos\Operacao\Banco_Votorantim\Supervisao\ROBSON ÁLVARES MEDEIROS\ROBSON\Testeira\</t>
  </si>
  <si>
    <t>\\acsfs\deptos\Operacao\Banco_Votorantim\Supervisao\ROBSON ÁLVARES MEDEIROS\ROBSON\Testeira\Thumbs.db</t>
  </si>
  <si>
    <t>\\acsfs\profiles$\pamelamcmdsg\Downloads\</t>
  </si>
  <si>
    <t>159be225-f2b5-4b79-a49d-6cb7df6cf6ac.tmp</t>
  </si>
  <si>
    <t>\\acsfs\profiles$\pamelamcmdsg\Downloads\159be225-f2b5-4b79-a49d-6cb7df6cf6ac.tmp</t>
  </si>
  <si>
    <t>Unconfirmed 157651.crdownload</t>
  </si>
  <si>
    <t>\\acsfs\profiles$\pamelamcmdsg\Downloads\Unconfirmed 157651.crdownload</t>
  </si>
  <si>
    <t>e9113b2a-bdfb-4205-938b-6c83bd990c79.tmp</t>
  </si>
  <si>
    <t>\\acsfs\profiles$\pamelamcmdsg\Downloads\e9113b2a-bdfb-4205-938b-6c83bd990c79.tmp</t>
  </si>
  <si>
    <t>Unconfirmed 613350.crdownload</t>
  </si>
  <si>
    <t>\\acsfs\profiles$\pamelamcmdsg\Downloads\Unconfirmed 613350.crdownload</t>
  </si>
  <si>
    <t>10.200.67.79</t>
  </si>
  <si>
    <t>78-2B-CB-C1-07-6B</t>
  </si>
  <si>
    <t>VOTORANT-JB009</t>
  </si>
  <si>
    <t>marcelacdss</t>
  </si>
  <si>
    <t>\\acsfs\profiles$\marcelacdss\Downloads\</t>
  </si>
  <si>
    <t>4e5fa933-4023-494a-8110-5acc16810997.tmp</t>
  </si>
  <si>
    <t>\\acsfs\profiles$\marcelacdss\Downloads\4e5fa933-4023-494a-8110-5acc16810997.tmp</t>
  </si>
  <si>
    <t>b8cc0425-dce3-4b43-b32b-53e02848414f.tmp</t>
  </si>
  <si>
    <t>\\acsfs\profiles$\philipegsf\Downloads\b8cc0425-dce3-4b43-b32b-53e02848414f.tmp</t>
  </si>
  <si>
    <t>a17d0448-b925-4918-b757-0d189cafd6d0.tmp</t>
  </si>
  <si>
    <t>\\acsfs\profiles$\gabrielamdp\Downloads\a17d0448-b925-4918-b757-0d189cafd6d0.tmp</t>
  </si>
  <si>
    <t>8a55bd11-6412-46af-bf6f-8daaf9042190.tmp</t>
  </si>
  <si>
    <t>\\acsfs\profiles$\gabrielamdp\Downloads\8a55bd11-6412-46af-bf6f-8daaf9042190.tmp</t>
  </si>
  <si>
    <t>8c107aaa-cf8e-4cb0-8a8e-e21ff63ded4c.tmp</t>
  </si>
  <si>
    <t>\\acsfs\profiles$\gabrielamdp\Downloads\8c107aaa-cf8e-4cb0-8a8e-e21ff63ded4c.tmp</t>
  </si>
  <si>
    <t>03eb8b1b-8fc9-4f58-bfa5-a5b1e94a9586.tmp</t>
  </si>
  <si>
    <t>\\acsfs\profiles$\mariagsg\Downloads\03eb8b1b-8fc9-4f58-bfa5-a5b1e94a9586.tmp</t>
  </si>
  <si>
    <t>144c2e0e-13c6-4969-995d-1028e9a9a9c0.tmp</t>
  </si>
  <si>
    <t>\\acsfs\profiles$\Flaviojmm\Downloads\144c2e0e-13c6-4969-995d-1028e9a9a9c0.tmp</t>
  </si>
  <si>
    <t>\\acsfs\deptos\operacao\banco_votorantim\supervisao\robson Álvares medeiros\robson\gerais\</t>
  </si>
  <si>
    <t>etiquetas para pa's.xlsb</t>
  </si>
  <si>
    <t>c8bb0bf4-dfda-4efa-97c0-4c0a9bd26a3e.tmp</t>
  </si>
  <si>
    <t>\\acsfs\profiles$\nayarasds\Downloads\c8bb0bf4-dfda-4efa-97c0-4c0a9bd26a3e.tmp</t>
  </si>
  <si>
    <t>b7c02047-a518-41c6-b49e-7364b60d54c1.tmp</t>
  </si>
  <si>
    <t>\\acsfs\profiles$\vivianibfs\Downloads\b7c02047-a518-41c6-b49e-7364b60d54c1.tmp</t>
  </si>
  <si>
    <t>8ce17d99-ca04-4428-9453-59a5d381d3d1.tmp</t>
  </si>
  <si>
    <t>\\acsfs\profiles$\dhiulliananads\Downloads\8ce17d99-ca04-4428-9453-59a5d381d3d1.tmp</t>
  </si>
  <si>
    <t>399ccaa1-90bd-4f00-94ae-09f93f71a6e1.tmp</t>
  </si>
  <si>
    <t>\\acsfs\profiles$\lucasgpe\Downloads\399ccaa1-90bd-4f00-94ae-09f93f71a6e1.tmp</t>
  </si>
  <si>
    <t>d7d5824f-b325-4937-b462-106fc3a21f72.tmp</t>
  </si>
  <si>
    <t>\\acsfs\profiles$\dhiulliananads\Downloads\d7d5824f-b325-4937-b462-106fc3a21f72.tmp</t>
  </si>
  <si>
    <t>C:\Users\carlosecm\Desktop\</t>
  </si>
  <si>
    <t>equipe técnica.xlsx</t>
  </si>
  <si>
    <t>e80d613d-f057-4aff-bbc1-d97629125eb7.tmp</t>
  </si>
  <si>
    <t>\\acsfs\profiles$\KARENJSS\Downloads\e80d613d-f057-4aff-bbc1-d97629125eb7.tmp</t>
  </si>
  <si>
    <t>mail.google.com/_/upload?authuser=1&amp;dcp=asu-n&amp;upload_id=AEnB2UqVu0lRBQw6gaLs9e6Un5qVaQKdaXu59OWdCywJHkeF3jOaKiP1mSdlHBpYHsY4JrHRYTXzNxT0ttAsHr07ljkB-SjhRXstqMWsWjSm-Yb_6XgR8aI&amp;upload_protocol=resumable</t>
  </si>
  <si>
    <t>C:\Users\alinerg\Documents\Projetos\Projeto Jú\Conteúdo\Criação de conteúdo\</t>
  </si>
  <si>
    <t>Criação_Alteração Conteúdo v1.7.xlsx</t>
  </si>
  <si>
    <t>f76d9cc9-7ee4-4c9d-aa81-72e5f06250e4.tmp</t>
  </si>
  <si>
    <t>\\acsfs\profiles$\francislayneads\Downloads\f76d9cc9-7ee4-4c9d-aa81-72e5f06250e4.tmp</t>
  </si>
  <si>
    <t>517d0397-ea9e-42f8-b09a-12b8d95d895c.tmp</t>
  </si>
  <si>
    <t>\\acsfs\profiles$\francislayneads\Downloads\517d0397-ea9e-42f8-b09a-12b8d95d895c.tmp</t>
  </si>
  <si>
    <t>95c9d5d4-6c70-4ec3-a236-5a0024cb1e79.tmp</t>
  </si>
  <si>
    <t>\\acsfs\profiles$\alinepp\Downloads\95c9d5d4-6c70-4ec3-a236-5a0024cb1e79.tmp</t>
  </si>
  <si>
    <t>mail.google.com/sync/u/0/i/s?hl=pt-BR&amp;c=957</t>
  </si>
  <si>
    <t>mail.google.com/sync/u/0/i/s?hl=pt-BR&amp;c=966</t>
  </si>
  <si>
    <t>afa200fa-0682-45ad-8e0d-cb50ec69e0f7.tmp</t>
  </si>
  <si>
    <t>\\acsfs\profiles$\anafsb\Downloads\afa200fa-0682-45ad-8e0d-cb50ec69e0f7.tmp</t>
  </si>
  <si>
    <t>0c04abde-b1cc-40a2-b943-194317bafa85.tmp</t>
  </si>
  <si>
    <t>\\acsfs\profiles$\anafsb\Downloads\0c04abde-b1cc-40a2-b943-194317bafa85.tmp</t>
  </si>
  <si>
    <t>0c1f16f4-1cee-4bef-a033-7536a8151e6c.tmp</t>
  </si>
  <si>
    <t>\\acsfs\profiles$\sarahbal\Downloads\0c1f16f4-1cee-4bef-a033-7536a8151e6c.tmp</t>
  </si>
  <si>
    <t>19f97e14-2289-49f2-9106-2348c660d05f.tmp</t>
  </si>
  <si>
    <t>\\acsfs\profiles$\welidicdj\Downloads\19f97e14-2289-49f2-9106-2348c660d05f.tmp</t>
  </si>
  <si>
    <t>726a810c-ec3d-4faf-808b-bbec9c775f65.tmp</t>
  </si>
  <si>
    <t>\\acsfs\profiles$\welidicdj\Downloads\726a810c-ec3d-4faf-808b-bbec9c775f65.tmp</t>
  </si>
  <si>
    <t>celso.goncalves@bradesco.com.br;lucieneili@algartech.com;patricia.brito@bradesco.com.br;thainaradsg@algartech.com;</t>
  </si>
  <si>
    <t>celso.goncalves@bradesco.com.br,lucieneili@algartech.com,patricia.brito@bradesco.com.br,thainaradsg@algartech.com</t>
  </si>
  <si>
    <t>0fff71e7-2d57-49d9-83ff-842311ec43b6.tmp</t>
  </si>
  <si>
    <t>\\acsfs\profiles$\francislayneads\Downloads\0fff71e7-2d57-49d9-83ff-842311ec43b6.tmp</t>
  </si>
  <si>
    <t>627b4453-5818-45a3-9f50-3f21941f425b.tmp</t>
  </si>
  <si>
    <t>\\acsfs\profiles$\regisedsj\Downloads\627b4453-5818-45a3-9f50-3f21941f425b.tmp</t>
  </si>
  <si>
    <t>ed9620a9-16f3-43af-bf43-a55435e43249.tmp</t>
  </si>
  <si>
    <t>\\acsfs\profiles$\lucasgpe\Downloads\ed9620a9-16f3-43af-bf43-a55435e43249.tmp</t>
  </si>
  <si>
    <t>aad641c1-0d57-428a-bead-994e16b97f39.tmp</t>
  </si>
  <si>
    <t>\\acsfs\profiles$\inarajst\Downloads\aad641c1-0d57-428a-bead-994e16b97f39.tmp</t>
  </si>
  <si>
    <t>98a3343c-efe5-4470-9289-04b55caf2e96.tmp</t>
  </si>
  <si>
    <t>\\acsfs\profiles$\inarajst\Downloads\98a3343c-efe5-4470-9289-04b55caf2e96.tmp</t>
  </si>
  <si>
    <t>139f0c71-aade-4dac-ab59-b876c81cb6c6.tmp</t>
  </si>
  <si>
    <t>\\acsfs\profiles$\gabriellalpr\Downloads\139f0c71-aade-4dac-ab59-b876c81cb6c6.tmp</t>
  </si>
  <si>
    <t>1d400c15-1fc5-4dbe-a770-6aa733cde4ce.tmp</t>
  </si>
  <si>
    <t>\\acsfs\profiles$\brunalas\Downloads\1d400c15-1fc5-4dbe-a770-6aa733cde4ce.tmp</t>
  </si>
  <si>
    <t>4ae487e4-56e6-42ec-ba0d-9e26e6165df3.tmp</t>
  </si>
  <si>
    <t>\\acsfs\profiles$\brunalas\Downloads\4ae487e4-56e6-42ec-ba0d-9e26e6165df3.tmp</t>
  </si>
  <si>
    <t>d122153f-d7e4-4832-8b50-d2af857648ec.tmp</t>
  </si>
  <si>
    <t>\\acsfs\profiles$\edicarlosdl\Downloads\d122153f-d7e4-4832-8b50-d2af857648ec.tmp</t>
  </si>
  <si>
    <t>e84dd90b-cbaf-4a1e-9aab-3325e5fc0241.tmp</t>
  </si>
  <si>
    <t>\\acsfs\profiles$\edicarlosdl\Downloads\e84dd90b-cbaf-4a1e-9aab-3325e5fc0241.tmp</t>
  </si>
  <si>
    <t>mail.google.com/sync/u/0/i/s?hl=pt-BR&amp;c=968</t>
  </si>
  <si>
    <t>mail.google.com/sync/u/0/i/s?hl=pt-BR&amp;c=976</t>
  </si>
  <si>
    <t>mail.google.com/sync/u/0/i/s?hl=pt-BR&amp;c=978</t>
  </si>
  <si>
    <t>mail.google.com/sync/u/0/i/s?hl=pt-BR&amp;c=981</t>
  </si>
  <si>
    <t>mail.google.com/sync/u/0/i/s?hl=pt-BR&amp;c=988</t>
  </si>
  <si>
    <t>mail.google.com/sync/u/0/i/s?hl=pt-BR&amp;c=990</t>
  </si>
  <si>
    <t>mail.google.com/sync/u/0/i/s?hl=pt-BR&amp;c=992</t>
  </si>
  <si>
    <t>mail.google.com/sync/u/0/i/s?hl=pt-BR&amp;c=994</t>
  </si>
  <si>
    <t>mail.google.com/sync/u/0/i/s?hl=pt-BR&amp;c=1000</t>
  </si>
  <si>
    <t>mail.google.com/sync/u/0/i/s?hl=pt-BR&amp;c=1002</t>
  </si>
  <si>
    <t>mail.google.com/sync/u/0/i/s?hl=pt-BR&amp;c=1004</t>
  </si>
  <si>
    <t>mail.google.com/sync/u/0/i/s?hl=pt-BR&amp;c=1006</t>
  </si>
  <si>
    <t>11e033d9-6eab-47e8-9d75-0a177587685b.tmp</t>
  </si>
  <si>
    <t>\\acsfs\profiles$\anafsb\Downloads\11e033d9-6eab-47e8-9d75-0a177587685b.tmp</t>
  </si>
  <si>
    <t>XLOG_marcosvnds_03012020_144307.log</t>
  </si>
  <si>
    <t>\\acsfs\profiles$\marcosvnds\My Documents\xworkcenter\logs\XLOG_marcosvnds_03012020_144307.log</t>
  </si>
  <si>
    <t>\\acsfs\profiles$\rosileiam\My Documents\My Pictures\</t>
  </si>
  <si>
    <t>\\acsfs\profiles$\rosileiam\My Documents\My Videos\desktop.ini</t>
  </si>
  <si>
    <t>\\acsfs\profiles$\rosileiam\My Documents\My Videos\</t>
  </si>
  <si>
    <t>\\acsfs\profiles$\rosileiam\My Documents\My Music\</t>
  </si>
  <si>
    <t>\\acsfs\profiles$\rosileiam\My Documents\My Pictures\desktop.ini</t>
  </si>
  <si>
    <t>\\acsfs\profiles$\rosileiam\Contacts\</t>
  </si>
  <si>
    <t>\\acsfs\profiles$\rosileiam\Contacts\desktop.ini</t>
  </si>
  <si>
    <t>09c8ed78-485a-4a83-946c-5ec418c821e5.tmp</t>
  </si>
  <si>
    <t>\\acsfs\profiles$\brendadsl\Downloads\09c8ed78-485a-4a83-946c-5ec418c821e5.tmp</t>
  </si>
  <si>
    <t>e0b826b7-1fd0-4211-a77a-f567446ff7a1.tmp</t>
  </si>
  <si>
    <t>\\acsfs\profiles$\brendadsl\Downloads\e0b826b7-1fd0-4211-a77a-f567446ff7a1.tmp</t>
  </si>
  <si>
    <t>3629cf93-1081-4e90-bee0-771be172e2c9.tmp</t>
  </si>
  <si>
    <t>\\acsfs\profiles$\brendadsl\Downloads\3629cf93-1081-4e90-bee0-771be172e2c9.tmp</t>
  </si>
  <si>
    <t>842a4d04-e48a-4cbf-b5c3-08ca20fcd219.tmp</t>
  </si>
  <si>
    <t>\\acsfs\profiles$\lorrainerdl\Downloads\842a4d04-e48a-4cbf-b5c3-08ca20fcd219.tmp</t>
  </si>
  <si>
    <t>mail.google.com/sync/u/0/i/s?hl=pt-BR&amp;c=1009</t>
  </si>
  <si>
    <t>mail.google.com/sync/u/0/i/s?hl=pt-BR&amp;c=1012</t>
  </si>
  <si>
    <t>mail.google.com/sync/u/0/i/s?hl=pt-BR&amp;c=1014</t>
  </si>
  <si>
    <t>mail.google.com/sync/u/0/i/s?hl=pt-BR&amp;c=1016</t>
  </si>
  <si>
    <t>mail.google.com/sync/u/0/i/s?hl=pt-BR&amp;c=1020</t>
  </si>
  <si>
    <t>mail.google.com/sync/u/0/i/s?hl=pt-BR&amp;c=1022</t>
  </si>
  <si>
    <t>4962e600-e2bb-43f6-a1e7-19ac06a377bc.tmp</t>
  </si>
  <si>
    <t>\\acsfs\profiles$\marcosvnds\Downloads\4962e600-e2bb-43f6-a1e7-19ac06a377bc.tmp</t>
  </si>
  <si>
    <t>541fc22b-bc2d-4b95-8bb7-8a07ad70df0b.tmp</t>
  </si>
  <si>
    <t>\\acsfs\profiles$\marcosvnds\Downloads\541fc22b-bc2d-4b95-8bb7-8a07ad70df0b.tmp</t>
  </si>
  <si>
    <t>7815fefd-d0d7-4b35-9d81-ab89a0e4adcc.tmp</t>
  </si>
  <si>
    <t>\\acsfs\profiles$\marcosvnds\Downloads\7815fefd-d0d7-4b35-9d81-ab89a0e4adcc.tmp</t>
  </si>
  <si>
    <t>df2baf39-ddac-4edb-a3fc-a3267b4e64b8.tmp</t>
  </si>
  <si>
    <t>\\acsfs\profiles$\rosileiam\Downloads\df2baf39-ddac-4edb-a3fc-a3267b4e64b8.tmp</t>
  </si>
  <si>
    <t>d9640208-49fb-4fca-ae31-14ecfc07342a.tmp</t>
  </si>
  <si>
    <t>\\acsfs\profiles$\rosileiam\Downloads\d9640208-49fb-4fca-ae31-14ecfc07342a.tmp</t>
  </si>
  <si>
    <t>d140f059-016a-406f-bbfb-87f71338b276.tmp</t>
  </si>
  <si>
    <t>\\acsfs\profiles$\brendadsl\Downloads\d140f059-016a-406f-bbfb-87f71338b276.tmp</t>
  </si>
  <si>
    <t>c31e3ebb-b415-4056-b552-b77d10158d9c.tmp</t>
  </si>
  <si>
    <t>\\acsfs\profiles$\brendadsl\Downloads\c31e3ebb-b415-4056-b552-b77d10158d9c.tmp</t>
  </si>
  <si>
    <t>122019_Relatorio_Despesa V3.xlsb</t>
  </si>
  <si>
    <t>mail.google.com/_/upload?authuser=0&amp;dcp=asu-n&amp;upload_id=AEnB2UqIyJ-hzusIGZ0XnjyJWuu1jJH3eUmaG2dfPF_V5SIrsVn84A6mjK6xN3PO_GcrWrWDbJYDhK7LUit6gPzbdkZgh4jaiQ&amp;upload_protocol=resumable</t>
  </si>
  <si>
    <t>122019_Relatorio_Indiretos V3.xlsb</t>
  </si>
  <si>
    <t>mail.google.com/_/upload?authuser=0&amp;dcp=asu-n&amp;upload_id=AEnB2Uqby_1uwNj8nCHPs6jsIPOaTKTiWONu3k9Bet1ei1E6iDF0lBxVeTROzhw9AyBJD2kCH0pF6-3yc8FYSsGEQ6XnBoKH9DmcFiFwbdJdOr1Xu80jrcQ&amp;upload_protocol=resumable</t>
  </si>
  <si>
    <t>celmars@algartech.com;cristianecsa@algartech.com;ericacdosc@algartech.com;</t>
  </si>
  <si>
    <t>Informações_banco_200102 (5)_Conf.xlsx</t>
  </si>
  <si>
    <t>celmars@algartech.com,cristianecsa@algartech.com,ericacdosc@algartech.com</t>
  </si>
  <si>
    <t>elencassiapo@algartech.com;elencassiapo@algartech.com.br;micheless@algartech.com.br;priscilalb@algartech.com;priscilalb@algartech.com.br;</t>
  </si>
  <si>
    <t>MIS Ilha Especialistas - Visão Supervisão</t>
  </si>
  <si>
    <t>MIS ILHA ESPECIALISTA - Atualização.xlsm</t>
  </si>
  <si>
    <t>elencassiapo@algartech.com,elencassiapo@algartech.com.br,micheless@algartech.com.br,priscilalb@algartech.com,priscilalb@algartech.com.br</t>
  </si>
  <si>
    <t>anapscl@algartech.com;fabiolacc@algartecnologia.com.br;fredericobs@algartecnologia.com.br;micheless@algartech.com.br;rafaelaas@algartech.com;</t>
  </si>
  <si>
    <t>MIS Ilha Especialistas</t>
  </si>
  <si>
    <t>MIS ILHA ESPECIALISTA.xlsm</t>
  </si>
  <si>
    <t>anapscl@algartech.com,fabiolacc@algartecnologia.com.br,fredericobs@algartecnologia.com.br,micheless@algartech.com.br,rafaelaas@algartech.com</t>
  </si>
  <si>
    <t>10.200.200.65</t>
  </si>
  <si>
    <t>EC-F4-BB-F5-CE-CD</t>
  </si>
  <si>
    <t>mail.google.com/_/upload?authuser=0&amp;dcp=asu-n&amp;upload_id=AEnB2UpqA7EG82HLmpCK9lgt5_V4n8g3vqoS-kDZQj0lIOxbnng0v2jA9nsSiitwwuVAJdrWXDvir8UFJOT0E-dS5PBAbUeCP7AIri8rRjsEarHy-n_sXaY&amp;upload_protocol=resumable</t>
  </si>
  <si>
    <t>robertaib@algartech.com;</t>
  </si>
  <si>
    <t>C:\Users\pauloslj\Desktop\</t>
  </si>
  <si>
    <t>Notas 0.xls</t>
  </si>
  <si>
    <t>robertaib@algartech.com</t>
  </si>
  <si>
    <t>mail.google.com/sync/u/0/i/s?hl=pt-BR&amp;c=1031</t>
  </si>
  <si>
    <t>mail.google.com/sync/u/0/i/s?hl=pt-BR&amp;c=1033</t>
  </si>
  <si>
    <t>mail.google.com/sync/u/0/i/s?hl=pt-BR&amp;c=1036</t>
  </si>
  <si>
    <t>mail.google.com/sync/u/0/i/s?hl=pt-BR&amp;c=1038</t>
  </si>
  <si>
    <t>mail.google.com/sync/u/0/i/s?hl=pt-BR&amp;c=1040</t>
  </si>
  <si>
    <t>mail.google.com/sync/u/0/i/s?hl=pt-BR&amp;c=1042</t>
  </si>
  <si>
    <t>mail.google.com/sync/u/0/i/s?hl=pt-BR&amp;c=1044</t>
  </si>
  <si>
    <t>mail.google.com/sync/u/0/i/s?hl=pt-BR&amp;c=1055</t>
  </si>
  <si>
    <t>mail.google.com/sync/u/0/i/s?hl=pt-BR&amp;c=1059</t>
  </si>
  <si>
    <t>mail.google.com/sync/u/0/i/s?hl=pt-BR&amp;c=1063</t>
  </si>
  <si>
    <t>mail.google.com/sync/u/0/i/s?hl=pt-BR&amp;c=1065</t>
  </si>
  <si>
    <t>mail.google.com/sync/u/0/i/s?hl=pt-BR&amp;c=1067</t>
  </si>
  <si>
    <t>.~lock.Contatos 16122019.xlsx#</t>
  </si>
  <si>
    <t>\\acsfs\profiles$\victoriaksr\My Documents\.~lock.Contatos 16122019.xlsx#</t>
  </si>
  <si>
    <t>ec21a7fe-f267-43f5-acb8-fa9da6d2f3af.tmp</t>
  </si>
  <si>
    <t>\\acsfs\profiles$\cintiadjl\Downloads\ec21a7fe-f267-43f5-acb8-fa9da6d2f3af.tmp</t>
  </si>
  <si>
    <t>fbce6d61-760f-40f2-9246-2eb700563554.tmp</t>
  </si>
  <si>
    <t>\\acsfs\profiles$\cintiadjl\Downloads\fbce6d61-760f-40f2-9246-2eb700563554.tmp</t>
  </si>
  <si>
    <t>03d56990-e9f5-4ce4-89f8-bb9a59c80b8f.tmp</t>
  </si>
  <si>
    <t>\\acsfs\profiles$\inarajst\Downloads\03d56990-e9f5-4ce4-89f8-bb9a59c80b8f.tmp</t>
  </si>
  <si>
    <t>lu73196bfyt4w.tmp</t>
  </si>
  <si>
    <t>\\acsfs\DEPTOS\Operacao\Banco_Votorantim\Supervisao\SUPERS BV CARTÕES\ANA VITORIA\APOIO\lu73196bfyt4w.tmp</t>
  </si>
  <si>
    <t>\\acsfs\DEPTOS\Operacao\Banco_Votorantim\Supervisao\SUPERS BV CARTÕES\ANA VITORIA\APOIO\lu73196bfyt4w.tmp\</t>
  </si>
  <si>
    <t>\\acsfs\DEPTOS\Operacao\Banco_Votorantim\Supervisao\SUPERS BV CARTÕES\ANA VITORIA\APOIO\lu73196bfyt4w.tmp\META-INF\</t>
  </si>
  <si>
    <t>\\acsfs\DEPTOS\Operacao\Banco_Votorantim\Supervisao\SUPERS BV CARTÕES\ANA VITORIA\APOIO\lu73196bfyt4w.tmp\Thumbnails\</t>
  </si>
  <si>
    <t>.~lock.Retratação.xlsx#</t>
  </si>
  <si>
    <t>\\acsfs\DEPTOS\Operacao\Banco_Votorantim\Supervisao\SUPERS BV CARTÕES\ANA VITORIA\APOIO\.~lock.Retratação.xlsx#</t>
  </si>
  <si>
    <t>lu73196bfyt52.tmp</t>
  </si>
  <si>
    <t>\\acsfs\DEPTOS\Operacao\Banco_Votorantim\Supervisao\SUPERS BV CARTÕES\ANA VITORIA\APOIO\lu73196bfyt52.tmp</t>
  </si>
  <si>
    <t>mail.google.com/_/upload?authuser=1&amp;dcp=asu-n&amp;upload_id=AEnB2Up6Q0LPWoxvQirqDRdhW9ZRwFqvWW670_60eqfAkyRgwKcEE63jcvXxe3IkdA-bIkSgW-vKjCdqwqCgTU2meIsYw3Z4E53Xa2nn3b6wQh7-i7Ci9Pc&amp;upload_protocol=resumable</t>
  </si>
  <si>
    <t>SKILLS D2C.xlsx</t>
  </si>
  <si>
    <t>a0c507b2-a69a-4cc4-9c50-30f8c838c39d.tmp</t>
  </si>
  <si>
    <t>\\acsfs\profiles$\talitassc\Downloads\a0c507b2-a69a-4cc4-9c50-30f8c838c39d.tmp</t>
  </si>
  <si>
    <t>f3bcf34c-d229-468b-a4be-237b65e27735.tmp</t>
  </si>
  <si>
    <t>\\acsfs\profiles$\marcosvnds\Downloads\f3bcf34c-d229-468b-a4be-237b65e27735.tmp</t>
  </si>
  <si>
    <t>f47096e1-a300-459d-b6bc-ecbd002b9a6f.tmp</t>
  </si>
  <si>
    <t>\\acsfs\profiles$\marcosvnds\Downloads\f47096e1-a300-459d-b6bc-ecbd002b9a6f.tmp</t>
  </si>
  <si>
    <t>0401aeda-5e39-443b-9158-e35bc50aa7f7.tmp</t>
  </si>
  <si>
    <t>\\acsfs\profiles$\marcosvnds\Downloads\0401aeda-5e39-443b-9158-e35bc50aa7f7.tmp</t>
  </si>
  <si>
    <t>3122d27f-ea0f-493b-915f-1a17e7caf326.tmp</t>
  </si>
  <si>
    <t>\\acsfs\profiles$\marcosvnds\Downloads\3122d27f-ea0f-493b-915f-1a17e7caf326.tmp</t>
  </si>
  <si>
    <t>\\acsfs\ACS\001 - Qualidade Lilian\PAULO\FAROL DE QUALIDADE\</t>
  </si>
  <si>
    <t>Não confirmado 652640.crdownload</t>
  </si>
  <si>
    <t>\\acsfs\ACS\001 - Qualidade Lilian\PAULO\FAROL DE QUALIDADE\Não confirmado 652640.crdownload</t>
  </si>
  <si>
    <t>Dimensionamento_Janeiro Financeira 1º ciclo.xlsx:Zone.Identifier</t>
  </si>
  <si>
    <t>\\acsfs\ACS\001 - Qualidade Lilian\PAULO\FAROL DE QUALIDADE\Dimensionamento_Janeiro Financeira 1º ciclo.xlsx:Zone.Identifier</t>
  </si>
  <si>
    <t>Departamental torre dez.xlsx</t>
  </si>
  <si>
    <t>a0719c28-c17a-4456-83d5-ee9f450ce257.tmp</t>
  </si>
  <si>
    <t>\\acsfs\profiles$\henriqueco\Downloads\a0719c28-c17a-4456-83d5-ee9f450ce257.tmp</t>
  </si>
  <si>
    <t>287fcb2a-9020-419e-977d-8f8842a37c95.tmp</t>
  </si>
  <si>
    <t>\\acsfs\profiles$\inarajst\Downloads\287fcb2a-9020-419e-977d-8f8842a37c95.tmp</t>
  </si>
  <si>
    <t>1fb677d5-42bb-491f-a9d9-f18a83bbefe9.tmp</t>
  </si>
  <si>
    <t>\\acsfs\profiles$\gabrielafs\Downloads\1fb677d5-42bb-491f-a9d9-f18a83bbefe9.tmp</t>
  </si>
  <si>
    <t>\\acsfs\profiles$\gabrielbmdl\Documents\anotações\</t>
  </si>
  <si>
    <t>script.txt</t>
  </si>
  <si>
    <t>\\acsfs\profiles$\gabrielbmdl\Documents\anotações\script.txt</t>
  </si>
  <si>
    <t>4481d486-64c0-40d5-aff7-8c334cc39abd.tmp</t>
  </si>
  <si>
    <t>\\acsfs\profiles$\leticiala\Downloads\4481d486-64c0-40d5-aff7-8c334cc39abd.tmp</t>
  </si>
  <si>
    <t>mail.google.com/sync/u/0/i/s?hl=pt-BR&amp;c=1083</t>
  </si>
  <si>
    <t>mail.google.com/sync/u/0/i/s?hl=pt-BR&amp;c=1085</t>
  </si>
  <si>
    <t>mail.google.com/sync/u/0/i/s?hl=pt-BR&amp;c=1090</t>
  </si>
  <si>
    <t>mail.google.com/sync/u/0/i/s?hl=pt-BR&amp;c=1092</t>
  </si>
  <si>
    <t>21f47996-55eb-4d07-837a-a197d6175de7.tmp</t>
  </si>
  <si>
    <t>\\acsfs\profiles$\marcosvnds\Downloads\21f47996-55eb-4d07-837a-a197d6175de7.tmp</t>
  </si>
  <si>
    <t>d8c5779a-d197-405e-ba90-ea9761de4233.tmp</t>
  </si>
  <si>
    <t>\\acsfs\profiles$\marcosvnds\Downloads\d8c5779a-d197-405e-ba90-ea9761de4233.tmp</t>
  </si>
  <si>
    <t>Disco Local (C) - Atalho (4).lnk</t>
  </si>
  <si>
    <t>\\acsfs\ACS\Disco Local (C) - Atalho (4).lnk</t>
  </si>
  <si>
    <t>ggtg.txt</t>
  </si>
  <si>
    <t>\\acsfs\profiles$\geovannasm\My Documents\ggtg.txt</t>
  </si>
  <si>
    <t>bbccda43-31a7-4259-8217-c8152d422e90.tmp</t>
  </si>
  <si>
    <t>\\acsfs\profiles$\wedersonbadr\My Documents\My Music\bbccda43-31a7-4259-8217-c8152d422e90.tmp</t>
  </si>
  <si>
    <t>18181a76-3036-469e-89bf-67fb9883bebd.tmp</t>
  </si>
  <si>
    <t>\\acsfs\profiles$\wedersonbadr\My Documents\My Music\18181a76-3036-469e-89bf-67fb9883bebd.tmp</t>
  </si>
  <si>
    <t>c2bced04-c2ff-43f2-bdf3-ac070a0135e3.tmp</t>
  </si>
  <si>
    <t>\\acsfs\profiles$\henriqueco\Downloads\c2bced04-c2ff-43f2-bdf3-ac070a0135e3.tmp</t>
  </si>
  <si>
    <t>756a6be5-ca2d-49b3-b6e1-1e677eeb41ff.tmp</t>
  </si>
  <si>
    <t>\\acsfs\profiles$\inarajst\Downloads\756a6be5-ca2d-49b3-b6e1-1e677eeb41ff.tmp</t>
  </si>
  <si>
    <t>23397a7f-c8c0-494a-bf04-66ce70bd24cb.tmp</t>
  </si>
  <si>
    <t>\\acsfs\profiles$\inarajst\Downloads\23397a7f-c8c0-494a-bf04-66ce70bd24cb.tmp</t>
  </si>
  <si>
    <t>73a0e751-4544-4535-b08e-2cdf03d4be99.tmp</t>
  </si>
  <si>
    <t>\\acsfs\profiles$\inarajst\Downloads\73a0e751-4544-4535-b08e-2cdf03d4be99.tmp</t>
  </si>
  <si>
    <t>d2290775-d245-4d0d-925e-c4cb6537e3cc.tmp</t>
  </si>
  <si>
    <t>\\acsfs\profiles$\inarajst\Downloads\d2290775-d245-4d0d-925e-c4cb6537e3cc.tmp</t>
  </si>
  <si>
    <t>10.200.60.82</t>
  </si>
  <si>
    <t>FC-01-7C-FE-64-89</t>
  </si>
  <si>
    <t>NB-GILMARASS</t>
  </si>
  <si>
    <t>victorvgar</t>
  </si>
  <si>
    <t>victorgar@algartech.com</t>
  </si>
  <si>
    <t>C:\Users\victorvgar\Downloads\</t>
  </si>
  <si>
    <t>Formulario_Ferias_Irregulares_-_Algar_Tech.xls</t>
  </si>
  <si>
    <t>mail.google.com/sync/u/0/i/s?hl=pt-BR&amp;c=1095</t>
  </si>
  <si>
    <t>mail.google.com/sync/u/0/i/s?hl=pt-BR&amp;c=1097</t>
  </si>
  <si>
    <t>mail.google.com/sync/u/0/i/s?hl=pt-BR&amp;c=1099</t>
  </si>
  <si>
    <t>.~lock.Acompanhamento Backoffice Cornerstone DEZ.19.xlsx#</t>
  </si>
  <si>
    <t>\\udpavonfs01\avon\00 - ACOMPANHAMENTO AVON\04 - BACKOFFICE CORNERSTONE\2020\01.2020\MÁSCARA\.~lock.Acompanhamento Backoffice Cornerstone DEZ.19.xlsx#</t>
  </si>
  <si>
    <t>\\udpavonfs01\avon\00 - ACOMPANHAMENTO AVON\04 - BACKOFFICE CORNERSTONE\2020\01.2020\MÁSCARA\Acompanhamento Backoffice Cornerstone DEZ.19.xlsx</t>
  </si>
  <si>
    <t>\\acsfs\ACS\001 - Qualidade Lilian\PAULO\FAROL DE QUALIDADE\Janeiro\</t>
  </si>
  <si>
    <t>Planilha nice 1° ciclo.xls</t>
  </si>
  <si>
    <t>\\acsfs\ACS\001 - Qualidade Lilian\PAULO\FAROL DE QUALIDADE\Janeiro\Planilha nice 1° ciclo.xls</t>
  </si>
  <si>
    <t>a45f417d-b657-4945-bb44-34f72fe9dcd6.tmp</t>
  </si>
  <si>
    <t>\\acsfs\profiles$\cintiadjl\Downloads\a45f417d-b657-4945-bb44-34f72fe9dcd6.tmp</t>
  </si>
  <si>
    <t>c:\users\fernandaap\downloads\</t>
  </si>
  <si>
    <t>formulario_ferias_irregulares_-_algar_tech.xls</t>
  </si>
  <si>
    <t>06976ced-a673-44ec-a86c-6be03cd6bd77.tmp</t>
  </si>
  <si>
    <t>\\acsfs\profiles$\laylaams\Downloads\06976ced-a673-44ec-a86c-6be03cd6bd77.tmp</t>
  </si>
  <si>
    <t>0fa39993-bbb6-45b5-a7c3-9024563767ad.tmp</t>
  </si>
  <si>
    <t>\\acsfs\profiles$\laylaams\Downloads\0fa39993-bbb6-45b5-a7c3-9024563767ad.tmp</t>
  </si>
  <si>
    <t>6149b53f-a3d0-41d4-be68-93e89feef63b.tmp</t>
  </si>
  <si>
    <t>\\acsfs\profiles$\LUISPLS\Downloads\6149b53f-a3d0-41d4-be68-93e89feef63b.tmp</t>
  </si>
  <si>
    <t>d68e5abc-777e-43c5-b9b2-7927ba910998.tmp</t>
  </si>
  <si>
    <t>\\acsfs\profiles$\talitassc\Downloads\d68e5abc-777e-43c5-b9b2-7927ba910998.tmp</t>
  </si>
  <si>
    <t>Horas Extras GRC _ Dez.2019.xls</t>
  </si>
  <si>
    <t>\\acsfs\profiles$\matheushds\Contacts\</t>
  </si>
  <si>
    <t>MATHEUS HENRIQUE DOS SANTOS (8713).contact</t>
  </si>
  <si>
    <t>\\acsfs\profiles$\matheushds\Contacts\MATHEUS HENRIQUE DOS SANTOS (8713).contact</t>
  </si>
  <si>
    <t>\\acsfs\profiles$\matheushds\My Documents\My Videos\</t>
  </si>
  <si>
    <t>\\acsfs\profiles$\matheushds\My Documents\My Videos\desktop.ini</t>
  </si>
  <si>
    <t>\\acsfs\profiles$\matheushds\My Documents\My Pictures\</t>
  </si>
  <si>
    <t>\\acsfs\profiles$\matheushds\My Documents\My Pictures\desktop.ini</t>
  </si>
  <si>
    <t>\\acsfs\profiles$\matheushds\Contacts\desktop.ini</t>
  </si>
  <si>
    <t>\\acsfs\profiles$\matheushds\Favorites\</t>
  </si>
  <si>
    <t>\\acsfs\profiles$\matheushds\Favorites\desktop.ini</t>
  </si>
  <si>
    <t>\\acsfs\profiles$\matheushds\My Documents\My Music\</t>
  </si>
  <si>
    <t>\\acsfs\profiles$\matheushds\My Documents\My Music\desktop.ini</t>
  </si>
  <si>
    <t>\\acsfs\profiles$\matheushds\Searches\</t>
  </si>
  <si>
    <t>\\acsfs\profiles$\matheushds\Searches\desktop.ini</t>
  </si>
  <si>
    <t>\\acsfs\profiles$\matheushds\Downloads\desktop.ini</t>
  </si>
  <si>
    <t>\\acsfs\profiles$\matheushds\My Documents\</t>
  </si>
  <si>
    <t>\\acsfs\profiles$\matheushds\My Documents\desktop.ini</t>
  </si>
  <si>
    <t>\\acsfs\profiles$\matheushds\Saved Games\</t>
  </si>
  <si>
    <t>\\acsfs\profiles$\matheushds\Saved Games\desktop.ini</t>
  </si>
  <si>
    <t>\\acsfs\profiles$\matheushds\Favorites\Links for Brasil\</t>
  </si>
  <si>
    <t>\\acsfs\profiles$\matheushds\Favorites\Links for Brasil\desktop.ini</t>
  </si>
  <si>
    <t>\\acsfs\profiles$\matheushds\Favorites\Links for Brasil\Microsoft Brasil.url</t>
  </si>
  <si>
    <t>\\acsfs\profiles$\matheushds\Favorites\Links for Brasil\Windows Brasil.url</t>
  </si>
  <si>
    <t>\\acsfs\profiles$\matheushds\Favorites\Links for Brasil\MSN Brasil.url</t>
  </si>
  <si>
    <t>\\acsfs\DEPTOS\Controladoria\3. CSC\CONTROLES CSC\Drivers de custo - 2019\11.2019\Cost Driver Algar Tech (11_19)\</t>
  </si>
  <si>
    <t>Cost Driver 2019-2 Algar Tech.xlsx</t>
  </si>
  <si>
    <t>007 - Jurídico.xlsx</t>
  </si>
  <si>
    <t>a6194f41-0cc1-40e5-87fd-35317245a8a7.tmp</t>
  </si>
  <si>
    <t>\\acsfs\profiles$\geovannasm\Downloads\a6194f41-0cc1-40e5-87fd-35317245a8a7.tmp</t>
  </si>
  <si>
    <t>6269aa56-b843-4288-9955-ea1e1aa4806f.tmp</t>
  </si>
  <si>
    <t>\\acsfs\profiles$\lorenabmc\Downloads\6269aa56-b843-4288-9955-ea1e1aa4806f.tmp</t>
  </si>
  <si>
    <t>lu225441ube95.tmp</t>
  </si>
  <si>
    <t>\\acsfs\profiles$\lucasgpe\Desktop\lu225441ube95.tmp</t>
  </si>
  <si>
    <t>\\acsfs\profiles$\lucasgpe\Desktop\lu225441ube95.tmp\</t>
  </si>
  <si>
    <t>\\acsfs\profiles$\lucasgpe\Desktop\lu225441ube95.tmp\META-INF\</t>
  </si>
  <si>
    <t>\\acsfs\profiles$\lucasgpe\Desktop\lu225441ube95.tmp\Thumbnails\</t>
  </si>
  <si>
    <t>\\udpavonfs01\avon\00 - ACOMPANHAMENTO AVON\04 - BACKOFFICE CORNERSTONE\2020\01.2020\MÁSCARA\</t>
  </si>
  <si>
    <t>Acompanhamento Backoffice Cornerstone JAN.20.xlsx</t>
  </si>
  <si>
    <t>\\udpavonfs01\avon\00 - ACOMPANHAMENTO AVON\04 - BACKOFFICE CORNERSTONE\2020\01.2020\MÁSCARA\Acompanhamento Backoffice Cornerstone JAN.20.xlsx</t>
  </si>
  <si>
    <t>fe9e8682-c55e-42e0-a92a-795d7c28c19f.tmp</t>
  </si>
  <si>
    <t>\\acsfs\profiles$\inarajst\Downloads\fe9e8682-c55e-42e0-a92a-795d7c28c19f.tmp</t>
  </si>
  <si>
    <t>e7c31541-c187-4f53-9eca-556e3094addd.tmp</t>
  </si>
  <si>
    <t>\\acsfs\profiles$\inarajst\Downloads\e7c31541-c187-4f53-9eca-556e3094addd.tmp</t>
  </si>
  <si>
    <t>fa824a4b-863b-45da-908f-2a4b16588cc6.tmp</t>
  </si>
  <si>
    <t>\\acsfs\profiles$\inarajst\Downloads\fa824a4b-863b-45da-908f-2a4b16588cc6.tmp</t>
  </si>
  <si>
    <t>096da520-e1e3-46e7-9773-f917e3fb5262.tmp</t>
  </si>
  <si>
    <t>\\acsfs\profiles$\inarajst\Downloads\096da520-e1e3-46e7-9773-f917e3fb5262.tmp</t>
  </si>
  <si>
    <t>7554a0dd-952f-4673-a6b3-561d91ffb6af.tmp</t>
  </si>
  <si>
    <t>\\acsfs\profiles$\inarajst\Downloads\7554a0dd-952f-4673-a6b3-561d91ffb6af.tmp</t>
  </si>
  <si>
    <t>820ec39e-a656-41f1-b97d-aa719d4a7a47.tmp</t>
  </si>
  <si>
    <t>\\acsfs\profiles$\inarajst\Downloads\820ec39e-a656-41f1-b97d-aa719d4a7a47.tmp</t>
  </si>
  <si>
    <t>\\acsfs\profiles$\KELLZYLENNEASR\My Documents\.~lock.Sem título 1.ods#</t>
  </si>
  <si>
    <t>lu2916143rnh.tmp</t>
  </si>
  <si>
    <t>\\acsfs\profiles$\KELLZYLENNEASR\My Documents\lu2916143rnh.tmp</t>
  </si>
  <si>
    <t>\\acsfs\profiles$\KELLZYLENNEASR\My Documents\lu2916143rnh.tmp\</t>
  </si>
  <si>
    <t>\\acsfs\profiles$\KELLZYLENNEASR\My Documents\lu2916143rnh.tmp\META-INF\</t>
  </si>
  <si>
    <t>\\acsfs\profiles$\KELLZYLENNEASR\My Documents\lu2916143rnh.tmp\Thumbnails\</t>
  </si>
  <si>
    <t>182c6a9c-3ee3-4eab-ae6d-4e35cc1adab2.tmp</t>
  </si>
  <si>
    <t>\\acsfs\profiles$\larissaad\Downloads\182c6a9c-3ee3-4eab-ae6d-4e35cc1adab2.tmp</t>
  </si>
  <si>
    <t>18af6919-965e-40b6-a848-5c598c3485dc.tmp</t>
  </si>
  <si>
    <t>\\acsfs\profiles$\henriqueco\Downloads\18af6919-965e-40b6-a848-5c598c3485dc.tmp</t>
  </si>
  <si>
    <t>\\acsfs\profiles$\vivianibfs\My Documents\xworkcenter\logs\</t>
  </si>
  <si>
    <t>XLOG_vivianibfs_03012020_152937.log</t>
  </si>
  <si>
    <t>\\acsfs\profiles$\vivianibfs\My Documents\xworkcenter\logs\XLOG_vivianibfs_03012020_152937.log</t>
  </si>
  <si>
    <t>e7275b5d-1b1e-4288-889d-6bd01c9f3ec2.tmp</t>
  </si>
  <si>
    <t>\\acsfs\profiles$\nathaliarmr\Downloads\e7275b5d-1b1e-4288-889d-6bd01c9f3ec2.tmp</t>
  </si>
  <si>
    <t>10.200.67.53</t>
  </si>
  <si>
    <t>74-86-7A-FC-CF-A9</t>
  </si>
  <si>
    <t>VOTORANT-RB003</t>
  </si>
  <si>
    <t>\\acsfs\profiles$\leticiaat\Contacts\</t>
  </si>
  <si>
    <t>LETICIA ALVES TEIXEIRA (26736).contact</t>
  </si>
  <si>
    <t>\\acsfs\profiles$\leticiaat\Contacts\LETICIA ALVES TEIXEIRA (26736).contact</t>
  </si>
  <si>
    <t>\\acsfs\profiles$\leticiaat\My Documents\My Videos\</t>
  </si>
  <si>
    <t>\\acsfs\profiles$\leticiaat\My Documents\My Videos\desktop.ini</t>
  </si>
  <si>
    <t>\\acsfs\profiles$\leticiaat\My Documents\My Pictures\</t>
  </si>
  <si>
    <t>\\acsfs\profiles$\leticiaat\My Documents\My Pictures\desktop.ini</t>
  </si>
  <si>
    <t>\\acsfs\profiles$\leticiaat\Contacts\desktop.ini</t>
  </si>
  <si>
    <t>\\acsfs\profiles$\leticiaat\Favorites\</t>
  </si>
  <si>
    <t>\\acsfs\profiles$\leticiaat\Favorites\desktop.ini</t>
  </si>
  <si>
    <t>\\acsfs\profiles$\leticiaat\My Documents\My Music\</t>
  </si>
  <si>
    <t>\\acsfs\profiles$\leticiaat\My Documents\My Music\desktop.ini</t>
  </si>
  <si>
    <t>\\acsfs\profiles$\leticiaat\Searches\</t>
  </si>
  <si>
    <t>\\acsfs\profiles$\leticiaat\Searches\desktop.ini</t>
  </si>
  <si>
    <t>\\acsfs\profiles$\leticiaat\Downloads\</t>
  </si>
  <si>
    <t>\\acsfs\profiles$\leticiaat\Downloads\desktop.ini</t>
  </si>
  <si>
    <t>\\acsfs\profiles$\leticiaat\My Documents\desktop.ini</t>
  </si>
  <si>
    <t>\\acsfs\profiles$\leticiaat\Saved Games\</t>
  </si>
  <si>
    <t>\\acsfs\profiles$\leticiaat\Saved Games\desktop.ini</t>
  </si>
  <si>
    <t>\\acsfs\profiles$\leticiaat\Favorites\Links for Brasil\</t>
  </si>
  <si>
    <t>\\acsfs\profiles$\leticiaat\Favorites\Links for Brasil\desktop.ini</t>
  </si>
  <si>
    <t>\\acsfs\profiles$\leticiaat\Favorites\Links for Brasil\Microsoft Brasil.url</t>
  </si>
  <si>
    <t>\\acsfs\profiles$\leticiaat\Favorites\Links for Brasil\Windows Brasil.url</t>
  </si>
  <si>
    <t>\\acsfs\profiles$\leticiaat\Favorites\Links for Brasil\MSN Brasil.url</t>
  </si>
  <si>
    <t>lu73196bfyt5c.tmp</t>
  </si>
  <si>
    <t>\\acsfs\DEPTOS\Operacao\Banco_Votorantim\Supervisao\SUPERS BV CARTÕES\ANA VITORIA\APOIO\lu73196bfyt5c.tmp</t>
  </si>
  <si>
    <t>\\acsfs\DEPTOS\Operacao\Banco_Votorantim\Supervisao\SUPERS BV CARTÕES\ANA VITORIA\APOIO\lu73196bfyt5c.tmp\</t>
  </si>
  <si>
    <t>\\acsfs\DEPTOS\Operacao\Banco_Votorantim\Supervisao\SUPERS BV CARTÕES\ANA VITORIA\APOIO\lu73196bfyt5c.tmp\META-INF\</t>
  </si>
  <si>
    <t>\\acsfs\DEPTOS\Operacao\Banco_Votorantim\Supervisao\SUPERS BV CARTÕES\ANA VITORIA\APOIO\lu73196bfyt5c.tmp\Thumbnails\</t>
  </si>
  <si>
    <t>mail.google.com/sync/u/0/i/s?hl=pt-BR&amp;c=1112</t>
  </si>
  <si>
    <t>mail.google.com/sync/u/0/i/s?hl=pt-BR&amp;c=1114</t>
  </si>
  <si>
    <t>mail.google.com/sync/u/0/i/s?hl=pt-BR&amp;c=1119</t>
  </si>
  <si>
    <t>cpc-controldeskavon@algartech.com;joseasn@algartech.com;josiascdsj@algartech.com;marianadjc@algartech.com;paulacn@algartech.com;rafaelggs@algartech.com;viniciussg@algartech.com;</t>
  </si>
  <si>
    <t>cpc-controldeskavon@algartech.com,joseasn@algartech.com,josiascdsj@algartech.com,marianadjc@algartech.com,paulacn@algartech.com,rafaelggs@algartech.com,viniciussg@algartech.com</t>
  </si>
  <si>
    <t>mail.google.com/sync/u/0/i/s?hl=pt-BR&amp;c=1124</t>
  </si>
  <si>
    <t>mail.google.com/sync/u/0/i/s?hl=pt-BR&amp;c=1126</t>
  </si>
  <si>
    <t>mail.google.com/sync/u/0/i/s?hl=pt-BR&amp;c=1128</t>
  </si>
  <si>
    <t>mail.google.com/sync/u/0/i/s?hl=pt-BR&amp;c=1132</t>
  </si>
  <si>
    <t>mail.google.com/sync/u/0/i/s?hl=pt-BR&amp;c=1134</t>
  </si>
  <si>
    <t>mail.google.com/sync/u/0/i/s?hl=pt-BR&amp;c=1136</t>
  </si>
  <si>
    <t>mail.google.com/sync/u/0/i/s?hl=pt-BR&amp;c=1138</t>
  </si>
  <si>
    <t>78e38917-df0f-4a28-b4d8-bba466f4af73.tmp</t>
  </si>
  <si>
    <t>\\acsfs\profiles$\deborahsi\Downloads\78e38917-df0f-4a28-b4d8-bba466f4af73.tmp</t>
  </si>
  <si>
    <t>1fb351c2-d255-44c3-895b-5e852ade102b.tmp</t>
  </si>
  <si>
    <t>\\acsfs\profiles$\inarajst\Downloads\1fb351c2-d255-44c3-895b-5e852ade102b.tmp</t>
  </si>
  <si>
    <t>26afebcb-5ae8-4777-b17c-7c471d5e4393.tmp</t>
  </si>
  <si>
    <t>\\acsfs\profiles$\alessandraan\Downloads\26afebcb-5ae8-4777-b17c-7c471d5e4393.tmp</t>
  </si>
  <si>
    <t>\\acsfs\profiles$\MARILIAFPLB\ATIVO\</t>
  </si>
  <si>
    <t>\\acsfs\profiles$\MARILIAFPLB\ATIVO\.~lock.ATIVO ATT.ods#</t>
  </si>
  <si>
    <t>1ae299d5-ec44-499e-bfb7-69cfc6f8fcbd.tmp</t>
  </si>
  <si>
    <t>\\acsfs\profiles$\geovannasm\Downloads\1ae299d5-ec44-499e-bfb7-69cfc6f8fcbd.tmp</t>
  </si>
  <si>
    <t>2c657fed-1414-4fcb-a483-2cfe856df948.tmp</t>
  </si>
  <si>
    <t>\\acsfs\profiles$\lorraynevam\Downloads\2c657fed-1414-4fcb-a483-2cfe856df948.tmp</t>
  </si>
  <si>
    <t>4fc4de03-ad9b-43c7-a47b-4265561630b7.tmp</t>
  </si>
  <si>
    <t>\\acsfs\profiles$\henriqueco\Downloads\4fc4de03-ad9b-43c7-a47b-4265561630b7.tmp</t>
  </si>
  <si>
    <t>3f80e137-d314-4563-9655-0d5afc9f57a1.tmp</t>
  </si>
  <si>
    <t>\\acsfs\profiles$\jalilebds\Downloads\3f80e137-d314-4563-9655-0d5afc9f57a1.tmp</t>
  </si>
  <si>
    <t>9d3bc2e5-f181-4414-a34c-19053c134ef1.tmp</t>
  </si>
  <si>
    <t>\\acsfs\profiles$\geovannasm\Downloads\9d3bc2e5-f181-4414-a34c-19053c134ef1.tmp</t>
  </si>
  <si>
    <t>b8b9daae-f5da-43af-81da-937279dcb7ee.tmp</t>
  </si>
  <si>
    <t>\\acsfs\profiles$\geovannasm\Downloads\b8b9daae-f5da-43af-81da-937279dcb7ee.tmp</t>
  </si>
  <si>
    <t>27671f28-ac6a-4bd8-84ed-d42e57985f7a.tmp</t>
  </si>
  <si>
    <t>\\acsfs\profiles$\alinepp\Downloads\27671f28-ac6a-4bd8-84ed-d42e57985f7a.tmp</t>
  </si>
  <si>
    <t>10ebbbff-b9b1-4005-98cb-53a93c79c0d3.tmp</t>
  </si>
  <si>
    <t>\\acsfs\profiles$\alinepp\Downloads\10ebbbff-b9b1-4005-98cb-53a93c79c0d3.tmp</t>
  </si>
  <si>
    <t>ba92c81b-a750-4e80-be24-25117face5c6.tmp</t>
  </si>
  <si>
    <t>\\acsfs\profiles$\gabriellalpr\Downloads\ba92c81b-a750-4e80-be24-25117face5c6.tmp</t>
  </si>
  <si>
    <t>BDBV.xlsm</t>
  </si>
  <si>
    <t>\\acsfs\ACS\Gabriel da Silva\Contemporânea\BDBV.xlsm</t>
  </si>
  <si>
    <t>lu73196bfyt5l.tmp</t>
  </si>
  <si>
    <t>\\acsfs\DEPTOS\Operacao\Banco_Votorantim\Supervisao\SUPERS BV CARTÕES\ANA VITORIA\APOIO\lu73196bfyt5l.tmp</t>
  </si>
  <si>
    <t>\\acsfs\DEPTOS\Operacao\Banco_Votorantim\Supervisao\SUPERS BV CARTÕES\ANA VITORIA\APOIO\lu73196bfyt5l.tmp\</t>
  </si>
  <si>
    <t>\\acsfs\DEPTOS\Operacao\Banco_Votorantim\Supervisao\SUPERS BV CARTÕES\ANA VITORIA\APOIO\lu73196bfyt5l.tmp\META-INF\</t>
  </si>
  <si>
    <t>\\acsfs\DEPTOS\Operacao\Banco_Votorantim\Supervisao\SUPERS BV CARTÕES\ANA VITORIA\APOIO\lu73196bfyt5l.tmp\Thumbnails\</t>
  </si>
  <si>
    <t>\\acsfs\DEPTOS\Operacao\Banco_Votorantim\Supervisao\SUPERS BV CARTÕES\ANA VITORIA\APOIO\Thumbs.db</t>
  </si>
  <si>
    <t>.~lock.Status Filas.xlsx#</t>
  </si>
  <si>
    <t>\\acsfs\DEPTOS\Operacao\Banco_Votorantim\Supervisao\SUPERS BV CARTÕES\ANA VITORIA\APOIO\.~lock.Status Filas.xlsx#</t>
  </si>
  <si>
    <t>mail.google.com/sync/u/0/i/s?hl=pt-BR&amp;c=1153</t>
  </si>
  <si>
    <t>mail.google.com/sync/u/0/i/s?hl=pt-BR&amp;c=1155</t>
  </si>
  <si>
    <t>mail.google.com/sync/u/0/i/s?hl=pt-BR&amp;c=1157</t>
  </si>
  <si>
    <t>mail.google.com/sync/u/0/i/s?hl=pt-BR&amp;c=1159</t>
  </si>
  <si>
    <t>mail.google.com/sync/u/0/i/s?hl=pt-BR&amp;c=1161</t>
  </si>
  <si>
    <t>mail.google.com/sync/u/0/i/s?hl=pt-BR&amp;c=1163</t>
  </si>
  <si>
    <t>mail.google.com/sync/u/0/i/s?hl=pt-BR&amp;c=1167</t>
  </si>
  <si>
    <t>mail.google.com/sync/u/0/i/s?hl=pt-BR&amp;c=1169</t>
  </si>
  <si>
    <t>mail.google.com/sync/u/0/i/s?hl=pt-BR&amp;c=1171</t>
  </si>
  <si>
    <t>mail.google.com/sync/u/0/i/s?hl=pt-BR&amp;c=1173</t>
  </si>
  <si>
    <t>mail.google.com/sync/u/0/i/s?hl=pt-BR&amp;c=1175</t>
  </si>
  <si>
    <t>mail.google.com/sync/u/0/i/s?hl=pt-BR&amp;c=1177</t>
  </si>
  <si>
    <t>mail.google.com/sync/u/0/i/s?hl=pt-BR&amp;c=1179</t>
  </si>
  <si>
    <t>mail.google.com/sync/u/0/i/s?hl=pt-BR&amp;c=1186</t>
  </si>
  <si>
    <t>383ba521-8288-4686-92ab-845153fca714.tmp</t>
  </si>
  <si>
    <t>\\acsfs\profiles$\mariajra\Downloads\383ba521-8288-4686-92ab-845153fca714.tmp</t>
  </si>
  <si>
    <t>7ec05520-2223-4a27-bfc5-acc43c126893.tmp</t>
  </si>
  <si>
    <t>\\acsfs\profiles$\inarajst\Downloads\7ec05520-2223-4a27-bfc5-acc43c126893.tmp</t>
  </si>
  <si>
    <t>mail.google.com/sync/u/0/i/s?hl=pt-BR&amp;c=210</t>
  </si>
  <si>
    <t>818759c5-299b-437a-86ed-f3f0c3543e48.tmp</t>
  </si>
  <si>
    <t>\\acsfs\profiles$\andreapdsg\Downloads\818759c5-299b-437a-86ed-f3f0c3543e48.tmp</t>
  </si>
  <si>
    <t>Q29udHJvbGxlci5JRS1JbmZvQlY- (22).ica</t>
  </si>
  <si>
    <t>\\acsfs\profiles$\andreapdsg\Downloads\Q29udHJvbGxlci5JRS1JbmZvQlY- (22).ica</t>
  </si>
  <si>
    <t>1b59f413-fa4a-4840-83f8-4939436288f8.tmp</t>
  </si>
  <si>
    <t>\\acsfs\profiles$\andreapdsg\Downloads\1b59f413-fa4a-4840-83f8-4939436288f8.tmp</t>
  </si>
  <si>
    <t>724622cb-46eb-4ef1-b093-4c25ad7246cc.tmp</t>
  </si>
  <si>
    <t>\\acsfs\profiles$\andreapdsg\Downloads\724622cb-46eb-4ef1-b093-4c25ad7246cc.tmp</t>
  </si>
  <si>
    <t>a7478b2a-4a36-41ce-a065-7e6314b7edc8.tmp</t>
  </si>
  <si>
    <t>\\acsfs\profiles$\andreapdsg\Downloads\a7478b2a-4a36-41ce-a065-7e6314b7edc8.tmp</t>
  </si>
  <si>
    <t>1e220ff2-5dd6-4712-a8fe-4cea46dbe99a.tmp</t>
  </si>
  <si>
    <t>\\acsfs\profiles$\andreapdsg\Downloads\1e220ff2-5dd6-4712-a8fe-4cea46dbe99a.tmp</t>
  </si>
  <si>
    <t>cde4a75e-ec09-4cd9-a3ff-3801e9077cbe.tmp</t>
  </si>
  <si>
    <t>\\acsfs\profiles$\wedersonbadr\My Documents\My Music\cde4a75e-ec09-4cd9-a3ff-3801e9077cbe.tmp</t>
  </si>
  <si>
    <t>10.200.57.247</t>
  </si>
  <si>
    <t>2C-6F-C9-66-33-17</t>
  </si>
  <si>
    <t>mail.google.com/_/upload?authuser=0&amp;dcp=asu-n&amp;upload_id=AEnB2UoQ1PekdyRmfbhAjI12cREAXyNWXJCcAMPe6sfrha76gwoW1Ed--aBBv6WttkbGJWCMQUcz0L0F1DTdmbFHY2J_t_8r__FWoh_8j-76rVscKhs_EH8&amp;upload_protocol=resumable</t>
  </si>
  <si>
    <t>C:\Users\edilsonrb\Documents\02.Trabalho\86.ANO.2020\02.NIMBUS\01.JANEIRO\01.CUSTO.FOLHA\</t>
  </si>
  <si>
    <t>ABRIL.2019.xlsx</t>
  </si>
  <si>
    <t>a9244ec5-411c-413a-b3df-701e4db41fbf.tmp</t>
  </si>
  <si>
    <t>\\acsfs\profiles$\myllenardl\Downloads\a9244ec5-411c-413a-b3df-701e4db41fbf.tmp</t>
  </si>
  <si>
    <t>b035ca89-992b-4ab5-894f-8ad4de9bcf82.tmp</t>
  </si>
  <si>
    <t>\\acsfs\profiles$\gabrielarb\Downloads\b035ca89-992b-4ab5-894f-8ad4de9bcf82.tmp</t>
  </si>
  <si>
    <t>48e46020-164a-4752-8936-b6bb183309b3.tmp</t>
  </si>
  <si>
    <t>\\acsfs\profiles$\gabrielarb\Downloads\48e46020-164a-4752-8936-b6bb183309b3.tmp</t>
  </si>
  <si>
    <t>15959e6c-954a-4144-b1de-370392df7927.tmp</t>
  </si>
  <si>
    <t>\\acsfs\profiles$\gabrielarb\Downloads\15959e6c-954a-4144-b1de-370392df7927.tmp</t>
  </si>
  <si>
    <t>8fa4b520-11e5-4414-85be-afa450363895.tmp</t>
  </si>
  <si>
    <t>\\acsfs\profiles$\gabrielarb\Downloads\8fa4b520-11e5-4414-85be-afa450363895.tmp</t>
  </si>
  <si>
    <t>1856abd9-b0fe-4504-9d37-7e92b9418828.tmp</t>
  </si>
  <si>
    <t>\\acsfs\profiles$\gabrielsma\Downloads\1856abd9-b0fe-4504-9d37-7e92b9418828.tmp</t>
  </si>
  <si>
    <t>\\acsfs\profiles$\gabrielsma\Downloads\1856abd9-b0fe-4504-9d37-7e92b9418828.tmp\</t>
  </si>
  <si>
    <t>attachment</t>
  </si>
  <si>
    <t>attachment-01</t>
  </si>
  <si>
    <t>attachment-02</t>
  </si>
  <si>
    <t>attachment-03</t>
  </si>
  <si>
    <t>attachment-04</t>
  </si>
  <si>
    <t>attachment-05</t>
  </si>
  <si>
    <t>attachment-06</t>
  </si>
  <si>
    <t>attachment-07</t>
  </si>
  <si>
    <t>attachment-08</t>
  </si>
  <si>
    <t>attachment-09</t>
  </si>
  <si>
    <t>attachment-10</t>
  </si>
  <si>
    <t>attachment-11</t>
  </si>
  <si>
    <t>attachment-12</t>
  </si>
  <si>
    <t>attachment-13</t>
  </si>
  <si>
    <t>attachment-14</t>
  </si>
  <si>
    <t>attachment-15</t>
  </si>
  <si>
    <t>attachment-16</t>
  </si>
  <si>
    <t>attachment-17</t>
  </si>
  <si>
    <t>attachment-18</t>
  </si>
  <si>
    <t>attachment-19</t>
  </si>
  <si>
    <t>attachment-20</t>
  </si>
  <si>
    <t>attachment-21</t>
  </si>
  <si>
    <t>attachment-22</t>
  </si>
  <si>
    <t>attachment-23</t>
  </si>
  <si>
    <t>attachment-24</t>
  </si>
  <si>
    <t>attachment-25</t>
  </si>
  <si>
    <t>attachment-26</t>
  </si>
  <si>
    <t>attachment-27</t>
  </si>
  <si>
    <t>attachment-28</t>
  </si>
  <si>
    <t>attachment-29</t>
  </si>
  <si>
    <t>attachment-30</t>
  </si>
  <si>
    <t>attachment-31</t>
  </si>
  <si>
    <t>attachment-32</t>
  </si>
  <si>
    <t>attachment-33</t>
  </si>
  <si>
    <t>898da91c-452d-4aea-b78d-1c4f9ed7b17f.tmp</t>
  </si>
  <si>
    <t>\\acsfs\profiles$\gabrielsma\Downloads\898da91c-452d-4aea-b78d-1c4f9ed7b17f.tmp</t>
  </si>
  <si>
    <t>\\acsfs\profiles$\gabrielsma\Downloads\898da91c-452d-4aea-b78d-1c4f9ed7b17f.tmp\</t>
  </si>
  <si>
    <t>\\acsfs\deptos\Operacao\PCP\5 - Comum\CONTROL DESK\2 - DAC2\Control Desk AVON\Relatorios\WHATSAPP\2020\</t>
  </si>
  <si>
    <t>Report PA Digital_TOPS_Janeiro.xlsm</t>
  </si>
  <si>
    <t>\\acsfs\deptos\Operacao\PCP\5 - Comum\CONTROL DESK\2 - DAC2\Control Desk AVON\Relatorios\WHATSAPP\2020\Report PA Digital_TOPS_Janeiro.xlsm</t>
  </si>
  <si>
    <t>\\acsfs\DEPTOS\Operacao\PCP\5 - Comum\PLANEJAMENTO BV\23 - EXTRAÇÕES\Agent utilization\2020\</t>
  </si>
  <si>
    <t>Agent utilization 01.01.2020 a 02.01.2020.xlsx</t>
  </si>
  <si>
    <t>\\acsfs\DEPTOS\Operacao\PCP\5 - Comum\PLANEJAMENTO BV\23 - EXTRAÇÕES\Agent utilization\2020\Agent utilization 01.01.2020 a 02.01.2020.xlsx</t>
  </si>
  <si>
    <t>Q29udHJvbGxlci5QYXl3YXJl (24).ica</t>
  </si>
  <si>
    <t>\\acsfs\profiles$\andreapdsg\Downloads\Q29udHJvbGxlci5QYXl3YXJl (24).ica</t>
  </si>
  <si>
    <t>54b5aa3c-236c-4aff-9597-572db070272d.tmp</t>
  </si>
  <si>
    <t>\\acsfs\profiles$\larissaad\Downloads\54b5aa3c-236c-4aff-9597-572db070272d.tmp</t>
  </si>
  <si>
    <t>XLOG_vanessacgs_03012020_090722.log</t>
  </si>
  <si>
    <t>\\acsfs\profiles$\vanessacgs\My Documents\xworkcenter\logs\XLOG_vanessacgs_03012020_090722.log</t>
  </si>
  <si>
    <t>\\acsfs\profiles$\vanessacgs\Documents\</t>
  </si>
  <si>
    <t>pastass.txt</t>
  </si>
  <si>
    <t>\\acsfs\profiles$\vanessacgs\Documents\pastass.txt</t>
  </si>
  <si>
    <t>21777c3c-c2de-4c89-ab37-6760e593fe6b.tmp</t>
  </si>
  <si>
    <t>\\acsfs\profiles$\rafaelahpn\Downloads\21777c3c-c2de-4c89-ab37-6760e593fe6b.tmp</t>
  </si>
  <si>
    <t>fb09bc4a-423f-41d4-8577-63ddeabf23b8.tmp</t>
  </si>
  <si>
    <t>\\acsfs\profiles$\myllenardl\Downloads\fb09bc4a-423f-41d4-8577-63ddeabf23b8.tmp</t>
  </si>
  <si>
    <t>a48fa127-a5a5-4eb6-8df4-3e830d9bd789.tmp</t>
  </si>
  <si>
    <t>\\acsfs\profiles$\myllenardl\Downloads\a48fa127-a5a5-4eb6-8df4-3e830d9bd789.tmp</t>
  </si>
  <si>
    <t>mail.google.com/_/upload?authuser=0&amp;dcp=asu-n&amp;upload_id=AEnB2UrqSLBe12isSq715f60kN6ORZEYhG6MG1A3qyA5YWn2ZAH4MWyBOC3ci2zb_iL5YrqgiRfmyl85uRRASqVAA-AewEDIk0kAPM26yskbxwOyOAT8IZE&amp;upload_protocol=resumable</t>
  </si>
  <si>
    <t>95613ee8-caad-4b37-a693-212383936a38.tmp</t>
  </si>
  <si>
    <t>\\acsfs\profiles$\gabrielarb\Downloads\95613ee8-caad-4b37-a693-212383936a38.tmp</t>
  </si>
  <si>
    <t>af1789fe-d5a6-4b56-b12e-dad9875c735b.tmp</t>
  </si>
  <si>
    <t>\\acsfs\profiles$\anafsb\Downloads\af1789fe-d5a6-4b56-b12e-dad9875c735b.tmp</t>
  </si>
  <si>
    <t>mail.google.com/sync/u/0/i/s?hl=pt-BR&amp;c=1197</t>
  </si>
  <si>
    <t>mail.google.com/sync/u/0/i/s?hl=pt-BR&amp;c=1199</t>
  </si>
  <si>
    <t>0;algartechcpcbv@algartech.com;andrelpsa@algartech.com;catianalv@algartech.com;cpc-controldeskavon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0,algartechcpcbv@algartech.com,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204</t>
  </si>
  <si>
    <t>mail.google.com/sync/u/0/i/s?hl=pt-BR&amp;c=1209</t>
  </si>
  <si>
    <t>catianalv@algartech.com;cpc-controldeskavon@algartech.com;joseasn@algartech.com;josiascdsj@algartech.com;lucianarsantos@algartech.com;luiz.henriquesantos@avon.com;marianadjc@algartech.com;paulacn@algartech.com;rafaelggs@algartech.com;senildapdo@algartecnologia.com.br;viniciussg@algartech.com;</t>
  </si>
  <si>
    <t>catianalv@algartech.com,cpc-controldeskavon@algartech.com,joseasn@algartech.com,josiascdsj@algartech.com,lucianarsantos@algartech.com,luiz.henriquesantos@avon.com,marianadjc@algartech.com,paulacn@algartech.com,rafaelggs@algartech.com,senildapdo@algartecnologia.com.br,viniciussg@algartech.com</t>
  </si>
  <si>
    <t>catianalv@algartech.com;cpc-controldeskavon@algartech.com;joseasn@algartech.com;josiascdsj@algartech.com;lucianarsantos@algartech.com;marianadjc@algartech.com;paulacn@algartech.com;rafaelggs@algartech.com;senildapdo@algartecnologia.com.br;viniciussg@algartech.com;</t>
  </si>
  <si>
    <t>catianalv@algartech.com,cpc-controldeskavon@algartech.com,joseasn@algartech.com,josiascdsj@algartech.com,lucianarsantos@algartech.com,marianadjc@algartech.com,paulacn@algartech.com,rafaelggs@algartech.com,senildapdo@algartecnologia.com.br,viniciussg@algartech.com</t>
  </si>
  <si>
    <t>mail.google.com/sync/u/0/i/s?hl=pt-BR&amp;c=1217</t>
  </si>
  <si>
    <t>47fe9f9e-d09d-40ef-b938-8c16bafe53b2.tmp</t>
  </si>
  <si>
    <t>\\acsfs\profiles$\andreapdsg\Downloads\47fe9f9e-d09d-40ef-b938-8c16bafe53b2.tmp</t>
  </si>
  <si>
    <t>d182e87e-9bd4-4210-a7c1-a81f59ceb860.tmp</t>
  </si>
  <si>
    <t>\\acsfs\profiles$\andreapdsg\Downloads\d182e87e-9bd4-4210-a7c1-a81f59ceb860.tmp</t>
  </si>
  <si>
    <t>https://joaogvc@algartech.com,leonardoao@algartech.com,marianadjc@algartech.com,rafaelggs@algartech.com,taysdss@algartech.com,thiagordu@algartech.com,viniciussg@algartech.com</t>
  </si>
  <si>
    <t>1eb3bbb1-988a-409f-9eae-ea7f3162c7f5.tmp</t>
  </si>
  <si>
    <t>\\acsfs\profiles$\ayalabfi\Downloads\1eb3bbb1-988a-409f-9eae-ea7f3162c7f5.tmp</t>
  </si>
  <si>
    <t>363e9e51-95d0-40a4-bf9c-fcd1b35f1c7c.tmp</t>
  </si>
  <si>
    <t>\\acsfs\profiles$\gabrielarb\Downloads\363e9e51-95d0-40a4-bf9c-fcd1b35f1c7c.tmp</t>
  </si>
  <si>
    <t>3094fccc-9fb3-440a-8541-809c912957da.tmp</t>
  </si>
  <si>
    <t>\\acsfs\profiles$\gabrielarb\Downloads\3094fccc-9fb3-440a-8541-809c912957da.tmp</t>
  </si>
  <si>
    <t>49b713a9-c2ae-48c1-8f2c-9b0d268355df.tmp</t>
  </si>
  <si>
    <t>\\acsfs\profiles$\gabrielarb\Downloads\49b713a9-c2ae-48c1-8f2c-9b0d268355df.tmp</t>
  </si>
  <si>
    <t>6fd5146a-1199-49f5-aa1c-b3f42c95352c.tmp</t>
  </si>
  <si>
    <t>\\acsfs\profiles$\gabrielarb\Downloads\6fd5146a-1199-49f5-aa1c-b3f42c95352c.tmp</t>
  </si>
  <si>
    <t>2fe754fb-cd31-4042-96bb-86874df40fbb.tmp</t>
  </si>
  <si>
    <t>\\acsfs\profiles$\gabrielsma\Downloads\2fe754fb-cd31-4042-96bb-86874df40fbb.tmp</t>
  </si>
  <si>
    <t>\\acsfs\profiles$\gabrielsma\Downloads\2fe754fb-cd31-4042-96bb-86874df40fbb.tmp\</t>
  </si>
  <si>
    <t>lu89032bw1z1x.tmp</t>
  </si>
  <si>
    <t>\\acsfs\DEPTOS\Operacao\Banco_Votorantim\Supervisao\SUPERS BV CARTÕES\ANA VITORIA\APOIO\lu89032bw1z1x.tmp</t>
  </si>
  <si>
    <t>mail.google.com/sync/u/0/i/s?hl=pt-BR&amp;c=1219</t>
  </si>
  <si>
    <t>mail.google.com/sync/u/0/i/s?hl=pt-BR&amp;c=1224</t>
  </si>
  <si>
    <t>da972378-5652-49ab-baba-329bcab4776c.tmp</t>
  </si>
  <si>
    <t>\\acsfs\profiles$\geovannasm\Downloads\da972378-5652-49ab-baba-329bcab4776c.tmp</t>
  </si>
  <si>
    <t>harunams</t>
  </si>
  <si>
    <t>c:\users\harunams\downloads\</t>
  </si>
  <si>
    <t>kit_pre_deslig_ant_term_contrato_empregado_124299_wesley andrade santos.pdf</t>
  </si>
  <si>
    <t>2e693b65-cbe2-4f37-a8d5-2efc3a1a8fef.tmp</t>
  </si>
  <si>
    <t>\\acsfs\profiles$\nayarasds\Downloads\2e693b65-cbe2-4f37-a8d5-2efc3a1a8fef.tmp</t>
  </si>
  <si>
    <t>97763869-69c9-4751-975a-fc695aba4e60.tmp</t>
  </si>
  <si>
    <t>\\acsfs\profiles$\nayarasds\Downloads\97763869-69c9-4751-975a-fc695aba4e60.tmp</t>
  </si>
  <si>
    <t>77f54601-14f7-48d4-b4aa-52b42bc3c124.tmp</t>
  </si>
  <si>
    <t>\\acsfs\profiles$\geovannasm\Downloads\77f54601-14f7-48d4-b4aa-52b42bc3c124.tmp</t>
  </si>
  <si>
    <t>8142fd0f-7ea5-4459-a557-2b520398eabb.tmp</t>
  </si>
  <si>
    <t>\\acsfs\profiles$\lorrainerdl\Downloads\8142fd0f-7ea5-4459-a557-2b520398eabb.tmp</t>
  </si>
  <si>
    <t>74-86-7A-FB-17-D6</t>
  </si>
  <si>
    <t>VOTORANT-GB014</t>
  </si>
  <si>
    <t>paulohaf</t>
  </si>
  <si>
    <t>10.200.61.111</t>
  </si>
  <si>
    <t>54-BF-64-F5-7F-8C</t>
  </si>
  <si>
    <t>NB-LEANDROJBE</t>
  </si>
  <si>
    <t>leandrojbe</t>
  </si>
  <si>
    <t>mail.google.com/_/upload?authuser=0&amp;dcp=asu-n&amp;upload_id=AEnB2UqQmQ1wtbSsR8y_vxJrb1L8SChWPfWWDqbWE8f_S9RE7t_ijF1bsPHFnke4XnLAkKAGL_8n9hoP5IVLxgF-Gntd75QhmQ&amp;upload_protocol=resumable</t>
  </si>
  <si>
    <t>C:\Users\leandrojbe\Desktop\</t>
  </si>
  <si>
    <t>EMAIL_BRIGADA_2020.xlsx</t>
  </si>
  <si>
    <t>abb7394a-05f6-46fe-b8db-5440b69c1ead.tmp</t>
  </si>
  <si>
    <t>\\acsfs\profiles$\gabrielarb\Downloads\abb7394a-05f6-46fe-b8db-5440b69c1ead.tmp</t>
  </si>
  <si>
    <t>fb894048-d4f1-43bc-a529-bc4c43b251f8.tmp</t>
  </si>
  <si>
    <t>\\acsfs\profiles$\gabrielarb\Downloads\fb894048-d4f1-43bc-a529-bc4c43b251f8.tmp</t>
  </si>
  <si>
    <t>0760ac39-749c-40c4-b374-dd3ea1660c81.tmp</t>
  </si>
  <si>
    <t>\\acsfs\profiles$\gabrielarb\Downloads\0760ac39-749c-40c4-b374-dd3ea1660c81.tmp</t>
  </si>
  <si>
    <t>10.200.59.247</t>
  </si>
  <si>
    <t>54-BF-64-F5-57-6F</t>
  </si>
  <si>
    <t>NB-RENATOFOL</t>
  </si>
  <si>
    <t>renatofol</t>
  </si>
  <si>
    <t>renatofol@algartech.com</t>
  </si>
  <si>
    <t>C:\Users\renatofol\Downloads\</t>
  </si>
  <si>
    <t>Fatura Smart.xlsx</t>
  </si>
  <si>
    <t>XLOG_tiagosno_03012020_083001.log</t>
  </si>
  <si>
    <t>\\acsfs\profiles$\tiagosno\My Documents\xworkcenter\logs\XLOG_tiagosno_03012020_083001.log</t>
  </si>
  <si>
    <t>10.200.60.142</t>
  </si>
  <si>
    <t>80-86-F2-FD-43-E1</t>
  </si>
  <si>
    <t>NB-GABRIELJST</t>
  </si>
  <si>
    <t>gabrieljst</t>
  </si>
  <si>
    <t>C:\Users\gabrieljst\Desktop\</t>
  </si>
  <si>
    <t>mail.google.com/_/upload?authuser=1&amp;dcp=asu-n&amp;upload_id=AEnB2UpV8kOEhLomUa8VM_nRENaCp_30MbPrSC1oVQbCA7-4YtUnluakq85jlfzz-JWgDVrW1aJAXO_E5XIZWQc6Mn71wEHqjHv19xziNOehzRcVs98cl2c&amp;upload_protocol=resumable</t>
  </si>
  <si>
    <t>XLOG_ellencds_03012020_081637.log</t>
  </si>
  <si>
    <t>\\acsfs\profiles$\ellencds\My Documents\xworkcenter\logs\XLOG_ellencds_03012020_081637.log</t>
  </si>
  <si>
    <t>84928b49-e391-4549-9071-052b7a8636b3.tmp</t>
  </si>
  <si>
    <t>\\acsfs\profiles$\lucasgpe\Downloads\84928b49-e391-4549-9071-052b7a8636b3.tmp</t>
  </si>
  <si>
    <t>mail.google.com/_/upload?authuser=1&amp;dcp=asu-n&amp;upload_id=AEnB2Ur7WSXQXG65jC7_b2iI29yI6eGXQvZXTG21_nCUbMOsIA3JOjcHFSCceeYKN0ntza7y7WR4AkNYyoo2iQh3d7LIvzDt4qRf0ZSKXGW1QMrg4RxFUSQ&amp;upload_protocol=resumable</t>
  </si>
  <si>
    <t>Estudo Conversão - Árvore Antiga.xlsx</t>
  </si>
  <si>
    <t>NetScaler Gateway.url:favicon</t>
  </si>
  <si>
    <t>\\acsfs\profiles$\flaviacdst\Favorites\NetScaler Gateway.url:favicon</t>
  </si>
  <si>
    <t>71e8bef1-f492-473b-b631-b65e6a3d121c.tmp</t>
  </si>
  <si>
    <t>\\acsfs\profiles$\brendadsl\Downloads\71e8bef1-f492-473b-b631-b65e6a3d121c.tmp</t>
  </si>
  <si>
    <t>10.200.67.194</t>
  </si>
  <si>
    <t>78-2B-CB-C1-04-48</t>
  </si>
  <si>
    <t>VOTORANT-MB003</t>
  </si>
  <si>
    <t>\\acsfs\profiles$\leydianeamd\Contacts\</t>
  </si>
  <si>
    <t>LEYDIANE APARECIDA MOREIRA DUARTE (33).contact</t>
  </si>
  <si>
    <t>\\acsfs\profiles$\leydianeamd\Contacts\LEYDIANE APARECIDA MOREIRA DUARTE (33).contact</t>
  </si>
  <si>
    <t>\\acsfs\profiles$\leydianeamd\My Documents\My Videos\</t>
  </si>
  <si>
    <t>\\acsfs\profiles$\leydianeamd\My Documents\My Videos\desktop.ini</t>
  </si>
  <si>
    <t>\\acsfs\profiles$\leydianeamd\My Documents\My Pictures\</t>
  </si>
  <si>
    <t>\\acsfs\profiles$\leydianeamd\My Documents\My Pictures\desktop.ini</t>
  </si>
  <si>
    <t>\\acsfs\profiles$\leydianeamd\Contacts\desktop.ini</t>
  </si>
  <si>
    <t>\\acsfs\profiles$\leydianeamd\Favorites\</t>
  </si>
  <si>
    <t>\\acsfs\profiles$\leydianeamd\Favorites\desktop.ini</t>
  </si>
  <si>
    <t>\\acsfs\profiles$\leydianeamd\My Documents\My Music\</t>
  </si>
  <si>
    <t>\\acsfs\profiles$\leydianeamd\My Documents\My Music\desktop.ini</t>
  </si>
  <si>
    <t>\\acsfs\profiles$\leydianeamd\Searches\</t>
  </si>
  <si>
    <t>\\acsfs\profiles$\leydianeamd\Searches\desktop.ini</t>
  </si>
  <si>
    <t>\\acsfs\profiles$\leydianeamd\Downloads\</t>
  </si>
  <si>
    <t>\\acsfs\profiles$\leydianeamd\Downloads\desktop.ini</t>
  </si>
  <si>
    <t>\\acsfs\profiles$\leydianeamd\My Documents\desktop.ini</t>
  </si>
  <si>
    <t>\\acsfs\profiles$\leydianeamd\Saved Games\</t>
  </si>
  <si>
    <t>\\acsfs\profiles$\leydianeamd\Saved Games\desktop.ini</t>
  </si>
  <si>
    <t>\\acsfs\profiles$\leydianeamd\Favorites\Links for Brasil\</t>
  </si>
  <si>
    <t>\\acsfs\profiles$\leydianeamd\Favorites\Links for Brasil\desktop.ini</t>
  </si>
  <si>
    <t>\\acsfs\profiles$\leydianeamd\Favorites\Links for Brasil\Microsoft Brasil.url</t>
  </si>
  <si>
    <t>\\acsfs\profiles$\leydianeamd\Favorites\Links for Brasil\Windows Brasil.url</t>
  </si>
  <si>
    <t>\\acsfs\profiles$\leydianeamd\Favorites\Links for Brasil\MSN Brasil.url</t>
  </si>
  <si>
    <t>100014251170101;</t>
  </si>
  <si>
    <t>https://100014251170101</t>
  </si>
  <si>
    <t>C:\Users\ricardobal\OneDrive - Grupo Algar\Algar Tecnologia\DOCUMENTOS\</t>
  </si>
  <si>
    <t>Formulário Solicitações de Férias Irregulares JAN 2019.xls</t>
  </si>
  <si>
    <t>100021477525818;</t>
  </si>
  <si>
    <t>https://100021477525818</t>
  </si>
  <si>
    <t>03 Jan. Vol Filas de Retorno.xlsx</t>
  </si>
  <si>
    <t>4f81039f-5d31-4e07-a85a-a285466bc19a.tmp</t>
  </si>
  <si>
    <t>\\acsfs\profiles$\gabrielsma\Downloads\4f81039f-5d31-4e07-a85a-a285466bc19a.tmp</t>
  </si>
  <si>
    <t>Q29udHJvbGxlci5JbnRyYW5ldC1DaHJvbWU-.ica.crdownload</t>
  </si>
  <si>
    <t>\\acsfs\ACS\Gabriel da Silva\Contemporânea\BDBV\Q29udHJvbGxlci5JbnRyYW5ldC1DaHJvbWU-.ica.crdownload</t>
  </si>
  <si>
    <t>Q29udHJvbGxlci5JbnRyYW5ldC1DaHJvbWU-.ica:Zone.Identifier</t>
  </si>
  <si>
    <t>\\acsfs\ACS\Gabriel da Silva\Contemporânea\BDBV\Q29udHJvbGxlci5JbnRyYW5ldC1DaHJvbWU-.ica:Zone.Identifier</t>
  </si>
  <si>
    <t>f533113b-9231-4093-812a-fa6c31421b5e.tmp</t>
  </si>
  <si>
    <t>\\acsfs\profiles$\mariagsg\Downloads\f533113b-9231-4093-812a-fa6c31421b5e.tmp</t>
  </si>
  <si>
    <t>\\acsfs\profiles$\leydianeamd\My Documents\xworkcenter\logs\</t>
  </si>
  <si>
    <t>XLOG_leydianeamd_30122019_130214.log</t>
  </si>
  <si>
    <t>\\acsfs\profiles$\leydianeamd\My Documents\xworkcenter\logs\XLOG_leydianeamd_30122019_130214.log</t>
  </si>
  <si>
    <t>wrapper.log</t>
  </si>
  <si>
    <t>\\acsfs\profiles$\leydianeamd\My Documents\xworkcenter\logs\wrapper.log</t>
  </si>
  <si>
    <t>2cf04b83-eae3-4c4b-bb36-4d60a2162a1b.tmp</t>
  </si>
  <si>
    <t>\\acsfs\profiles$\geovannasm\Downloads\2cf04b83-eae3-4c4b-bb36-4d60a2162a1b.tmp</t>
  </si>
  <si>
    <t>21088dff-549e-4caf-b84e-3b94215830c4.tmp</t>
  </si>
  <si>
    <t>\\acsfs\profiles$\wedersonbadr\My Documents\My Music\21088dff-549e-4caf-b84e-3b94215830c4.tmp</t>
  </si>
  <si>
    <t>mail.google.com/_/upload?authuser=1&amp;dcp=asu-n&amp;upload_id=AEnB2Urbvix148Ljd3pTcOm2FEmEWM4ygWGQ3YviajlcbbPw0xhlNKOmSjoeI0S6qj4fdhCfD0uWyp2aDK8H3Y3p1OQXx2f9f47MvZqpe1voKYTTNqLWjfg&amp;upload_protocol=resumable</t>
  </si>
  <si>
    <t>outlook.office.com/owa/service.svc?action=CreateItem&amp;app=Mail&amp;n=420</t>
  </si>
  <si>
    <t>outlook.office.com/owa/service.svc?action=UpdateItem&amp;app=Mail&amp;n=422</t>
  </si>
  <si>
    <t>outlook.office.com/owa/service.svc?action=UpdateItem&amp;app=Mail&amp;n=423</t>
  </si>
  <si>
    <t>outlook.office.com/owa/service.svc?action=UpdateItem&amp;app=Mail&amp;n=424</t>
  </si>
  <si>
    <t>outlook.office.com/owa/service.svc?action=UpdateItem&amp;app=Mail&amp;n=435</t>
  </si>
  <si>
    <t>926654fb-ed9b-4979-8956-d41fc7c76b6b.tmp</t>
  </si>
  <si>
    <t>\\acsfs\profiles$\gabrielamdp\Downloads\926654fb-ed9b-4979-8956-d41fc7c76b6b.tmp</t>
  </si>
  <si>
    <t>77c2c207-e702-4528-82bb-a251753fa832.tmp</t>
  </si>
  <si>
    <t>\\acsfs\profiles$\gabrielamdp\Downloads\77c2c207-e702-4528-82bb-a251753fa832.tmp</t>
  </si>
  <si>
    <t>6f5bc599-a116-4681-a9c2-ea9dcd1b8161.tmp</t>
  </si>
  <si>
    <t>\\acsfs\profiles$\gabrielamdp\Downloads\6f5bc599-a116-4681-a9c2-ea9dcd1b8161.tmp</t>
  </si>
  <si>
    <t>43b6cba8-de16-4cfc-a130-fc5108331f5d.tmp</t>
  </si>
  <si>
    <t>\\acsfs\profiles$\gabrielamdp\Downloads\43b6cba8-de16-4cfc-a130-fc5108331f5d.tmp</t>
  </si>
  <si>
    <t>c207af58-4bed-4c61-a03d-c8051810ae7b.tmp</t>
  </si>
  <si>
    <t>\\acsfs\profiles$\ingridsm\Downloads\c207af58-4bed-4c61-a03d-c8051810ae7b.tmp</t>
  </si>
  <si>
    <t>eedcb2d1-1a71-43fa-a9b5-0172efd6e983.tmp</t>
  </si>
  <si>
    <t>\\acsfs\profiles$\joycemmdl\Downloads\eedcb2d1-1a71-43fa-a9b5-0172efd6e983.tmp</t>
  </si>
  <si>
    <t>c44174fc-c4bd-4b2a-9121-b52f83cae59f.tmp</t>
  </si>
  <si>
    <t>\\acsfs\profiles$\laylaams\Downloads\c44174fc-c4bd-4b2a-9121-b52f83cae59f.tmp</t>
  </si>
  <si>
    <t>outlook.office.com/owa/service.svc?action=UpdateItem&amp;app=Mail&amp;n=436</t>
  </si>
  <si>
    <t>outlook.office.com/owa/service.svc?action=UpdateItem&amp;app=Mail&amp;n=438</t>
  </si>
  <si>
    <t>8a899268-4c0b-4261-a8b2-17368f1e1304.tmp</t>
  </si>
  <si>
    <t>\\acsfs\profiles$\ingridsm\Downloads\8a899268-4c0b-4261-a8b2-17368f1e1304.tmp</t>
  </si>
  <si>
    <t>bea9e132-68be-4bc8-a0f0-9d677048dc4b.tmp</t>
  </si>
  <si>
    <t>\\acsfs\profiles$\ingridsm\Downloads\bea9e132-68be-4bc8-a0f0-9d677048dc4b.tmp</t>
  </si>
  <si>
    <t>lu244523tm7ws.tmp</t>
  </si>
  <si>
    <t>\\acsfs\profiles$\victoriaksr\Downloads\lu244523tm7ws.tmp</t>
  </si>
  <si>
    <t>10.200.60.235</t>
  </si>
  <si>
    <t>20-04-0F-FE-47-44</t>
  </si>
  <si>
    <t>NB-MARCOTVO</t>
  </si>
  <si>
    <t>marcotvo</t>
  </si>
  <si>
    <t>mail.google.com/_/upload?authuser=1&amp;dcp=asu-n&amp;upload_id=AEnB2UrCuUi21-OMZtsJUPDIKJAhdE65LmUel3cSAjpbdxUcFkHxMosC27cX97y01BwwEWWBGrOB9ovF90rnZK7w1jD3h3vpl4g8U46LXqesSS8gDzNqxUo&amp;upload_protocol=resumable</t>
  </si>
  <si>
    <t>C:\Users\marcotvo\Desktop\PMO - STAFF DIGITAL - FINAL.pptx\</t>
  </si>
  <si>
    <t>Microsoft_Excel_Worksheet10.xlsx</t>
  </si>
  <si>
    <t>Microsoft_Excel_Worksheet11.xlsx</t>
  </si>
  <si>
    <t>Microsoft_Excel_Worksheet12.xlsx</t>
  </si>
  <si>
    <t>Microsoft_Excel_Worksheet3.xlsx</t>
  </si>
  <si>
    <t>Microsoft_Excel_Worksheet4.xlsx</t>
  </si>
  <si>
    <t>Microsoft_Excel_Worksheet5.xlsx</t>
  </si>
  <si>
    <t>Microsoft_Excel_Worksheet6.xlsx</t>
  </si>
  <si>
    <t>Microsoft_Excel_Worksheet7.xlsx</t>
  </si>
  <si>
    <t>Microsoft_Excel_Worksheet8.xlsx</t>
  </si>
  <si>
    <t>Microsoft_Excel_Worksheet9.xlsx</t>
  </si>
  <si>
    <t>lu289844qt9pp.tmp</t>
  </si>
  <si>
    <t>\\acsfs\profiles$\jalilebds\Downloads\lu289844qt9pp.tmp</t>
  </si>
  <si>
    <t>2de92570-1f33-4c6b-8f3d-e9b5d9da78f7.tmp</t>
  </si>
  <si>
    <t>\\acsfs\profiles$\gabrielsma\Downloads\2de92570-1f33-4c6b-8f3d-e9b5d9da78f7.tmp</t>
  </si>
  <si>
    <t>PLANILHA DE ACESSO - espirito santo.xls</t>
  </si>
  <si>
    <t>\\udpavonfs01\avon\00 - ACOMPANHAMENTO AVON\05 - OCUPAÇÃO BKO\2019\12 - Dezembro\ABONO\</t>
  </si>
  <si>
    <t>CATIANA.xlsx</t>
  </si>
  <si>
    <t>\\udpavonfs01\avon\00 - ACOMPANHAMENTO AVON\05 - OCUPAÇÃO BKO\2020\1 - JANEIRO\ABONO\CATIANA.xlsx</t>
  </si>
  <si>
    <t>LUCIANA.xlsx</t>
  </si>
  <si>
    <t>\\udpavonfs01\avon\00 - ACOMPANHAMENTO AVON\05 - OCUPAÇÃO BKO\2020\1 - JANEIRO\ABONO\LUCIANA.xlsx</t>
  </si>
  <si>
    <t>TAYSE.xlsx</t>
  </si>
  <si>
    <t>\\udpavonfs01\avon\00 - ACOMPANHAMENTO AVON\05 - OCUPAÇÃO BKO\2020\1 - JANEIRO\ABONO\TAYSE.xlsx</t>
  </si>
  <si>
    <t>\\udpavonfs01\avon\00 - ACOMPANHAMENTO AVON\05 - OCUPAÇÃO BKO\2019\12 - Dezembro\MÁSCARA\</t>
  </si>
  <si>
    <t>Análise Backoffice_Dezembro_2019.xlsx</t>
  </si>
  <si>
    <t>\\udpavonfs01\avon\00 - ACOMPANHAMENTO AVON\05 - OCUPAÇÃO BKO\2020\1 - JANEIRO\MÁSCARA\Análise Backoffice_Dezembro_2019.xlsx</t>
  </si>
  <si>
    <t>\\udpavonfs01\avon\00 - ACOMPANHAMENTO AVON\05 - OCUPAÇÃO BKO\2019\12 - Dezembro\RELATÓRIO\02.12.2019\</t>
  </si>
  <si>
    <t>\\udpavonfs01\avon\00 - ACOMPANHAMENTO AVON\05 - OCUPAÇÃO BKO\2020\1 - JANEIRO\RELATÓRIO\02.12.2019\Análise Backoffice_Dezembro_2019.xlsx</t>
  </si>
  <si>
    <t>\\udpavonfs01\avon\00 - ACOMPANHAMENTO AVON\05 - OCUPAÇÃO BKO\2019\12 - Dezembro\RELATÓRIO\05.12.2019\</t>
  </si>
  <si>
    <t>\\udpavonfs01\avon\00 - ACOMPANHAMENTO AVON\05 - OCUPAÇÃO BKO\2020\1 - JANEIRO\RELATÓRIO\05.12.2019\Análise Backoffice_Dezembro_2019.xlsx</t>
  </si>
  <si>
    <t>\\udpavonfs01\avon\00 - ACOMPANHAMENTO AVON\05 - OCUPAÇÃO BKO\2019\12 - Dezembro\RELATÓRIO\09.12.2019\</t>
  </si>
  <si>
    <t>\\udpavonfs01\avon\00 - ACOMPANHAMENTO AVON\05 - OCUPAÇÃO BKO\2020\1 - JANEIRO\RELATÓRIO\09.12.2019\Análise Backoffice_Dezembro_2019.xlsx</t>
  </si>
  <si>
    <t>\\udpavonfs01\avon\00 - ACOMPANHAMENTO AVON\05 - OCUPAÇÃO BKO\2019\12 - Dezembro\RELATÓRIO\12.12.2019\</t>
  </si>
  <si>
    <t>\\udpavonfs01\avon\00 - ACOMPANHAMENTO AVON\05 - OCUPAÇÃO BKO\2020\1 - JANEIRO\RELATÓRIO\12.12.2019\Análise Backoffice_Dezembro_2019.xlsx</t>
  </si>
  <si>
    <t>\\udpavonfs01\avon\00 - ACOMPANHAMENTO AVON\05 - OCUPAÇÃO BKO\2019\12 - Dezembro\RELATÓRIO\17.12.2019\</t>
  </si>
  <si>
    <t>\\udpavonfs01\avon\00 - ACOMPANHAMENTO AVON\05 - OCUPAÇÃO BKO\2020\1 - JANEIRO\RELATÓRIO\17.12.2019\Análise Backoffice_Dezembro_2019.xlsx</t>
  </si>
  <si>
    <t>\\udpavonfs01\avon\00 - ACOMPANHAMENTO AVON\05 - OCUPAÇÃO BKO\2019\12 - Dezembro\RELATÓRIO\19.12.2019\</t>
  </si>
  <si>
    <t>\\udpavonfs01\avon\00 - ACOMPANHAMENTO AVON\05 - OCUPAÇÃO BKO\2020\1 - JANEIRO\RELATÓRIO\19.12.2019\Análise Backoffice_Dezembro_2019.xlsx</t>
  </si>
  <si>
    <t>\\udpavonfs01\avon\00 - ACOMPANHAMENTO AVON\05 - OCUPAÇÃO BKO\2019\12 - Dezembro\RELATÓRIO\23.12.2019\</t>
  </si>
  <si>
    <t>\\udpavonfs01\avon\00 - ACOMPANHAMENTO AVON\05 - OCUPAÇÃO BKO\2020\1 - JANEIRO\RELATÓRIO\23.12.2019\Análise Backoffice_Dezembro_2019.xlsx</t>
  </si>
  <si>
    <t>0151c033-142f-45ee-b5d5-0001105b21c0.tmp</t>
  </si>
  <si>
    <t>\\acsfs\profiles$\ingridsm\Downloads\0151c033-142f-45ee-b5d5-0001105b21c0.tmp</t>
  </si>
  <si>
    <t>lu244523tm7x1.tmp</t>
  </si>
  <si>
    <t>\\acsfs\profiles$\victoriaksr\Downloads\lu244523tm7x1.tmp</t>
  </si>
  <si>
    <t>lu244523tm7x7.tmp</t>
  </si>
  <si>
    <t>\\acsfs\profiles$\victoriaksr\Downloads\lu244523tm7x7.tmp</t>
  </si>
  <si>
    <t>10.200.66.185</t>
  </si>
  <si>
    <t>78-2B-CB-C1-06-C0</t>
  </si>
  <si>
    <t>VOTORANT-SB007</t>
  </si>
  <si>
    <t>e8613d6d-f3f1-48d4-96bb-db96ef0cc186.tmp</t>
  </si>
  <si>
    <t>\\acsfs\profiles$\anafaes\Downloads\e8613d6d-f3f1-48d4-96bb-db96ef0cc186.tmp</t>
  </si>
  <si>
    <t>add3ca93-3b82-4375-9606-dd2f75ed6f96.tmp</t>
  </si>
  <si>
    <t>\\acsfs\profiles$\anafaes\Downloads\add3ca93-3b82-4375-9606-dd2f75ed6f96.tmp</t>
  </si>
  <si>
    <t>d81f48b6-47d8-44b5-a177-fa70d9623271.tmp</t>
  </si>
  <si>
    <t>\\acsfs\profiles$\anafaes\Downloads\d81f48b6-47d8-44b5-a177-fa70d9623271.tmp</t>
  </si>
  <si>
    <t>2b97f3d3-450a-4ee9-8515-a5f729381d21.tmp</t>
  </si>
  <si>
    <t>\\acsfs\profiles$\anafaes\Downloads\2b97f3d3-450a-4ee9-8515-a5f729381d21.tmp</t>
  </si>
  <si>
    <t>e9e59a21-156f-4059-a913-7396e9bea153.tmp</t>
  </si>
  <si>
    <t>\\acsfs\profiles$\lorenabmc\Downloads\e9e59a21-156f-4059-a913-7396e9bea153.tmp</t>
  </si>
  <si>
    <t>c4755a70-a753-4624-8e4b-86a049953a5b.tmp</t>
  </si>
  <si>
    <t>\\acsfs\profiles$\ingridsm\Downloads\c4755a70-a753-4624-8e4b-86a049953a5b.tmp</t>
  </si>
  <si>
    <t>XLOG_anacdos_03012020_082023.log</t>
  </si>
  <si>
    <t>\\acsfs\profiles$\anacdos\My Documents\xworkcenter\logs\XLOG_anacdos_03012020_082023.log</t>
  </si>
  <si>
    <t>10.200.67.186</t>
  </si>
  <si>
    <t>78-2B-CB-C1-05-4B</t>
  </si>
  <si>
    <t>VOTORANT-LB004</t>
  </si>
  <si>
    <t>WEDERSON BRUNO ALVES DOS REIS (7238).contact</t>
  </si>
  <si>
    <t>\\acsfs\profiles$\wedersonbadr\Contacts\WEDERSON BRUNO ALVES DOS REIS (7238).contact</t>
  </si>
  <si>
    <t>\\acsfs\profiles$\wedersonbadr\My Documents\My Videos\</t>
  </si>
  <si>
    <t>\\acsfs\profiles$\wedersonbadr\My Documents\My Videos\desktop.ini</t>
  </si>
  <si>
    <t>\\acsfs\profiles$\wedersonbadr\My Documents\My Pictures\</t>
  </si>
  <si>
    <t>\\acsfs\profiles$\wedersonbadr\My Documents\My Pictures\desktop.ini</t>
  </si>
  <si>
    <t>\\acsfs\profiles$\wedersonbadr\Contacts\desktop.ini</t>
  </si>
  <si>
    <t>\\acsfs\profiles$\wedersonbadr\Favorites\</t>
  </si>
  <si>
    <t>\\acsfs\profiles$\wedersonbadr\Favorites\desktop.ini</t>
  </si>
  <si>
    <t>\\acsfs\profiles$\wedersonbadr\My Documents\My Music\desktop.ini</t>
  </si>
  <si>
    <t>\\acsfs\profiles$\wedersonbadr\Searches\</t>
  </si>
  <si>
    <t>\\acsfs\profiles$\wedersonbadr\Searches\desktop.ini</t>
  </si>
  <si>
    <t>\\acsfs\profiles$\wedersonbadr\Downloads\desktop.ini</t>
  </si>
  <si>
    <t>\\acsfs\profiles$\wedersonbadr\My Documents\</t>
  </si>
  <si>
    <t>\\acsfs\profiles$\wedersonbadr\My Documents\desktop.ini</t>
  </si>
  <si>
    <t>\\acsfs\profiles$\wedersonbadr\Saved Games\</t>
  </si>
  <si>
    <t>\\acsfs\profiles$\wedersonbadr\Saved Games\desktop.ini</t>
  </si>
  <si>
    <t>\\acsfs\profiles$\wedersonbadr\Favorites\Links for Brasil\</t>
  </si>
  <si>
    <t>\\acsfs\profiles$\wedersonbadr\Favorites\Links for Brasil\desktop.ini</t>
  </si>
  <si>
    <t>\\acsfs\profiles$\wedersonbadr\Favorites\Links for Brasil\Microsoft Brasil.url</t>
  </si>
  <si>
    <t>\\acsfs\profiles$\wedersonbadr\Favorites\Links for Brasil\Windows Brasil.url</t>
  </si>
  <si>
    <t>\\acsfs\profiles$\wedersonbadr\Favorites\Links for Brasil\MSN Brasil.url</t>
  </si>
  <si>
    <t>fefcc651-7129-4312-b347-2c2d1a911dc4.tmp</t>
  </si>
  <si>
    <t>\\acsfs\profiles$\matheushds\Downloads\fefcc651-7129-4312-b347-2c2d1a911dc4.tmp</t>
  </si>
  <si>
    <t>FECHAMENTO 03-01-2020.png</t>
  </si>
  <si>
    <t>\\acsfs\DEPTOS\Operacao\Banco_Votorantim\Qualidade\Anderson\Jose\Atualizado\FECHAMENTO 03-01-2020.png</t>
  </si>
  <si>
    <t>10.200.61.18</t>
  </si>
  <si>
    <t>FC-01-7C-C0-74-17</t>
  </si>
  <si>
    <t>NB-USERTEMP05</t>
  </si>
  <si>
    <t>gabrielar</t>
  </si>
  <si>
    <t>gabrielar@algartech.com</t>
  </si>
  <si>
    <t>hugooc@algartech.com;lindolfoj@algartech.com;</t>
  </si>
  <si>
    <t>C:\Users\gabrielar\Documents\</t>
  </si>
  <si>
    <t>acessos.xlsx</t>
  </si>
  <si>
    <t>hugooc@algartech.com,lindolfoj@algartech.com</t>
  </si>
  <si>
    <t>5df96de3-a088-4f71-a6c3-4f8ce5e95cda.tmp</t>
  </si>
  <si>
    <t>\\acsfs\profiles$\gabriellalpr\Downloads\5df96de3-a088-4f71-a6c3-4f8ce5e95cda.tmp</t>
  </si>
  <si>
    <t>lu7484nh7k.tmp</t>
  </si>
  <si>
    <t>\\acsfs\profiles$\dhiulliananads\My Documents\lu7484nh7k.tmp</t>
  </si>
  <si>
    <t>\\acsfs\profiles$\dhiulliananads\My Documents\lu7484nh7k.tmp\</t>
  </si>
  <si>
    <t>\\acsfs\profiles$\dhiulliananads\My Documents\lu7484nh7k.tmp\META-INF\</t>
  </si>
  <si>
    <t>\\acsfs\profiles$\dhiulliananads\My Documents\lu7484nh7k.tmp\Thumbnails\</t>
  </si>
  <si>
    <t>\\acsfs\ACS\Gabriel da Silva\Contemporânea\BDBV\E4E537EB.tmp\</t>
  </si>
  <si>
    <t>\\acsfs\ACS\Gabriel da Silva\Contemporânea\BDBV\E4E537EB.tmp\:Zone.Identifier:$DATA</t>
  </si>
  <si>
    <t>\\acsfs\ACS\Gabriel da Silva\Contemporânea\BDBV\DBED7C7E.tmp\</t>
  </si>
  <si>
    <t>\\acsfs\ACS\Gabriel da Silva\Contemporânea\BDBV\DBED7C7E.tmp\:Zone.Identifier:$DATA</t>
  </si>
  <si>
    <t>\\acsfs\ACS\Gabriel da Silva\Contemporânea\BDBV\156240D.tmp\</t>
  </si>
  <si>
    <t>\\acsfs\ACS\Gabriel da Silva\Contemporânea\BDBV\156240D.tmp\:Zone.Identifier:$DATA</t>
  </si>
  <si>
    <t>ead748d0-f15c-41d4-aa6f-d1c93b46a464.tmp</t>
  </si>
  <si>
    <t>\\acsfs\profiles$\georgendsq\Downloads\ead748d0-f15c-41d4-aa6f-d1c93b46a464.tmp</t>
  </si>
  <si>
    <t>97584b21-dc32-4129-829e-3346ec098599.tmp</t>
  </si>
  <si>
    <t>\\acsfs\profiles$\ingridsm\Downloads\97584b21-dc32-4129-829e-3346ec098599.tmp</t>
  </si>
  <si>
    <t>4d22dc0b-f117-42c6-b10b-c6fd2461ec64.tmp</t>
  </si>
  <si>
    <t>\\acsfs\profiles$\ingridsm\Downloads\4d22dc0b-f117-42c6-b10b-c6fd2461ec64.tmp</t>
  </si>
  <si>
    <t>7051977d-f87d-4ebc-8f6c-c8c166ca7f5c.tmp</t>
  </si>
  <si>
    <t>\\acsfs\profiles$\ingridsm\Downloads\7051977d-f87d-4ebc-8f6c-c8c166ca7f5c.tmp</t>
  </si>
  <si>
    <t>COORDENACAO DE MARKETING</t>
  </si>
  <si>
    <t>NB-CARLOSFN</t>
  </si>
  <si>
    <t>carlosfn</t>
  </si>
  <si>
    <t>carlosfn@algartech.com</t>
  </si>
  <si>
    <t>C:\TEMP - Carlos Facioli\</t>
  </si>
  <si>
    <t>Empresas DF.xlsx</t>
  </si>
  <si>
    <t>a8f56fd9-56ad-45fd-8455-f69b1eaab29b.tmp</t>
  </si>
  <si>
    <t>\\acsfs\profiles$\anafaes\Downloads\a8f56fd9-56ad-45fd-8455-f69b1eaab29b.tmp</t>
  </si>
  <si>
    <t>ccbd742c-e427-4b3b-9f9e-aca6d6c07e28.tmp</t>
  </si>
  <si>
    <t>\\acsfs\profiles$\anafaes\Downloads\ccbd742c-e427-4b3b-9f9e-aca6d6c07e28.tmp</t>
  </si>
  <si>
    <t>67917e5e-e8d8-40d3-89a0-d49147fb9cc3.tmp</t>
  </si>
  <si>
    <t>\\acsfs\profiles$\larissaad\Downloads\67917e5e-e8d8-40d3-89a0-d49147fb9cc3.tmp</t>
  </si>
  <si>
    <t>9c69fa8d-dba7-4584-b505-4e93577ea1c7.tmp</t>
  </si>
  <si>
    <t>\\acsfs\profiles$\matheushds\Downloads\9c69fa8d-dba7-4584-b505-4e93577ea1c7.tmp</t>
  </si>
  <si>
    <t>ad0ce5c0-a6e1-4510-92c6-f76d4f4bfd2f.tmp</t>
  </si>
  <si>
    <t>\\acsfs\profiles$\matheushds\Downloads\ad0ce5c0-a6e1-4510-92c6-f76d4f4bfd2f.tmp</t>
  </si>
  <si>
    <t>92075925-7698-4bae-891c-bc7a65bad0cc.tmp</t>
  </si>
  <si>
    <t>\\acsfs\profiles$\matheushds\Downloads\92075925-7698-4bae-891c-bc7a65bad0cc.tmp</t>
  </si>
  <si>
    <t>lu255284csfx0.tmp</t>
  </si>
  <si>
    <t>\\acsfs\profiles$\LORRAYNEVAM\lu255284csfx0.tmp</t>
  </si>
  <si>
    <t>\\acsfs\profiles$\LORRAYNEVAM\lu255284csfx0.tmp\</t>
  </si>
  <si>
    <t>\\acsfs\profiles$\LORRAYNEVAM\lu255284csfx0.tmp\META-INF\</t>
  </si>
  <si>
    <t>\\acsfs\profiles$\LORRAYNEVAM\lu255284csfx0.tmp\Thumbnails\</t>
  </si>
  <si>
    <t>\\acsfs\DEPTOS\EDUCACAO EMPRESARIAL\00\</t>
  </si>
  <si>
    <t>\\acsfs\DEPTOS\EDUCACAO EMPRESARIAL\00\Thumbs.db</t>
  </si>
  <si>
    <t>\\acsfs\DEPTOS\EDUCACAO EMPRESARIAL\2 - Operações\0 - BV\1 - TREINADORES\</t>
  </si>
  <si>
    <t>\\acsfs\DEPTOS\EDUCACAO EMPRESARIAL\2 - Operações\0 - BV\1 - TREINADORES\Thumbs.db</t>
  </si>
  <si>
    <t>527a2935-3ffa-44d4-b28a-83b2b23b08cd.tmp</t>
  </si>
  <si>
    <t>\\acsfs\profiles$\gabriellalpr\Downloads\527a2935-3ffa-44d4-b28a-83b2b23b08cd.tmp</t>
  </si>
  <si>
    <t>\\acsfs\ACS\Gabriel da Silva\Contemporânea\Acessos\66924048.tmp\</t>
  </si>
  <si>
    <t>\\acsfs\ACS\Gabriel da Silva\Contemporânea\Acessos\66924048.tmp\:Zone.Identifier:$DATA</t>
  </si>
  <si>
    <t>16a73204-bc67-4cdb-9a70-13ffac5c62d9.tmp</t>
  </si>
  <si>
    <t>\\acsfs\profiles$\gabrielsma\Downloads\16a73204-bc67-4cdb-9a70-13ffac5c62d9.tmp</t>
  </si>
  <si>
    <t>Metlife_V.csv.crdownload</t>
  </si>
  <si>
    <t>\\acsfs\ACS\Gabriel da Silva\Contemporânea\VENDAS\Metlife_V.csv.crdownload</t>
  </si>
  <si>
    <t>Metlife_V.csv:Zone.Identifier</t>
  </si>
  <si>
    <t>\\acsfs\ACS\Gabriel da Silva\Contemporânea\VENDAS\Metlife_V.csv:Zone.Identifier</t>
  </si>
  <si>
    <t>d53a229d-b253-4dc5-a090-8253ff416c2c.tmp</t>
  </si>
  <si>
    <t>\\acsfs\profiles$\ingridsm\Downloads\d53a229d-b253-4dc5-a090-8253ff416c2c.tmp</t>
  </si>
  <si>
    <t>53a3f612-437e-4ef4-b35a-f8567bb0930d.tmp</t>
  </si>
  <si>
    <t>\\acsfs\profiles$\matheushds\Downloads\53a3f612-437e-4ef4-b35a-f8567bb0930d.tmp</t>
  </si>
  <si>
    <t>mail.google.com/sync/u/0/i/s?hl=pt-BR&amp;c=287</t>
  </si>
  <si>
    <t>100014251170101;fabriciadc@algartech.com.br;joaogvc@algartech.com;josiascdsj@algartech.com;marianadjc@algartech.com;rafaelggs@algartech.com;taysdss@algartech.com;viniciussg@algartech.com;</t>
  </si>
  <si>
    <t>100014251170101,fabriciadc@algartech.com.br,joaogvc@algartech.com,josiascdsj@algartech.com,marianadjc@algartech.com,rafaelggs@algartech.com,taysdss@algartech.com,viniciussg@algartech.com</t>
  </si>
  <si>
    <t>6475d722-8ff7-43ac-a1ff-38c4c2798111.tmp</t>
  </si>
  <si>
    <t>\\acsfs\profiles$\brendadsl\Downloads\6475d722-8ff7-43ac-a1ff-38c4c2798111.tmp</t>
  </si>
  <si>
    <t>a1e44de8-aa81-4e5d-8878-962c9e7bcad0.tmp</t>
  </si>
  <si>
    <t>\\acsfs\profiles$\brendadsl\Downloads\a1e44de8-aa81-4e5d-8878-962c9e7bcad0.tmp</t>
  </si>
  <si>
    <t>c2c64873-b0dc-4805-9938-50ab488456e3.tmp</t>
  </si>
  <si>
    <t>\\acsfs\profiles$\marcosvnds\Downloads\c2c64873-b0dc-4805-9938-50ab488456e3.tmp</t>
  </si>
  <si>
    <t>45563684-a6a2-4185-b0c9-ed67decc0008.tmp</t>
  </si>
  <si>
    <t>\\acsfs\profiles$\marcosvnds\Downloads\45563684-a6a2-4185-b0c9-ed67decc0008.tmp</t>
  </si>
  <si>
    <t>3cab8ff6-1c43-470e-ae08-94f5bceb42a6.tmp</t>
  </si>
  <si>
    <t>\\acsfs\profiles$\anafaes\Downloads\3cab8ff6-1c43-470e-ae08-94f5bceb42a6.tmp</t>
  </si>
  <si>
    <t>116de51f-bcf8-40c1-b164-92bbcdfc088e.tmp</t>
  </si>
  <si>
    <t>\\acsfs\profiles$\nathaliarmr\Downloads\116de51f-bcf8-40c1-b164-92bbcdfc088e.tmp</t>
  </si>
  <si>
    <t>\\acsfs\DEPTOS\Operacao\Banco_Votorantim\Comum\</t>
  </si>
  <si>
    <t>\\acsfs\DEPTOS\Operacao\Banco_Votorantim\Comum\Thumbs.db</t>
  </si>
  <si>
    <t>9f6d2372-c083-43b6-b51c-e26513cbedc0.tmp</t>
  </si>
  <si>
    <t>\\acsfs\profiles$\nathaliarmr\Downloads\9f6d2372-c083-43b6-b51c-e26513cbedc0.tmp</t>
  </si>
  <si>
    <t>foto taynara.jpg</t>
  </si>
  <si>
    <t>https://algartechcpcbv@algartech.com,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271</t>
  </si>
  <si>
    <t>mail.google.com/sync/u/0/i/s?hl=pt-BR&amp;c=1273</t>
  </si>
  <si>
    <t>mail.google.com/sync/u/0/i/s?hl=pt-BR&amp;c=1275</t>
  </si>
  <si>
    <t>mail.google.com/sync/u/0/i/s?hl=pt-BR&amp;c=1278</t>
  </si>
  <si>
    <t>mail.google.com/sync/u/0/i/s?hl=pt-BR&amp;c=1280</t>
  </si>
  <si>
    <t>mail.google.com/sync/u/0/i/s?hl=pt-BR&amp;c=1282</t>
  </si>
  <si>
    <t>mail.google.com/sync/u/0/i/s?hl=pt-BR&amp;c=1289</t>
  </si>
  <si>
    <t>mail.google.com/_/upload?authuser=0&amp;dcp=asu-n&amp;upload_id=AEnB2Uog-axDbeFb1poAiH9qgcDzTcY_BIkzehstZfjCId2HJ_LFEzk2qXOYXjXkiPE-8E77gZxmSbVsxgj62cvfRZ2F08CwbA&amp;upload_protocol=resumable</t>
  </si>
  <si>
    <t>amandacdr@algartech.com;andersonoa@algartech.com;filemoncmj@algartech.com;luiz.m.carvalho@algartech.com;robertaasp@algartech.com;</t>
  </si>
  <si>
    <t>DEZEMBRO.2019.xlsx</t>
  </si>
  <si>
    <t>amandacdr@algartech.com,andersonoa@algartech.com,filemoncmj@algartech.com,luiz.m.carvalho@algartech.com,robertaasp@algartech.com</t>
  </si>
  <si>
    <t>Relatorio de Vendas - Auditoria BV Cartoes (Dezembro) SUPERVISAO.xlsx</t>
  </si>
  <si>
    <t>\\acsfs\DEPTOS\Operacao\Banco_Votorantim\Qualidade\Anderson\Jose\Atualizado\Relatorio de Vendas - Auditoria BV Cartoes (Dezembro) SUPERVISAO.xlsx</t>
  </si>
  <si>
    <t>10.200.66.37</t>
  </si>
  <si>
    <t>78-2B-CB-C1-07-6E</t>
  </si>
  <si>
    <t>VOTORANT-JB005</t>
  </si>
  <si>
    <t>WEDERSON BRUNO ALVES DOS REIS (6539).contact</t>
  </si>
  <si>
    <t>\\acsfs\profiles$\wedersonbadr\Contacts\WEDERSON BRUNO ALVES DOS REIS (6539).contact</t>
  </si>
  <si>
    <t>10.200.66.167</t>
  </si>
  <si>
    <t>Template_folha_retificadora 1.xlsx</t>
  </si>
  <si>
    <t>59df2c08-a623-45bf-a7d1-3e93f9c33ee8.tmp</t>
  </si>
  <si>
    <t>\\acsfs\profiles$\gabrielarb\Downloads\59df2c08-a623-45bf-a7d1-3e93f9c33ee8.tmp</t>
  </si>
  <si>
    <t>e03cb374-70ba-4480-8cd9-01d280ad3659.tmp</t>
  </si>
  <si>
    <t>\\acsfs\profiles$\regisedsj\Downloads\e03cb374-70ba-4480-8cd9-01d280ad3659.tmp</t>
  </si>
  <si>
    <t>DETALHADO OUTUBRO NEXT.xlsx</t>
  </si>
  <si>
    <t>1572498279&amp;gjid=1573134908&amp;_gid=447469688.1577975665&amp;_u=aacaamaaaaaaac~&amp;z=1344760736 http</t>
  </si>
  <si>
    <t>https://sac-algarcsc.ascbrazil.com.br/chat/login/resp-login</t>
  </si>
  <si>
    <t>https://sac-algarcsc.ascbrazil.com.br/chat/asc/trata-flow</t>
  </si>
  <si>
    <t>1613;</t>
  </si>
  <si>
    <t>https://1613</t>
  </si>
  <si>
    <t>100014251170101;joaogvc@algartech.com;leonardoao@algartech.com;marianadjc@algartech.com;rafaelggs@algartech.com;taysdss@algartech.com;thiagordu@algartech.com;viniciussg@algartech.com;</t>
  </si>
  <si>
    <t>100014251170101,joaogvc@algartech.com,leonardoao@algartech.com,marianadjc@algartech.com,rafaelggs@algartech.com,taysdss@algartech.com,thiagordu@algartech.com,viniciussg@algartech.com</t>
  </si>
  <si>
    <t>mail.google.com/sync/u/0/i/s?hl=pt-BR&amp;c=311</t>
  </si>
  <si>
    <t>mail.google.com/sync/u/0/i/s?hl=pt-BR&amp;c=323</t>
  </si>
  <si>
    <t>mail.google.com/sync/u/0/i/s?hl=pt-BR&amp;c=328</t>
  </si>
  <si>
    <t>https://100014251170101,fabriciadc@algartech.com.br,joaogvc@algartech.com,josiascdsj@algartech.com,marianadjc@algartech.com,rafaelggs@algartech.com,taysdss@algartech.com,viniciussg@algartech.com</t>
  </si>
  <si>
    <t>6561;</t>
  </si>
  <si>
    <t>Controle de Erros operacionais - Dezembro -ATUALIZADA (1) (1).xlsb</t>
  </si>
  <si>
    <t>http://6561</t>
  </si>
  <si>
    <t>mail.google.com/_/upload?authuser=0&amp;dcp=asu-n&amp;upload_id=AEnB2Uoj0Ck14ZOmj9SSUMbVPq8LVGkINOw_IFFwnEs3ISxxT4fOaQjbUOLmbgUGUh-TMHWcl4k6uWHkhR4gqqXV7iZIkr7KA2_Z0I7ncfffYiyc9MtCSo4&amp;upload_protocol=resumable</t>
  </si>
  <si>
    <t>\\acsfs\engeset\ASA_ULA\NUCLEO_ATIVOS\RELATÓRIOS DE ATIVOS\2019\12-Dez\</t>
  </si>
  <si>
    <t>ItensTAF.xlsx</t>
  </si>
  <si>
    <t>lu289844qt9q0.tmp</t>
  </si>
  <si>
    <t>\\acsfs\profiles$\jalilebds\Downloads\lu289844qt9q0.tmp</t>
  </si>
  <si>
    <t>Checklist Projeto Nimbus_Consolidado_Abertura Data Room V4.xlsx</t>
  </si>
  <si>
    <t>ances,ancest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,permiss,permission,permissionid,pict,pictu,picture,rpermissions,shared,sharedwithmedate,thumbnailversion,title,userpermission(role),workspaceids</t>
  </si>
  <si>
    <t>Nathalia Oliveira Souza (12).contact</t>
  </si>
  <si>
    <t>\\acsfs\profiles$\nathaliaos\Contacts\Nathalia Oliveira Souza (12).contact</t>
  </si>
  <si>
    <t>\\acsfs\profiles$\nathaliaos\Saved Games\</t>
  </si>
  <si>
    <t>\\acsfs\profiles$\NATHALIAOS\Favorites\Links for Brasil\</t>
  </si>
  <si>
    <t>\\acsfs\profiles$\NATHALIAOS\Favorites\Links for Brasil\desktop.ini</t>
  </si>
  <si>
    <t>\\acsfs\profiles$\NATHALIAOS\Favorites\Links for Brasil\Microsoft Brasil.url</t>
  </si>
  <si>
    <t>\\acsfs\profiles$\NATHALIAOS\Favorites\Links for Brasil\Windows Brasil.url</t>
  </si>
  <si>
    <t>\\acsfs\profiles$\NATHALIAOS\Favorites\Links for Brasil\MSN Brasil.url</t>
  </si>
  <si>
    <t>1e810663-ce53-48e0-935c-00787b70fb44.tmp</t>
  </si>
  <si>
    <t>\\acsfs\profiles$\nathaliaos\Downloads\1e810663-ce53-48e0-935c-00787b70fb44.tmp</t>
  </si>
  <si>
    <t>cb02e6b1-92f7-492e-b37d-50fb8d4aadd4.tmp</t>
  </si>
  <si>
    <t>\\acsfs\profiles$\nathaliaos\Downloads\cb02e6b1-92f7-492e-b37d-50fb8d4aadd4.tmp</t>
  </si>
  <si>
    <t>4909b8db-c544-49f1-a238-6d6489664f91.tmp</t>
  </si>
  <si>
    <t>\\acsfs\profiles$\cintiadjl\Downloads\4909b8db-c544-49f1-a238-6d6489664f91.tmp</t>
  </si>
  <si>
    <t>mail.google.com/sync/u/0/i/s?hl=pt-BR&amp;c=354</t>
  </si>
  <si>
    <t>mail.google.com/sync/u/0/i/s?hl=pt-BR&amp;c=356</t>
  </si>
  <si>
    <t>mail.google.com/sync/u/0/i/s?hl=pt-BR&amp;c=358</t>
  </si>
  <si>
    <t>andrelpsa@algartech.com;bvcartes-supervisores@algarnet.onmicrosoft.com;josiascdsj@algartech.com;karolynecj@algartech.com;leonardoao@algartech.com;marianadjc@algartech.com;supervisaobancovotorantim@algartech.com;thiagordu@algartech.com;</t>
  </si>
  <si>
    <t>andrelpsa@algartech.com,bvcartes-supervisores@algarnet.onmicrosoft.com,josiascdsj@algartech.com,karolynecj@algartech.com,leonardoao@algartech.com,marianadjc@algartech.com,supervisaobancovotorantim@algartech.com,thiagordu@algartech.com</t>
  </si>
  <si>
    <t>andrelpsa@algartech.com;bvcartes-supervisores@algarnet.onmicrosoft.com;fabriciadc@algartech.com.br;joaogvc@algartech.com;josiascdsj@algartech.com;karolynecj@algartech.com;leonardoao@algartech.com;marianadjc@algartech.com;rafaelggs@algartech.com;supervisaobancovotorantim@algartech.com;taysdss@algartech.com;thiagordu@algartech.com;viniciussg@algartech.com;</t>
  </si>
  <si>
    <t>andrelpsa@algartech.com,bvcartes-supervisores@algarnet.onmicrosoft.com,fabriciadc@algartech.com.br,joaogvc@algartech.com,josiascdsj@algartech.com,karolynecj@algartech.com,leonardoao@algartech.com,marianadjc@algartech.com,rafaelggs@algartech.com,supervisaobancovotorantim@algartech.com,taysdss@algartech.com,thiagordu@algartech.com,viniciussg@algartech.com</t>
  </si>
  <si>
    <t>mail.google.com/sync/u/0/i/s?hl=pt-BR&amp;c=155</t>
  </si>
  <si>
    <t>9b6ec5ef-bbac-4a7a-b98d-2a7eec9d0e41.tmp</t>
  </si>
  <si>
    <t>\\acsfs\profiles$\vivianibfs\Downloads\9b6ec5ef-bbac-4a7a-b98d-2a7eec9d0e41.tmp</t>
  </si>
  <si>
    <t>ef24003e-0e91-4da4-929b-e3c369544498.tmp</t>
  </si>
  <si>
    <t>\\acsfs\profiles$\vivianibfs\Downloads\ef24003e-0e91-4da4-929b-e3c369544498.tmp</t>
  </si>
  <si>
    <t>1e111ecc-03de-482c-b343-729580dad959.tmp</t>
  </si>
  <si>
    <t>\\acsfs\profiles$\vivianibfs\Downloads\1e111ecc-03de-482c-b343-729580dad959.tmp</t>
  </si>
  <si>
    <t>harunams@algartech.com</t>
  </si>
  <si>
    <t>c5fe3015-2920-4171-ad8e-cfacf0a6c58f.tmp</t>
  </si>
  <si>
    <t>\\acsfs\profiles$\mariajaf\Downloads\c5fe3015-2920-4171-ad8e-cfacf0a6c58f.tmp</t>
  </si>
  <si>
    <t>297bb820-9dd1-46e7-84d2-8be72743fcec.tmp</t>
  </si>
  <si>
    <t>\\acsfs\profiles$\mariajaf\Downloads\297bb820-9dd1-46e7-84d2-8be72743fcec.tmp</t>
  </si>
  <si>
    <t>e706f2e8-8d86-4368-b8e9-792e495044f7.tmp</t>
  </si>
  <si>
    <t>\\acsfs\profiles$\gabrieleods\Downloads\e706f2e8-8d86-4368-b8e9-792e495044f7.tmp</t>
  </si>
  <si>
    <t>100014251170101;andrelpsa@algartech.com;josiascdsj@algartech.com;karolynecj@algartech.com;leonardoao@algartech.com;marianadjc@algartech.com;supervisaobancovotorantim@algartech.com;</t>
  </si>
  <si>
    <t>100014251170101,andrelpsa@algartech.com,josiascdsj@algartech.com,karolynecj@algartech.com,leonardoao@algartech.com,marianadjc@algartech.com,supervisaobancovotorantim@algartech.com</t>
  </si>
  <si>
    <t>andrelpsa@algartech.com;josiascdsj@algartech.com;karolynecj@algartech.com;leonardoao@algartech.com;marianadjc@algartech.com;matheuscm@;supervisaobancovotorantim@algartech.com;</t>
  </si>
  <si>
    <t>andrelpsa@algartech.com,josiascdsj@algartech.com,karolynecj@algartech.com,leonardoao@algartech.com,marianadjc@algartech.com,matheuscm@,supervisaobancovotorantim@algartech.com</t>
  </si>
  <si>
    <t>100014251170101;andrelpsa@algartech.com;josiascdsj@algartech.com;karolynecj@algartech.com;leonardoao@algartech.com;marianadjc@algartech.com;matheuscm@algartech.com.br;supervisaobancovotorantim@algartech.com;</t>
  </si>
  <si>
    <t>100014251170101,andrelpsa@algartech.com,josiascdsj@algartech.com,karolynecj@algartech.com,leonardoao@algartech.com,marianadjc@algartech.com,matheuscm@algartech.com.br,supervisaobancovotorantim@algartech.com</t>
  </si>
  <si>
    <t>andrelpsa@algartech.com;bvcartes-supervisores@algarnet.onmicrosoft.com;josiascdsj@algartech.com;karolynecj@algartech.com;leonardoao@algartech.com;marianadjc@algartech.com;matheuscm@algartech.com.br;supervisaobancovotorantim@algartech.com;thiagordu@algartech.com;</t>
  </si>
  <si>
    <t>andrelpsa@algartech.com,bvcartes-supervisores@algarnet.onmicrosoft.com,josiascdsj@algartech.com,karolynecj@algartech.com,leonardoao@algartech.com,marianadjc@algartech.com,matheuscm@algartech.com.br,supervisaobancovotorantim@algartech.com,thiagordu@algartech.com</t>
  </si>
  <si>
    <t>andrelpsa@algartech.com;bvcartes-supervisores@algarnet.onmicrosoft.com;fabriciadc@algartech.com.br;joaogvc@algartech.com;josiascdsj@algartech.com;karolynecj@algartech.com;leonardoao@algartech.com;marianadjc@algartech.com;matheuscm@algartech.com.br;rafaelggs@algartech.com;supervisaobancovotorantim@algartech.com;taysdss@algartech.com;thiagordu@algartech.com;viniciussg@algartech.com;</t>
  </si>
  <si>
    <t>andrelpsa@algartech.com,bvcartes-supervisores@algarnet.onmicrosoft.com,fabriciadc@algartech.com.br,joaogvc@algartech.com,josiascdsj@algartech.com,karolynecj@algartech.com,leonardoao@algartech.com,marianadjc@algartech.com,matheuscm@algartech.com.br,rafaelggs@algartech.com,supervisaobancovotorantim@algartech.com,taysdss@algartech.com,thiagordu@algartech.com,viniciussg@algartech.com</t>
  </si>
  <si>
    <t>andrelpsa@algartech.com;josiascdsj@algartech.com;karolynecj@algartech.com;leonardoao@algartech.com;marianadjc@algartech.com;matheuscm@;matheuscm@algartech.com.br;supervisaobancovotorantim@algartech.com;</t>
  </si>
  <si>
    <t>andrelpsa@algartech.com,josiascdsj@algartech.com,karolynecj@algartech.com,leonardoao@algartech.com,marianadjc@algartech.com,matheuscm@,matheuscm@algartech.com.br,supervisaobancovotorantim@algartech.com</t>
  </si>
  <si>
    <t>andrelpsa@algartech.com;fabriciadc@algartech.com.br;joaogvc@algartech.com;josiascdsj@algartech.com;karolynecj@algartech.com;leonardoao@algartech.com;marianadjc@algartech.com;matheuscm@algartech.com.br;rafaelggs@algartech.com;supervisaobancovotorantim@algartech.com;taysdss@algartech.com;viniciussg@algartech.com;</t>
  </si>
  <si>
    <t>andrelpsa@algartech.com,fabriciadc@algartech.com.br,joaogvc@algartech.com,josiascdsj@algartech.com,karolynecj@algartech.com,leonardoao@algartech.com,marianadjc@algartech.com,matheuscm@algartech.com.br,rafaelggs@algartech.com,supervisaobancovotorantim@algartech.com,taysdss@algartech.com,viniciussg@algartech.com</t>
  </si>
  <si>
    <t>e2b7ebe0-5da2-42b3-a22a-7c62fbf53871.tmp</t>
  </si>
  <si>
    <t>\\acsfs\profiles$\regisedsj\Downloads\e2b7ebe0-5da2-42b3-a22a-7c62fbf53871.tmp</t>
  </si>
  <si>
    <t>cf5a6b70-594e-4243-b4a8-bf912d81fb76.tmp</t>
  </si>
  <si>
    <t>\\acsfs\profiles$\taylaedoa\Downloads\cf5a6b70-594e-4243-b4a8-bf912d81fb76.tmp</t>
  </si>
  <si>
    <t>f1b8127f-caa7-49a9-9358-881cd970c337.tmp</t>
  </si>
  <si>
    <t>\\acsfs\profiles$\taylaedoa\Downloads\f1b8127f-caa7-49a9-9358-881cd970c337.tmp</t>
  </si>
  <si>
    <t>d3d22427-836d-483c-befd-9a69acbe90a6.tmp</t>
  </si>
  <si>
    <t>\\acsfs\profiles$\leonardocb\Downloads\d3d22427-836d-483c-befd-9a69acbe90a6.tmp</t>
  </si>
  <si>
    <t>bf95de36-977d-4c0b-ada6-5ca1c01fa1ef.tmp</t>
  </si>
  <si>
    <t>\\acsfs\profiles$\leonardocb\Downloads\bf95de36-977d-4c0b-ada6-5ca1c01fa1ef.tmp</t>
  </si>
  <si>
    <t>\\acsfs\profiles$\Adrieledgc\My Documents\My Pictures\</t>
  </si>
  <si>
    <t>\\acsfs\profiles$\Adrieledgc\My Documents\My Videos\desktop.ini</t>
  </si>
  <si>
    <t>\\acsfs\profiles$\Adrieledgc\My Documents\My Videos\</t>
  </si>
  <si>
    <t>\\acsfs\profiles$\Adrieledgc\My Documents\My Music\</t>
  </si>
  <si>
    <t>\\acsfs\profiles$\Adrieledgc\My Documents\My Pictures\desktop.ini</t>
  </si>
  <si>
    <t>\\acsfs\profiles$\Adrieledgc\Contacts\</t>
  </si>
  <si>
    <t>\\acsfs\profiles$\Adrieledgc\Contacts\desktop.ini</t>
  </si>
  <si>
    <t>\\acsfs\profiles$\Adrieledgc\My Documents\</t>
  </si>
  <si>
    <t>\\acsfs\profiles$\Adrieledgc\Favorites\desktop.ini</t>
  </si>
  <si>
    <t>\\acsfs\profiles$\Adrieledgc\My Documents\My Music\desktop.ini</t>
  </si>
  <si>
    <t>\\acsfs\profiles$\Adrieledgc\Searches\</t>
  </si>
  <si>
    <t>\\acsfs\profiles$\Adrieledgc\Searches\desktop.ini</t>
  </si>
  <si>
    <t>d6dd967d-543e-4f2d-a9ae-3c793160e262.tmp</t>
  </si>
  <si>
    <t>\\acsfs\profiles$\leandromsa\Downloads\d6dd967d-543e-4f2d-a9ae-3c793160e262.tmp</t>
  </si>
  <si>
    <t>$IV1ON27.txt</t>
  </si>
  <si>
    <t>\\acsfs\profiles$\alessandraan\My Documents\$RECYCLE.BIN\$IV1ON27.txt</t>
  </si>
  <si>
    <t>100014251170101;andrelpsa@algartech.com;bvcartes-supervisores@algarnet.onmicrosoft.com;josiascdsj@algartech.com;karolynecj@algartech.com;leonardoao@algartech.com;marianadjc@algartech.com;matheuscm@algartech.com.br;supervisaobancovotorantim@algartech.com;thiagordu@algartech.com;</t>
  </si>
  <si>
    <t>100014251170101,andrelpsa@algartech.com,bvcartes-supervisores@algarnet.onmicrosoft.com,josiascdsj@algartech.com,karolynecj@algartech.com,leonardoao@algartech.com,marianadjc@algartech.com,matheuscm@algartech.com.br,supervisaobancovotorantim@algartech.com,thiagordu@algartech.com</t>
  </si>
  <si>
    <t>lu2592yr8bj.tmp</t>
  </si>
  <si>
    <t>\\acsfs\profiles$\edicarlosdl\My Documents\lu2592yr8bj.tmp</t>
  </si>
  <si>
    <t>\\acsfs\profiles$\edicarlosdl\My Documents\lu2592yr8bj.tmp\</t>
  </si>
  <si>
    <t>\\acsfs\profiles$\edicarlosdl\My Documents\lu2592yr8bj.tmp\META-INF\</t>
  </si>
  <si>
    <t>\\acsfs\profiles$\edicarlosdl\My Documents\lu2592yr8bj.tmp\Thumbnails\</t>
  </si>
  <si>
    <t>\\acsfs\profiles$\Adrieledgc\Downloads\desktop.ini</t>
  </si>
  <si>
    <t>\\acsfs\profiles$\Adrieledgc\Favorites\</t>
  </si>
  <si>
    <t>\\acsfs\profiles$\Adrieledgc\My Documents\desktop.ini</t>
  </si>
  <si>
    <t>\\acsfs\profiles$\Adrieledgc\Saved Games\desktop.ini</t>
  </si>
  <si>
    <t>39b43acf-9548-4e35-bc9b-4ddc87ae2059.tmp</t>
  </si>
  <si>
    <t>\\acsfs\profiles$\Adrieledgc\Downloads\39b43acf-9548-4e35-bc9b-4ddc87ae2059.tmp</t>
  </si>
  <si>
    <t>321b9d56-028b-4dcb-9f92-b3442c493382.tmp</t>
  </si>
  <si>
    <t>\\acsfs\profiles$\fabianafv\Downloads\321b9d56-028b-4dcb-9f92-b3442c493382.tmp</t>
  </si>
  <si>
    <t>https://100014251170101,andrelpsa@algartech.com,josiascdsj@algartech.com,karolynecj@algartech.com,leonardoao@algartech.com,marianadjc@algartech.com,matheuscm@algartech.com.br,supervisaobancovotorantim@algartech.com</t>
  </si>
  <si>
    <t>\\acsfs\DEPTOS\EDUCACAO EMPRESARIAL\2 - Operações\0 - BV\1 - TREINADORES\Haruna\</t>
  </si>
  <si>
    <t>\\acsfs\DEPTOS\EDUCACAO EMPRESARIAL\2 - Operações\0 - BV\1 - TREINADORES\Haruna\Thumbs.db</t>
  </si>
  <si>
    <t>\\acsfs\DEPTOS\EDUCACAO EMPRESARIAL\2 - Operações\0 - BV\1 - TREINADORES\Haruna\BV NA ESSENCIA\</t>
  </si>
  <si>
    <t>\\acsfs\DEPTOS\EDUCACAO EMPRESARIAL\2 - Operações\0 - BV\1 - TREINADORES\Haruna\BV NA ESSENCIA\Thumbs.db</t>
  </si>
  <si>
    <t>C:\Users\harunams\Documents\</t>
  </si>
  <si>
    <t>image2020-01-03-173553.zip</t>
  </si>
  <si>
    <t>C:\Users\harunams\Documents\image2020-01-03-173553.zip\</t>
  </si>
  <si>
    <t>image2020-01-03-173553.pdf</t>
  </si>
  <si>
    <t>https://algar.folhasinergyrh.com.br/rescisao/upload?id=0&amp;idsolicitacao=17979&amp;idprerescisao=0</t>
  </si>
  <si>
    <t>mail.google.com/_/upload?authuser=0&amp;dcp=asu-n&amp;upload_id=AEnB2Uq5_k4hPU1Hw8dAcdxmklbWMS-hlKAOzKZ7SyW7HysAMPCISThXlOpCRDV_YLiTZszhr6yHQ_uKyENSeH2c5SOPG6IO8L_9bLorWSZifEVQF4B_qpU&amp;upload_protocol=resumable</t>
  </si>
  <si>
    <t>C:\A2\PAULAO\TIM\ORÇAMENTOS\REUNIÃO\DEZEMBRO\DEZEMBRO\CORREÇÃO\ATUALIZADO\</t>
  </si>
  <si>
    <t>Mobilizações_Orçamentos executados 01-12 à 15-12 - Algar ATUALIZADO 03-01-2020.xlsx</t>
  </si>
  <si>
    <t>Orçamentos executados PENDENTES INFORMAÇÃO- 02-01-2020.xlsx</t>
  </si>
  <si>
    <t>winrt--{S-1-5-21-602162358-764733703-839522115-330507}-.searchconnector-ms</t>
  </si>
  <si>
    <t>\\acsfs\profiles$\nathaliaos\Searches\winrt--{S-1-5-21-602162358-764733703-839522115-330507}-.searchconnector-ms</t>
  </si>
  <si>
    <t>47da0c2d-7d27-40e3-bff1-eccc4d9354e4.tmp</t>
  </si>
  <si>
    <t>\\acsfs\profiles$\Adrieledgc\Downloads\47da0c2d-7d27-40e3-bff1-eccc4d9354e4.tmp</t>
  </si>
  <si>
    <t>\\acsfs\profiles$\flaviacdst\Favorites\Welcome - 1.url:favicon</t>
  </si>
  <si>
    <t>53bf07c7-d590-4b8c-8c77-804d246250a3.tmp</t>
  </si>
  <si>
    <t>\\acsfs\profiles$\cintiadjl\Downloads\53bf07c7-d590-4b8c-8c77-804d246250a3.tmp</t>
  </si>
  <si>
    <t>10.200.66.55</t>
  </si>
  <si>
    <t>78-2B-CB-C1-07-72</t>
  </si>
  <si>
    <t>VOTORANT-IB020</t>
  </si>
  <si>
    <t>cassianogc</t>
  </si>
  <si>
    <t>\\acsfs\profiles$\cassianogc\Downloads\</t>
  </si>
  <si>
    <t>Holerite_122019_2138841.pdf.b54rgwp.partial</t>
  </si>
  <si>
    <t>\\acsfs\profiles$\cassianogc\Downloads\Holerite_122019_2138841.pdf.b54rgwp.partial</t>
  </si>
  <si>
    <t>\\acsfs\Deptos\Operacao\Banco_Votorantim\Supervisao\Karine\</t>
  </si>
  <si>
    <t>\\acsfs\Deptos\Operacao\Banco_Votorantim\Supervisao\Thumbs.db</t>
  </si>
  <si>
    <t>3073dcd1-2553-4793-9015-9a561d3b8efc.tmp</t>
  </si>
  <si>
    <t>\\acsfs\profiles$\leandromsa\Downloads\3073dcd1-2553-4793-9015-9a561d3b8efc.tmp</t>
  </si>
  <si>
    <t>b64eac2a-9f00-453d-85c3-f4fbcba31722.tmp</t>
  </si>
  <si>
    <t>\\acsfs\profiles$\lorenabmc\Downloads\b64eac2a-9f00-453d-85c3-f4fbcba31722.tmp</t>
  </si>
  <si>
    <t>10d7d69f-0afd-462c-b198-3207cb67ca91.tmp</t>
  </si>
  <si>
    <t>\\acsfs\profiles$\lorenabmc\Downloads\10d7d69f-0afd-462c-b198-3207cb67ca91.tmp</t>
  </si>
  <si>
    <t>.~lock.Close The Loop.ods#</t>
  </si>
  <si>
    <t>\\acsfs\profiles$\wedersonbadr\Downloads\.~lock.Close The Loop.ods#</t>
  </si>
  <si>
    <t>.~lock.close the loop.ods#</t>
  </si>
  <si>
    <t>\\acsfs\profiles$\wedersonbadr\Downloads\.~lock.close the loop.ods#</t>
  </si>
  <si>
    <t>close the loop.ods</t>
  </si>
  <si>
    <t>\\acsfs\profiles$\wedersonbadr\Downloads\close the loop.ods</t>
  </si>
  <si>
    <t>\\acsfs\profiles$\wedersonbadr\Downloads\close the loop.ods\</t>
  </si>
  <si>
    <t>\\acsfs\profiles$\wedersonbadr\Downloads\close the loop.ods\META-INF\</t>
  </si>
  <si>
    <t>\\acsfs\profiles$\wedersonbadr\Downloads\close the loop.ods\Thumbnails\</t>
  </si>
  <si>
    <t>XLOG_kamilamrc_03012020_101215.log</t>
  </si>
  <si>
    <t>\\acsfs\profiles$\kamilamrc\My Documents\xworkcenter\logs\XLOG_kamilamrc_03012020_101215.log</t>
  </si>
  <si>
    <t>lu7484nh7u.tmp</t>
  </si>
  <si>
    <t>\\acsfs\profiles$\dhiulliananads\My Documents\lu7484nh7u.tmp</t>
  </si>
  <si>
    <t>\\acsfs\profiles$\dhiulliananads\My Documents\lu7484nh7u.tmp\</t>
  </si>
  <si>
    <t>\\acsfs\profiles$\dhiulliananads\My Documents\lu7484nh7u.tmp\META-INF\</t>
  </si>
  <si>
    <t>\\acsfs\profiles$\dhiulliananads\My Documents\lu7484nh7u.tmp\Thumbnails\</t>
  </si>
  <si>
    <t>b1b3c202-5c48-453f-a8fb-e42a0a2d01a1.tmp</t>
  </si>
  <si>
    <t>\\acsfs\profiles$\leandromsa\Downloads\b1b3c202-5c48-453f-a8fb-e42a0a2d01a1.tmp</t>
  </si>
  <si>
    <t>\\acsfs\DEPTOS\Operacao\PCP\5 - Comum\Mariana De Jesus\Passo a Passo relatórios.xlsx</t>
  </si>
  <si>
    <t>03-01 RELATORIO DE LOGIN AVON.xlsm</t>
  </si>
  <si>
    <t>\\acsfs\deptos\Operacao\PCP\5 - Comum\CONTROL DESK\2 - DAC2\Control Desk AVON\Relatorios\Status de login\2020\03-01 RELATORIO DE LOGIN AVON.xlsm</t>
  </si>
  <si>
    <t>10.16.72.57</t>
  </si>
  <si>
    <t>54-BF-64-F6-7C-90</t>
  </si>
  <si>
    <t>NB-PAULOCRUZ</t>
  </si>
  <si>
    <t>pauloscr</t>
  </si>
  <si>
    <t>paulocruz@algartech.com</t>
  </si>
  <si>
    <t>acrbarbosa@timbrasil.com.br;allopes@timbrasil.com.br;cofernandes@timbrasil.com.br;lcifali@timbrasil.com.br;raquelcc@algartech.com;rfalves@timbrasil.com.br;</t>
  </si>
  <si>
    <t>C:\Users\pauloscr\Downloads\</t>
  </si>
  <si>
    <t>acrbarbosa@timbrasil.com.br,allopes@timbrasil.com.br,cofernandes@timbrasil.com.br,lcifali@timbrasil.com.br,raquelcc@algartech.com,rfalves@timbrasil.com.br</t>
  </si>
  <si>
    <t>mail.google.com/_/upload?authuser=0&amp;dcp=asu-n&amp;upload_id=AEnB2UoKMUHfRrcq9Vc0z3BQzdZpb0bIuJkDd6_8HyvWESlWynGEa9VYiJ9QViNZPFqw2_VXOex_uQ6BxYoV6i4e_y8aXJfLpE0B_c5wtDPamn6ilH25H00&amp;upload_protocol=resumable</t>
  </si>
  <si>
    <t>C:\Users\pauloscr\Desktop\</t>
  </si>
  <si>
    <t>lu2601d0btr.tmp</t>
  </si>
  <si>
    <t>\\acsfs\profiles$\fabianafv\My Documents\lu2601d0btr.tmp</t>
  </si>
  <si>
    <t>\\acsfs\profiles$\fabianafv\My Documents\lu2601d0btr.tmp\</t>
  </si>
  <si>
    <t>\\acsfs\profiles$\fabianafv\My Documents\lu2601d0btr.tmp\META-INF\</t>
  </si>
  <si>
    <t>\\acsfs\profiles$\fabianafv\My Documents\lu2601d0btr.tmp\Thumbnails\</t>
  </si>
  <si>
    <t>lu2601d0btx.tmp</t>
  </si>
  <si>
    <t>\\acsfs\profiles$\fabianafv\My Documents\lu2601d0btx.tmp</t>
  </si>
  <si>
    <t>\\acsfs\profiles$\fabianafv\My Documents\lu2601d0btx.tmp\</t>
  </si>
  <si>
    <t>\\acsfs\profiles$\fabianafv\My Documents\lu2601d0btx.tmp\META-INF\</t>
  </si>
  <si>
    <t>\\acsfs\profiles$\fabianafv\My Documents\lu2601d0btx.tmp\Thumbnails\</t>
  </si>
  <si>
    <t>\\acsfs\profiles$\leydianeamd\My Documents\xworkcenter\lex\</t>
  </si>
  <si>
    <t>\\acsfs\profiles$\leydianeamd\My Documents\xworkcenter\lex\temp.tlx</t>
  </si>
  <si>
    <t>https://andrelpsa@algartech.com,fabriciadc@algartech.com.br,joaogvc@algartech.com,josiascdsj@algartech.com,karolynecj@algartech.com,leonardoao@algartech.com,marianadjc@algartech.com,matheuscm@algartech.com.br,rafaelggs@algartech.com,supervisaobancovotorantim@algartech.com,taysdss@algartech.com,viniciussg@algartech.com</t>
  </si>
  <si>
    <t>https://algar.folhasinergyrh.com.br/dependente/upload?id=0&amp;idsolicitacao=17987&amp;nomedependente=izabela maria ferreira diniz</t>
  </si>
  <si>
    <t>C:\Users\harunams\Downloads\</t>
  </si>
  <si>
    <t>image2020-01-03-175417.zip</t>
  </si>
  <si>
    <t>C:\Users\harunams\Downloads\image2020-01-03-175417.zip\</t>
  </si>
  <si>
    <t>image2020-01-03-175417.pdf</t>
  </si>
  <si>
    <t>mail.google.com/sync/u/0/i/s?hl=pt-BR&amp;c=468</t>
  </si>
  <si>
    <t>mail.google.com/sync/u/0/i/s?hl=pt-BR&amp;c=470</t>
  </si>
  <si>
    <t>mail.google.com/sync/u/0/i/s?hl=pt-BR&amp;c=474</t>
  </si>
  <si>
    <t>fabriciadc@algartech.com.br;joaogvc@algartech.com;josiascdsj@algartech.com;marianadjc@algartech.com;matheuscm@algartech.com.br;rafaelggs@algartech.com;taysdss@algartech.com;viniciussg@algartech.com;</t>
  </si>
  <si>
    <t>fabriciadc@algartech.com.br,joaogvc@algartech.com,josiascdsj@algartech.com,marianadjc@algartech.com,matheuscm@algartech.com.br,rafaelggs@algartech.com,taysdss@algartech.com,viniciussg@algartech.com</t>
  </si>
  <si>
    <t>https://andrelpsa@algartech.com,bvcartes-supervisores@algarnet.onmicrosoft.com,josiascdsj@algartech.com,karolynecj@algartech.com,leonardoao@algartech.com,marianadjc@algartech.com,supervisaobancovotorantim@algartech.com,thiagordu@algartech.com</t>
  </si>
  <si>
    <t>1a4f3e62-6ae1-4bcf-88fb-792d59e70d5c.tmp</t>
  </si>
  <si>
    <t>\\acsfs\profiles$\leonardocb\Downloads\1a4f3e62-6ae1-4bcf-88fb-792d59e70d5c.tmp</t>
  </si>
  <si>
    <t>lu289844qt9qf.tmp</t>
  </si>
  <si>
    <t>\\acsfs\profiles$\jalilebds\Downloads\lu289844qt9qf.tmp</t>
  </si>
  <si>
    <t>4b8d698d-1c94-458c-8053-69b1c58dde0d.tmp</t>
  </si>
  <si>
    <t>\\acsfs\profiles$\victorgl\Downloads\4b8d698d-1c94-458c-8053-69b1c58dde0d.tmp</t>
  </si>
  <si>
    <t>mail.google.com/sync/u/0/i/s?hl=pt-BR&amp;c=499</t>
  </si>
  <si>
    <t>mail.google.com/sync/u/0/i/s?hl=pt-BR&amp;c=510</t>
  </si>
  <si>
    <t>mail.google.com/sync/u/0/i/s?hl=pt-BR&amp;c=512</t>
  </si>
  <si>
    <t>5debd3b0-c37f-43d2-a5e6-e7eb70700ba6.tmp</t>
  </si>
  <si>
    <t>\\acsfs\profiles$\taylaedoa\Downloads\5debd3b0-c37f-43d2-a5e6-e7eb70700ba6.tmp</t>
  </si>
  <si>
    <t>6fc40427-7fa8-48b5-9782-74776b5c98e9.tmp</t>
  </si>
  <si>
    <t>\\acsfs\profiles$\nathaliaos\Downloads\6fc40427-7fa8-48b5-9782-74776b5c98e9.tmp</t>
  </si>
  <si>
    <t>e1726ea7-d211-4058-ab3f-f063b5b9452f.tmp</t>
  </si>
  <si>
    <t>\\acsfs\profiles$\nathaliaos\Downloads\e1726ea7-d211-4058-ab3f-f063b5b9452f.tmp</t>
  </si>
  <si>
    <t>10.200.67.67</t>
  </si>
  <si>
    <t>78-2B-CB-C1-05-F7</t>
  </si>
  <si>
    <t>VOTORANT-FB019</t>
  </si>
  <si>
    <t>https://vimeo.com</t>
  </si>
  <si>
    <t>57df0a14-0e41-436e-bde6-317c5f60a1db.tmp</t>
  </si>
  <si>
    <t>\\acsfs\profiles$\henriqueco\Downloads\57df0a14-0e41-436e-bde6-317c5f60a1db.tmp</t>
  </si>
  <si>
    <t>01e83279-993c-4af9-a61c-54763710a860.tmp</t>
  </si>
  <si>
    <t>\\acsfs\profiles$\nathaliaos\Downloads\01e83279-993c-4af9-a61c-54763710a860.tmp</t>
  </si>
  <si>
    <t>Template_folha_retificadora mês de dezembro.xlsx</t>
  </si>
  <si>
    <t>caduarte@timbrasil.com.br;cmenezes@timbrasil.com.br;cofernandes@timbrasil.com.br;dioniziorn@algartech.com;efgarcia@timbrasil.com.br;lcifali@timbrasil.com.br;marcos.pereira@algartech.com;mgodinho@timbrasil.com.br;raquelcc@algartech.com;sufsilva@timbrasil.com.br;vcoelho_act@timbrasil.com.br;</t>
  </si>
  <si>
    <t>caduarte@timbrasil.com.br,cmenezes@timbrasil.com.br,cofernandes@timbrasil.com.br,dioniziorn@algartech.com,efgarcia@timbrasil.com.br,lcifali@timbrasil.com.br,marcos.pereira@algartech.com,mgodinho@timbrasil.com.br,raquelcc@algartech.com,sufsilva@timbrasil.com.br,vcoelho_act@timbrasil.com.br</t>
  </si>
  <si>
    <t>mail.google.com/_/upload?authuser=0&amp;dcp=asu-n&amp;upload_id=AEnB2UqkJViriIBe--4SF3bLXWf7mcguGlNmWq1ybN55h_qKiX-5No10Xl4Z3JlILIOCghMiAbp5Hk798ee6hMiNTFiDU1qVY5B7M2KkLhvCcukXdVoDZw4&amp;upload_protocol=resumable</t>
  </si>
  <si>
    <t>81e7eadf-88f3-4d4c-ae73-16992653851b.tmp</t>
  </si>
  <si>
    <t>\\acsfs\profiles$\gabrielamdp\Downloads\81e7eadf-88f3-4d4c-ae73-16992653851b.tmp</t>
  </si>
  <si>
    <t>acd4e1be-7356-42a0-8ba2-f31bd57f4609.tmp</t>
  </si>
  <si>
    <t>\\acsfs\profiles$\brendadsl\Downloads\acd4e1be-7356-42a0-8ba2-f31bd57f4609.tmp</t>
  </si>
  <si>
    <t>mail.google.com/sync/u/0/i/s?hl=pt-BR&amp;c=528</t>
  </si>
  <si>
    <t>mail.google.com/sync/u/0/i/s?hl=pt-BR&amp;c=537</t>
  </si>
  <si>
    <t>mail.google.com/sync/u/0/i/s?hl=pt-BR&amp;c=539</t>
  </si>
  <si>
    <t>100014251170101;algartechcpcbv@algartech.com;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251170101,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251170101;algartechcpcbv@algartech.com;andrelpsa@algartech.com;bvcartes-supervisores@algarnet.onmicrosoft.com;fabriciadc@algartech.com.br;josiascdsj@algartech.com;karolynecj@algartech.com;leonardoao@algartech.com;marianadjc@algartech.com;maristelavodq@bv.algartech.com;matheuscm@algartech.com.br;paulacn@algartech.com;qualidadealgarbv@algartech.com;rafaelggs@algartech.com;supervisaobancovotorantim@algartech.com;taysdss@algartech.com;thiagolrc@bv.algartech.com;thiagordu@algartech.com;viniciussg@algartech.com;</t>
  </si>
  <si>
    <t>100014251170101,algartechcpcbv@algartech.com,andrelpsa@algartech.com,bvcartes-supervisores@algarnet.onmicrosoft.com,fabriciadc@algartech.com.br,josiascdsj@algartech.com,karolynec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thiagordu@algartech.com,viniciussg@algartech.com</t>
  </si>
  <si>
    <t>4817871d-ab47-431d-8d39-d41f65f09ea2.tmp</t>
  </si>
  <si>
    <t>\\acsfs\profiles$\gabrielarb\Downloads\4817871d-ab47-431d-8d39-d41f65f09ea2.tmp</t>
  </si>
  <si>
    <t>fbccdb30-7db4-462d-9328-419d46c45486.tmp</t>
  </si>
  <si>
    <t>\\acsfs\profiles$\gabriellalpr\Downloads\fbccdb30-7db4-462d-9328-419d46c45486.tmp</t>
  </si>
  <si>
    <t>mail.google.com/sync/u/0/i/s?hl=pt-BR&amp;c=1372</t>
  </si>
  <si>
    <t>mail.google.com/sync/u/0/i/s?hl=pt-BR&amp;c=1374</t>
  </si>
  <si>
    <t>mail.google.com/sync/u/0/i/s?hl=pt-BR&amp;c=1376</t>
  </si>
  <si>
    <t>mail.google.com/sync/u/0/i/s?hl=pt-BR&amp;c=1378</t>
  </si>
  <si>
    <t>mail.google.com/sync/u/0/i/s?hl=pt-BR&amp;c=1380</t>
  </si>
  <si>
    <t>mail.google.com/sync/u/0/i/s?hl=pt-BR&amp;c=1382</t>
  </si>
  <si>
    <t>mail.google.com/sync/u/0/i/s?hl=pt-BR&amp;c=1384</t>
  </si>
  <si>
    <t>mail.google.com/sync/u/0/i/s?hl=pt-BR&amp;c=1386</t>
  </si>
  <si>
    <t>mail.google.com/sync/u/0/i/s?hl=pt-BR&amp;c=1389</t>
  </si>
  <si>
    <t>mail.google.com/sync/u/0/i/s?hl=pt-BR&amp;c=1391</t>
  </si>
  <si>
    <t>mail.google.com/sync/u/0/i/s?hl=pt-BR&amp;c=1394</t>
  </si>
  <si>
    <t>mail.google.com/sync/u/0/i/s?hl=pt-BR&amp;c=1399</t>
  </si>
  <si>
    <t>mail.google.com/sync/u/0/i/s?hl=pt-BR&amp;c=1405</t>
  </si>
  <si>
    <t>mail.google.com/sync/u/0/i/s?hl=pt-BR&amp;c=1410</t>
  </si>
  <si>
    <t>mail.google.com/sync/u/0/i/s?hl=pt-BR&amp;c=1415</t>
  </si>
  <si>
    <t>mail.google.com/sync/u/0/i/s?hl=pt-BR&amp;c=1420</t>
  </si>
  <si>
    <t>mail.google.com/sync/u/0/i/s?hl=pt-BR&amp;c=1425</t>
  </si>
  <si>
    <t>mail.google.com/sync/u/0/i/s?hl=pt-BR&amp;c=1430</t>
  </si>
  <si>
    <t>algartechcpcbv@algartech.com;andrelpsa@algartech.com;cpc-controldeskavon@algartech.com;joseasn@algartech.com;josiascdsj@algartech.com;leonardoao@algartech.com;marianadjc@algartech.com;maristelavodq@bv.algartech.com;paulacn@algartech.com;pdf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marianadjc@algartech.com,maristelavodq@bv.algartech.com,paulacn@algartech.com,pdf,qualidadealgarbv@algartech.com,rafaelggs@algartech.com,supervisaobancovotorantim@algartech.com,taysdss@algartech.com,thiagolrc@bv.algartech.com,viniciussg@algartech.com</t>
  </si>
  <si>
    <t>mail.google.com/sync/u/0/i/s?hl=pt-BR&amp;c=1435</t>
  </si>
  <si>
    <t>mail.google.com/sync/u/0/i/s?hl=pt-BR&amp;c=1440</t>
  </si>
  <si>
    <t>mail.google.com/sync/u/0/i/s?hl=pt-BR&amp;c=1446</t>
  </si>
  <si>
    <t>https://100014251170101,andrelpsa@algartech.com,bvcartes-supervisores@algarnet.onmicrosoft.com,josiascdsj@algartech.com,karolynecj@algartech.com,leonardoao@algartech.com,marianadjc@algartech.com,matheuscm@algartech.com.br,supervisaobancovotorantim@algartech.com,thiagordu@algartech.com</t>
  </si>
  <si>
    <t>04627af8-8d69-4c71-86db-cf5311fb4d9c.tmp</t>
  </si>
  <si>
    <t>\\acsfs\profiles$\gabriellalpr\Downloads\04627af8-8d69-4c71-86db-cf5311fb4d9c.tmp</t>
  </si>
  <si>
    <t>mail.google.com/sync/u/0/i/s?hl=pt-BR&amp;c=1465</t>
  </si>
  <si>
    <t>algartechcpcbv@algartech.com;andrelpsa@algartech.com;catianalv@algartech.com;cpc-controldeskavon@algartech.com;fabianacscg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lgartechcpcbv@algartech.com,andrelpsa@algartech.com,catianalv@algartech.com,cpc-controldeskavon@algartech.com,fabianacscg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467</t>
  </si>
  <si>
    <t>mail.google.com/sync/u/0/i/s?hl=pt-BR&amp;c=1469</t>
  </si>
  <si>
    <t>algartechcpcbv@algartech.com;andrelpsa@algartech.com;cpc-controldeskavon@algartech.com;fabianacscg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fabianacscg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1471</t>
  </si>
  <si>
    <t>algartechcpcbv@algartech.com;andrelpsa@algartech.com;cpc-controldeskavon@algartech.com;fabianacscg@algartech.com;joseasn@algartech.com;josiascdsj@algartech.com;leonardoao@algartech.com;marianadjc@algartech.com;maristelavodq@bv.algartech.com;paulacn@algartech.com;pdf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fabianacscg@algartech.com,joseasn@algartech.com,josiascdsj@algartech.com,leonardoao@algartech.com,marianadjc@algartech.com,maristelavodq@bv.algartech.com,paulacn@algartech.com,pdf,qualidadealgarbv@algartech.com,rafaelggs@algartech.com,supervisaobancovotorantim@algartech.com,taysdss@algartech.com,thiagolrc@bv.algartech.com,viniciussg@algartech.com</t>
  </si>
  <si>
    <t>mail.google.com/sync/u/0/i/s?hl=pt-BR&amp;c=1473</t>
  </si>
  <si>
    <t>mail.google.com/sync/u/0/i/s?hl=pt-BR&amp;c=1476</t>
  </si>
  <si>
    <t>mail.google.com/sync/u/0/i/s?hl=pt-BR&amp;c=1478</t>
  </si>
  <si>
    <t>mail.google.com/sync/u/0/i/s?hl=pt-BR&amp;c=1480</t>
  </si>
  <si>
    <t>mail.google.com/sync/u/0/i/s?hl=pt-BR&amp;c=1482</t>
  </si>
  <si>
    <t>mail.google.com/sync/u/0/i/s?hl=pt-BR&amp;c=1484</t>
  </si>
  <si>
    <t>adriana.oliveira@avon.com;alessandragdsb@algartech.com;alexmarques.silva@avon.com;anderson.negrisoli@avon.com;andrelpsa@algartech.com;catianalv@algartech.com;cpc-controldeskavon@algartech.com;edelvan.reginaldo@avon.com;fabianacscg@algartech.com;joseasn@algartech.com;josiascdsj@algartech.com;juan.lopes@avon.com;leonardoao@algartech.com;lucianarsantos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nderson.negrisoli@avon.com,andrelpsa@algartech.com,catianalv@algartech.com,cpc-controldeskavon@algartech.com,edelvan.reginaldo@avon.com,fabianacscg@algartech.com,joseasn@algartech.com,josiascdsj@algartech.com,juan.lopes@avon.com,leonardoao@algartech.com,lucianarsantos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mail.google.com/sync/u/0/i/s?hl=pt-BR&amp;c=1487</t>
  </si>
  <si>
    <t>mail.google.com/sync/u/0/i/s?hl=pt-BR&amp;c=1490</t>
  </si>
  <si>
    <t>mail.google.com/sync/u/0/i/s?hl=pt-BR&amp;c=1492</t>
  </si>
  <si>
    <t>mail.google.com/sync/u/0/i/s?hl=pt-BR&amp;c=1494</t>
  </si>
  <si>
    <t>mail.google.com/sync/u/0/i/s?hl=pt-BR&amp;c=1496</t>
  </si>
  <si>
    <t>algartechcpcbv@algartech.com;andrelpsa@algartech.com;fabianacscg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fabianacscg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ba241f49-7177-4d77-b641-65ec97105648.tmp</t>
  </si>
  <si>
    <t>\\acsfs\profiles$\henriqueco\Downloads\ba241f49-7177-4d77-b641-65ec97105648.tmp</t>
  </si>
  <si>
    <t>db6f0987-8ee9-435c-9284-61e9e43dc763.tmp</t>
  </si>
  <si>
    <t>\\acsfs\profiles$\vivianibfs\Downloads\db6f0987-8ee9-435c-9284-61e9e43dc763.tmp</t>
  </si>
  <si>
    <t>10.200.67.54</t>
  </si>
  <si>
    <t>78-2B-CB-C1-06-4C</t>
  </si>
  <si>
    <t>VOTORANT-PB005</t>
  </si>
  <si>
    <t>leonardobb</t>
  </si>
  <si>
    <t>\\acsfs\profiles$\leonardobb\Downloads\</t>
  </si>
  <si>
    <t>bba91ce2-9e6b-4c3e-9cfe-488c9308a43e.tmp</t>
  </si>
  <si>
    <t>\\acsfs\profiles$\leonardobb\Downloads\bba91ce2-9e6b-4c3e-9cfe-488c9308a43e.tmp</t>
  </si>
  <si>
    <t>123d1f7b-3fab-459f-8beb-bd53a2ad9331.tmp</t>
  </si>
  <si>
    <t>\\acsfs\profiles$\leonardobb\Downloads\123d1f7b-3fab-459f-8beb-bd53a2ad9331.tmp</t>
  </si>
  <si>
    <t>a1a39392-d5a7-4a20-aadb-c7f70f6c76c4.tmp</t>
  </si>
  <si>
    <t>\\acsfs\profiles$\leonardobb\Downloads\a1a39392-d5a7-4a20-aadb-c7f70f6c76c4.tmp</t>
  </si>
  <si>
    <t>472de6f4-f6a2-4a89-b2bc-cd330670598e.tmp</t>
  </si>
  <si>
    <t>\\acsfs\profiles$\leonardobb\Downloads\472de6f4-f6a2-4a89-b2bc-cd330670598e.tmp</t>
  </si>
  <si>
    <t>11e779b1-3a82-4ec4-8467-26415e34e1aa.tmp</t>
  </si>
  <si>
    <t>\\acsfs\profiles$\leonardobb\Downloads\11e779b1-3a82-4ec4-8467-26415e34e1aa.tmp</t>
  </si>
  <si>
    <t>andrelpsa@algartech.com;joaopsan@algartech.com;maristelavodq@bv.algartech.com;raicdf@algartech.com;supervisaobancovotorantim@algartech.com;thiagolrc@bv.algartech.com;</t>
  </si>
  <si>
    <t>andrelpsa@algartech.com,joaopsan@algartech.com,maristelavodq@bv.algartech.com,raicdf@algartech.com,supervisaobancovotorantim@algartech.com,thiagolrc@bv.algartech.com</t>
  </si>
  <si>
    <t>3614df6b-43b4-4120-b15b-48f5e6d73c2d.tmp</t>
  </si>
  <si>
    <t>\\acsfs\profiles$\ingridsm\Downloads\3614df6b-43b4-4120-b15b-48f5e6d73c2d.tmp</t>
  </si>
  <si>
    <t>10.213.2.39</t>
  </si>
  <si>
    <t>EC-F4-BB-FA-D0-FF</t>
  </si>
  <si>
    <t>mail.google.com/_/upload?authuser=2&amp;dcp=asu-n&amp;upload_id=AEnB2Uo711TJS3V_ZH6mv6-kgtvjSEcK9zVYxuhSOFg3FIknKURXfwzxfL1K3BuLjIerNUfIQgFRKfryMLzkR5LUo310GspT-2JT-uvUHMY_ghTb6spLEdE&amp;upload_protocol=resumable</t>
  </si>
  <si>
    <t>C:\Users\ythiakgm\Downloads\</t>
  </si>
  <si>
    <t>3 - Ficha Cadastral.xls</t>
  </si>
  <si>
    <t>mail.google.com/sync/u/0/i/s?hl=pt-BR&amp;c=578</t>
  </si>
  <si>
    <t>mail.google.com/sync/u/0/i/s?hl=pt-BR&amp;c=582</t>
  </si>
  <si>
    <t>mail.google.com/sync/u/0/i/s?hl=pt-BR&amp;c=584</t>
  </si>
  <si>
    <t>mail.google.com/sync/u/0/i/s?hl=pt-BR&amp;c=587</t>
  </si>
  <si>
    <t>mail.google.com/sync/u/0/i/s?hl=pt-BR&amp;c=589</t>
  </si>
  <si>
    <t>https://fabriciadc@algartech.com.br,joaogvc@algartech.com,josiascdsj@algartech.com,marianadjc@algartech.com,matheuscm@algartech.com.br,rafaelggs@algartech.com,taysdss@algartech.com,viniciussg@algartech.com</t>
  </si>
  <si>
    <t>7f45b068-76f1-4540-a7ae-6041decb67f3.tmp</t>
  </si>
  <si>
    <t>\\acsfs\profiles$\leonardobb\Downloads\7f45b068-76f1-4540-a7ae-6041decb67f3.tmp</t>
  </si>
  <si>
    <t>edilsonrb@algartech.com;henriqueac@algartech.com;leonardomcb@algartech.com;lucianapdre@algartech.com;saramfg@algartech.com;victorhsr@algartech.com;</t>
  </si>
  <si>
    <t>\\ACSFS\Engeset\FINANCEIRO_ULA\CONTROLA\SG\01 - Infra TI\Financeiro_2019\</t>
  </si>
  <si>
    <t>Executivo Receita Infra TI 2017, 2018 e 2019.xlsx</t>
  </si>
  <si>
    <t>edilsonrb@algartech.com,henriqueac@algartech.com,leonardomcb@algartech.com,lucianapdre@algartech.com,saramfg@algartech.com,victorhsr@algartech.com</t>
  </si>
  <si>
    <t>\\acsfs\DEPTOS\Operacao\PCP\5 - Comum\PLANEJAMENTO BV\23 - EXTRAÇÕES\</t>
  </si>
  <si>
    <t>Agent utilization Consignado Dez.2019.xlsx</t>
  </si>
  <si>
    <t>\\acsfs\DEPTOS\Operacao\PCP\5 - Comum\PLANEJAMENTO BV\23 - EXTRAÇÕES\Agent utilization Consignado Dez.2019.xlsx</t>
  </si>
  <si>
    <t>Detalhado transferencia dez.2019.xlsx</t>
  </si>
  <si>
    <t>\\acsfs\DEPTOS\Operacao\PCP\5 - Comum\PLANEJAMENTO BV\23 - EXTRAÇÕES\Detalhado transferencia dez.2019.xlsx</t>
  </si>
  <si>
    <t>4b163dfe-f121-4f0c-b424-a399aa890c20.tmp</t>
  </si>
  <si>
    <t>\\acsfs\profiles$\philipegsf\Downloads\4b163dfe-f121-4f0c-b424-a399aa890c20.tmp</t>
  </si>
  <si>
    <t>e6d6630a-de7b-4377-bc37-203a3cd94957.tmp</t>
  </si>
  <si>
    <t>\\acsfs\profiles$\brendadsl\Downloads\e6d6630a-de7b-4377-bc37-203a3cd94957.tmp</t>
  </si>
  <si>
    <t>a2497c6b-bce1-4579-8d7e-ba27b25fb208.tmp</t>
  </si>
  <si>
    <t>\\acsfs\profiles$\joycemmdl\Downloads\a2497c6b-bce1-4579-8d7e-ba27b25fb208.tmp</t>
  </si>
  <si>
    <t>fe633bd5-0a7c-4be5-a146-88016fc37f58.tmp</t>
  </si>
  <si>
    <t>\\acsfs\profiles$\leonardobb\Downloads\fe633bd5-0a7c-4be5-a146-88016fc37f58.tmp</t>
  </si>
  <si>
    <t>078fa82d-a4eb-416c-a25c-be7c509fc8eb.tmp</t>
  </si>
  <si>
    <t>\\acsfs\profiles$\ingridsm\Downloads\078fa82d-a4eb-416c-a25c-be7c509fc8eb.tmp</t>
  </si>
  <si>
    <t>mail.google.com/sync/u/0/i/s?hl=pt-BR&amp;c=1507</t>
  </si>
  <si>
    <t>mail.google.com/sync/u/0/i/s?hl=pt-BR&amp;c=1510</t>
  </si>
  <si>
    <t>mail.google.com/sync/u/0/i/s?hl=pt-BR&amp;c=1513</t>
  </si>
  <si>
    <t>mail.google.com/sync/u/0/i/s?hl=pt-BR&amp;c=1515</t>
  </si>
  <si>
    <t>mail.google.com/sync/u/0/i/s?hl=pt-BR&amp;c=1517</t>
  </si>
  <si>
    <t>mail.google.com/sync/u/0/i/s?hl=pt-BR&amp;c=1519</t>
  </si>
  <si>
    <t>mail.google.com/sync/u/0/i/s?hl=pt-BR&amp;c=1522</t>
  </si>
  <si>
    <t>mail.google.com/sync/u/0/i/s?hl=pt-BR&amp;c=1524</t>
  </si>
  <si>
    <t>mail.google.com/sync/u/0/i/s?hl=pt-BR&amp;c=1526</t>
  </si>
  <si>
    <t>mail.google.com/sync/u/0/i/s?hl=pt-BR&amp;c=1528</t>
  </si>
  <si>
    <t>bc0ed524-fac3-4a6d-a766-f0adb3095e57.tmp</t>
  </si>
  <si>
    <t>\\acsfs\profiles$\nathaliaos\Downloads\bc0ed524-fac3-4a6d-a766-f0adb3095e57.tmp</t>
  </si>
  <si>
    <t>17789afd-df80-4e0a-b0b2-cafd04b99ab6.tmp</t>
  </si>
  <si>
    <t>\\acsfs\profiles$\nathaliaos\Downloads\17789afd-df80-4e0a-b0b2-cafd04b99ab6.tmp</t>
  </si>
  <si>
    <t>3881aefc-f0e5-42cf-919e-767c09ee0299.tmp</t>
  </si>
  <si>
    <t>\\acsfs\profiles$\leonardobb\Downloads\3881aefc-f0e5-42cf-919e-767c09ee0299.tmp</t>
  </si>
  <si>
    <t>851c9836-ceec-4139-b859-59842d9d875c.tmp</t>
  </si>
  <si>
    <t>\\acsfs\profiles$\leonardobb\Downloads\851c9836-ceec-4139-b859-59842d9d875c.tmp</t>
  </si>
  <si>
    <t>fb01b8ad-2b17-4cd1-9b97-038e7206caae.tmp</t>
  </si>
  <si>
    <t>\\acsfs\profiles$\leonardobb\Downloads\fb01b8ad-2b17-4cd1-9b97-038e7206caae.tmp</t>
  </si>
  <si>
    <t>2235afef-fc14-40ff-9614-c4daddfeffd6.tmp</t>
  </si>
  <si>
    <t>\\acsfs\profiles$\ingridsm\Downloads\2235afef-fc14-40ff-9614-c4daddfeffd6.tmp</t>
  </si>
  <si>
    <t>c7939757-b00e-43b7-ac59-08d091ef2ddc.tmp</t>
  </si>
  <si>
    <t>\\acsfs\profiles$\cintiadjl\Downloads\c7939757-b00e-43b7-ac59-08d091ef2ddc.tmp</t>
  </si>
  <si>
    <t>494b15e6-6e99-49a2-80cd-0684ac7b3cba.tmp</t>
  </si>
  <si>
    <t>\\acsfs\profiles$\gabrielarb\Downloads\494b15e6-6e99-49a2-80cd-0684ac7b3cba.tmp</t>
  </si>
  <si>
    <t>74-86-7A-FB-17-DD</t>
  </si>
  <si>
    <t>VOTORANT-VB007</t>
  </si>
  <si>
    <t>\\acsfs\profiles$\lorenabmc\Contacts\</t>
  </si>
  <si>
    <t>LORENA BIANCA MARTINS COSTA (21660).contact</t>
  </si>
  <si>
    <t>\\acsfs\profiles$\lorenabmc\Contacts\LORENA BIANCA MARTINS COSTA (21660).contact</t>
  </si>
  <si>
    <t>\\acsfs\profiles$\lorenabmc\My Documents\My Videos\</t>
  </si>
  <si>
    <t>\\acsfs\profiles$\lorenabmc\My Documents\My Videos\desktop.ini</t>
  </si>
  <si>
    <t>https://100014251170101,algartechcpcbv@algartech.com,andrelpsa@algartech.com,bvcartes-supervisores@algarnet.onmicrosoft.com,fabriciadc@algartech.com.br,josiascdsj@algartech.com,karolynec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thiagordu@algartech.com,viniciussg@algartech.com</t>
  </si>
  <si>
    <t>\\acsfs\profiles$\lorenabmc\My Documents\My Pictures\</t>
  </si>
  <si>
    <t>\\acsfs\profiles$\lorenabmc\My Documents\My Pictures\desktop.ini</t>
  </si>
  <si>
    <t>\\acsfs\profiles$\lorenabmc\Contacts\desktop.ini</t>
  </si>
  <si>
    <t>\\acsfs\profiles$\lorenabmc\Favorites\</t>
  </si>
  <si>
    <t>\\acsfs\profiles$\lorenabmc\Favorites\desktop.ini</t>
  </si>
  <si>
    <t>\\acsfs\profiles$\lorenabmc\My Documents\My Music\</t>
  </si>
  <si>
    <t>\\acsfs\profiles$\lorenabmc\My Documents\My Music\desktop.ini</t>
  </si>
  <si>
    <t>\\acsfs\profiles$\lorenabmc\Searches\</t>
  </si>
  <si>
    <t>\\acsfs\profiles$\lorenabmc\Searches\desktop.ini</t>
  </si>
  <si>
    <t>\\acsfs\profiles$\lorenabmc\Downloads\desktop.ini</t>
  </si>
  <si>
    <t>\\acsfs\profiles$\lorenabmc\My Documents\</t>
  </si>
  <si>
    <t>\\acsfs\profiles$\lorenabmc\My Documents\desktop.ini</t>
  </si>
  <si>
    <t>\\acsfs\profiles$\lorenabmc\Saved Games\</t>
  </si>
  <si>
    <t>\\acsfs\profiles$\lorenabmc\Saved Games\desktop.ini</t>
  </si>
  <si>
    <t>\\acsfs\profiles$\lorenabmc\Favorites\Links for Brasil\</t>
  </si>
  <si>
    <t>\\acsfs\profiles$\lorenabmc\Favorites\Links for Brasil\desktop.ini</t>
  </si>
  <si>
    <t>\\acsfs\profiles$\lorenabmc\Favorites\Links for Brasil\Microsoft Brasil.url</t>
  </si>
  <si>
    <t>\\acsfs\profiles$\lorenabmc\Favorites\Links for Brasil\Windows Brasil.url</t>
  </si>
  <si>
    <t>\\acsfs\profiles$\lorenabmc\Favorites\Links for Brasil\MSN Brasil.url</t>
  </si>
  <si>
    <t>cb78605e-66c0-4ea8-b7cf-68a7154c4bf6.tmp</t>
  </si>
  <si>
    <t>\\acsfs\profiles$\alinepp\Downloads\cb78605e-66c0-4ea8-b7cf-68a7154c4bf6.tmp</t>
  </si>
  <si>
    <t>09da0c55-60c1-45ad-9a14-76462f81ce1e.tmp</t>
  </si>
  <si>
    <t>\\acsfs\profiles$\ingridsm\Downloads\09da0c55-60c1-45ad-9a14-76462f81ce1e.tmp</t>
  </si>
  <si>
    <t>d5889b39-0f10-4611-b10d-3202f64642e2.tmp</t>
  </si>
  <si>
    <t>\\acsfs\profiles$\brunalas\Downloads\d5889b39-0f10-4611-b10d-3202f64642e2.tmp</t>
  </si>
  <si>
    <t>dc6c45b8-73a2-4536-aca4-634ba9e9f061.tmp</t>
  </si>
  <si>
    <t>\\acsfs\profiles$\brendadsl\Downloads\dc6c45b8-73a2-4536-aca4-634ba9e9f061.tmp</t>
  </si>
  <si>
    <t>6888998a-c583-42f1-a179-4da05f0d3c44.tmp</t>
  </si>
  <si>
    <t>\\acsfs\profiles$\anafaes\Downloads\6888998a-c583-42f1-a179-4da05f0d3c44.tmp</t>
  </si>
  <si>
    <t>09a80257-8070-4c6e-bf6f-11b8dffae690.tmp</t>
  </si>
  <si>
    <t>\\acsfs\profiles$\alinepp\Downloads\09a80257-8070-4c6e-bf6f-11b8dffae690.tmp</t>
  </si>
  <si>
    <t>d5af40ef-1d46-4c41-afa4-6a92d83e617e.tmp</t>
  </si>
  <si>
    <t>\\acsfs\profiles$\gabrielarb\Downloads\d5af40ef-1d46-4c41-afa4-6a92d83e617e.tmp</t>
  </si>
  <si>
    <t>f53df3c1-ba14-4f8c-8990-2bca2a9c1da4.tmp</t>
  </si>
  <si>
    <t>\\acsfs\profiles$\dhiulliananads\Downloads\f53df3c1-ba14-4f8c-8990-2bca2a9c1da4.tmp</t>
  </si>
  <si>
    <t>a6215b94-e295-4c5b-80a1-87d85c4e94be.tmp</t>
  </si>
  <si>
    <t>\\acsfs\profiles$\dhiulliananads\Downloads\a6215b94-e295-4c5b-80a1-87d85c4e94be.tmp</t>
  </si>
  <si>
    <t>28acdb12-21c3-49d5-a479-e04e37a69936.tmp</t>
  </si>
  <si>
    <t>\\acsfs\profiles$\andreapdsg\Downloads\28acdb12-21c3-49d5-a479-e04e37a69936.tmp</t>
  </si>
  <si>
    <t>8f39f74f-6d85-42c0-9184-4ab72ca9cb89.tmp</t>
  </si>
  <si>
    <t>\\acsfs\profiles$\henriqueco\Downloads\8f39f74f-6d85-42c0-9184-4ab72ca9cb89.tmp</t>
  </si>
  <si>
    <t>75cd7077-8492-4fe2-912c-55dfd9879850.tmp</t>
  </si>
  <si>
    <t>\\acsfs\profiles$\fabianafv\Downloads\75cd7077-8492-4fe2-912c-55dfd9879850.tmp</t>
  </si>
  <si>
    <t>97485a4c-0505-4e8e-a262-4659fc50e5b6.tmp</t>
  </si>
  <si>
    <t>\\acsfs\profiles$\brendadsl\Downloads\97485a4c-0505-4e8e-a262-4659fc50e5b6.tmp</t>
  </si>
  <si>
    <t>9b94b4ce-c755-4f9a-972a-edfe439421e5.tmp</t>
  </si>
  <si>
    <t>\\acsfs\profiles$\gabrielamdp\Downloads\9b94b4ce-c755-4f9a-972a-edfe439421e5.tmp</t>
  </si>
  <si>
    <t>bada8271-d7b6-4b28-a70e-fef72f891b98.tmp</t>
  </si>
  <si>
    <t>\\acsfs\profiles$\taylaedoa\Downloads\bada8271-d7b6-4b28-a70e-fef72f891b98.tmp</t>
  </si>
  <si>
    <t>e3d88d4a-faa4-4127-97c1-78db1e1a645a.tmp</t>
  </si>
  <si>
    <t>\\acsfs\profiles$\edicarlosdl\Downloads\e3d88d4a-faa4-4127-97c1-78db1e1a645a.tmp</t>
  </si>
  <si>
    <t>\\acsfs\DEPTOS\Operacao\Banco_Votorantim\Comum\LINK PARA PESQUISA\</t>
  </si>
  <si>
    <t>LINK PESQUISA.txt</t>
  </si>
  <si>
    <t>\\acsfs\DEPTOS\Operacao\Banco_Votorantim\Comum\LINK PARA PESQUISA\LINK PESQUISA.txt</t>
  </si>
  <si>
    <t>100035125381406;andrelpsa@algartech.com;fabriciadc@algartech.com.br;joaogvc@algartech.com;josiascdsj@algartech.com;karolynecj@algartech.com;leonardoao@algartech.com;marianadjc@algartech.com;matheuscm@algartech.com.br;rafaelggs@algartech.com;supervisaobancovotorantim@algartech.com;taysdss@algartech.com;viniciussg@algartech.com;</t>
  </si>
  <si>
    <t>https://100035125381406,andrelpsa@algartech.com,fabriciadc@algartech.com.br,joaogvc@algartech.com,josiascdsj@algartech.com,karolynecj@algartech.com,leonardoao@algartech.com,marianadjc@algartech.com,matheuscm@algartech.com.br,rafaelggs@algartech.com,supervisaobancovotorantim@algartech.com,taysdss@algartech.com,viniciussg@algartech.com</t>
  </si>
  <si>
    <t>mail.google.com/sync/u/0/i/s?hl=pt-BR&amp;c=630</t>
  </si>
  <si>
    <t>c69b40c1-68f2-4650-82a3-5732f669fc0f.tmp</t>
  </si>
  <si>
    <t>\\acsfs\profiles$\brendadsl\Downloads\c69b40c1-68f2-4650-82a3-5732f669fc0f.tmp</t>
  </si>
  <si>
    <t>Aniversariantes Dezembro (1).xlsx</t>
  </si>
  <si>
    <t>Folga 1.PNG</t>
  </si>
  <si>
    <t>Folga 2.PNG</t>
  </si>
  <si>
    <t>thaynaracsl</t>
  </si>
  <si>
    <t>\\acsfs\profiles$\thaynaracsl\My Documents\</t>
  </si>
  <si>
    <t>vendas feitas ja em janeiro.txt</t>
  </si>
  <si>
    <t>\\acsfs\profiles$\thaynaracsl\My Documents\vendas feitas ja em janeiro.txt</t>
  </si>
  <si>
    <t>mail.google.com/sync/u/0/i/s?hl=pt-BR&amp;c=649</t>
  </si>
  <si>
    <t>mail.google.com/sync/u/0/i/s?hl=pt-BR&amp;c=651</t>
  </si>
  <si>
    <t>mail.google.com/sync/u/0/i/s?hl=pt-BR&amp;c=655</t>
  </si>
  <si>
    <t>andrelpsa@algartech.com;fabriciadc@algartech.com.br;joaogvc@algartech.com;josiascdsj@algartech.com;karolynecj@algartech.com;leonardoao@algartech.com;marianadjc@algartech.com;matheuscm@;matheuscm@algartech.com.br;rafaelggs@algartech.com;supervisaobancovotorantim@algartech.com;taysdss@algartech.com;viniciussg@algartech.com;</t>
  </si>
  <si>
    <t>andrelpsa@algartech.com,fabriciadc@algartech.com.br,joaogvc@algartech.com,josiascdsj@algartech.com,karolynecj@algartech.com,leonardoao@algartech.com,marianadjc@algartech.com,matheuscm@,matheuscm@algartech.com.br,rafaelggs@algartech.com,supervisaobancovotorantim@algartech.com,taysdss@algartech.com,viniciussg@algartech.com</t>
  </si>
  <si>
    <t>473b3d42-39c2-490e-85c9-557f8a75f78e.tmp</t>
  </si>
  <si>
    <t>\\acsfs\profiles$\philipegsf\Downloads\473b3d42-39c2-490e-85c9-557f8a75f78e.tmp</t>
  </si>
  <si>
    <t>mail.google.com/sync/u/0/i/s?hl=pt-BR&amp;c=267</t>
  </si>
  <si>
    <t>596e5ab4-fc42-4c53-bebc-b84a277078a2.tmp</t>
  </si>
  <si>
    <t>\\acsfs\profiles$\brendadsl\Downloads\596e5ab4-fc42-4c53-bebc-b84a277078a2.tmp</t>
  </si>
  <si>
    <t>7755e62d-b5ed-426e-b2d9-0ca02fbbe88b.tmp</t>
  </si>
  <si>
    <t>\\acsfs\profiles$\marcosvnds\Downloads\7755e62d-b5ed-426e-b2d9-0ca02fbbe88b.tmp</t>
  </si>
  <si>
    <t>https://andrelpsa@algartech.com,bvcartes-supervisores@algarnet.onmicrosoft.com,fabriciadc@algartech.com.br,joaogvc@algartech.com,josiascdsj@algartech.com,karolynecj@algartech.com,leonardoao@algartech.com,marianadjc@algartech.com,matheuscm@algartech.com.br,rafaelggs@algartech.com,supervisaobancovotorantim@algartech.com,taysdss@algartech.com,thiagordu@algartech.com,viniciussg@algartech.com</t>
  </si>
  <si>
    <t>f0f11aaa-5d90-46bd-a3bd-4cac4d3fc899.tmp</t>
  </si>
  <si>
    <t>\\acsfs\profiles$\Adrieledgc\Downloads\f0f11aaa-5d90-46bd-a3bd-4cac4d3fc899.tmp</t>
  </si>
  <si>
    <t>mail.google.com/sync/u/0/i/s?hl=pt-BR&amp;c=284</t>
  </si>
  <si>
    <t>a8af9d7f-d954-4238-8807-b4052946aaa0.tmp</t>
  </si>
  <si>
    <t>\\acsfs\profiles$\ingridsm\Downloads\a8af9d7f-d954-4238-8807-b4052946aaa0.tmp</t>
  </si>
  <si>
    <t>Formulário TTV - Criação de Agente.xlsx</t>
  </si>
  <si>
    <t>bab981d0-dd52-4678-bf9f-a451935a7f19.tmp</t>
  </si>
  <si>
    <t>\\acsfs\profiles$\brendadsl\Downloads\bab981d0-dd52-4678-bf9f-a451935a7f19.tmp</t>
  </si>
  <si>
    <t>ddccfb66-f60e-4b16-96a8-b689e6fa46cb.tmp</t>
  </si>
  <si>
    <t>\\acsfs\profiles$\nathaliaos\Downloads\ddccfb66-f60e-4b16-96a8-b689e6fa46cb.tmp</t>
  </si>
  <si>
    <t>574dae3d-a172-4399-bd62-8f071486cf65.tmp</t>
  </si>
  <si>
    <t>\\acsfs\profiles$\gabrielamdp\Downloads\574dae3d-a172-4399-bd62-8f071486cf65.tmp</t>
  </si>
  <si>
    <t>XLOG_anakcs_03012020_124730.log</t>
  </si>
  <si>
    <t>\\acsfs\profiles$\anakcs\My Documents\xworkcenter\logs\XLOG_anakcs_03012020_124730.log</t>
  </si>
  <si>
    <t>2018ae5c-03ee-4678-af44-958df70280fd.tmp</t>
  </si>
  <si>
    <t>\\acsfs\profiles$\brunalas\Downloads\2018ae5c-03ee-4678-af44-958df70280fd.tmp</t>
  </si>
  <si>
    <t>3fddc51f-2f35-4bb9-baaa-7d2535c711eb.tmp</t>
  </si>
  <si>
    <t>\\acsfs\profiles$\joycemmdl\Downloads\3fddc51f-2f35-4bb9-baaa-7d2535c711eb.tmp</t>
  </si>
  <si>
    <t>Unconfirmed 854201.crdownload</t>
  </si>
  <si>
    <t>\\acsfs\profiles$\joycemmdl\Downloads\Unconfirmed 854201.crdownload</t>
  </si>
  <si>
    <t>94a231f7-0770-44b7-ba7d-38d4d0a218be.tmp</t>
  </si>
  <si>
    <t>\\acsfs\profiles$\henriqueco\Downloads\94a231f7-0770-44b7-ba7d-38d4d0a218be.tmp</t>
  </si>
  <si>
    <t>mail.google.com/sync/u/0/i/s?hl=pt-BR&amp;c=360</t>
  </si>
  <si>
    <t>mail.google.com/sync/u/0/i/s?hl=pt-BR&amp;c=365</t>
  </si>
  <si>
    <t>mail.google.com/sync/u/0/i/s?hl=pt-BR&amp;c=374</t>
  </si>
  <si>
    <t>fdf4009f-e8df-4a61-9a2b-08492006c9af.tmp</t>
  </si>
  <si>
    <t>\\acsfs\profiles$\joycemmdl\Downloads\fdf4009f-e8df-4a61-9a2b-08492006c9af.tmp</t>
  </si>
  <si>
    <t>5689bbe5-2d61-4f70-a36e-c0ec6b352b9a.tmp</t>
  </si>
  <si>
    <t>\\acsfs\profiles$\leonardocb\Downloads\5689bbe5-2d61-4f70-a36e-c0ec6b352b9a.tmp</t>
  </si>
  <si>
    <t>mail.google.com/sync/u/0/i/s?hl=pt-BR&amp;c=384</t>
  </si>
  <si>
    <t>mail.google.com/sync/u/0/i/s?hl=pt-BR&amp;c=389</t>
  </si>
  <si>
    <t>mail.google.com/sync/u/0/i/s?hl=pt-BR&amp;c=391</t>
  </si>
  <si>
    <t>Divisão Supervisores.xlsx</t>
  </si>
  <si>
    <t>c659f109-cb49-4852-a610-6510d1aecbdc.tmp</t>
  </si>
  <si>
    <t>\\acsfs\profiles$\brendadsl\Downloads\c659f109-cb49-4852-a610-6510d1aecbdc.tmp</t>
  </si>
  <si>
    <t>algartechcpcbv@algartech.com;andrelpsa@algartech.com;fabriciadc@algartech.com.br;joaogvc@algartech.com;josiascdsj@algartech.com;leonardoao@algartech.com;marianadjc@algartech.com;maristelavodq@bv.algartech.com;matheuscm@algartech.com.br;paulacn@algartech.com;qualidadealgarbv@algartech.com;rafaelggs@algartech.com;supervisaobancovotorantim@algartech.com;taysdss@algartech.com;thiagolrc@bv.algartech.com;viniciussg@algartech.com;</t>
  </si>
  <si>
    <t>algartechcpcbv@algartech.com,andrelpsa@algartech.com,fabriciadc@algartech.com.br,joaogvc@algartech.com,josiascds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viniciussg@algartech.com</t>
  </si>
  <si>
    <t>algartechcpcbv@algartech.com;andrelpsa@algartech.com;fabriciadc@algartech.com.br;joaogvc@algartech.com;josiascdsj@algartech.com;karolynecj@algartech.com;leonardoao@algartech.com;marianadjc@algartech.com;maristelavodq@bv.algartech.com;matheuscm@;matheuscm@algartech.com.br;paulacn@algartech.com;qualidadealgarbv@algartech.com;rafaelggs@algartech.com;supervisaobancovotorantim@algartech.com;taysdss@algartech.com;thiagolrc@bv.algartech.com;viniciussg@algartech.com;</t>
  </si>
  <si>
    <t>algartechcpcbv@algartech.com,andrelpsa@algartech.com,fabriciadc@algartech.com.br,joaogvc@algartech.com,josiascdsj@algartech.com,karolynecj@algartech.com,leonardoao@algartech.com,marianadjc@algartech.com,maristelavodq@bv.algartech.com,matheuscm@,matheuscm@algartech.com.br,paulacn@algartech.com,qualidadealgarbv@algartech.com,rafaelggs@algartech.com,supervisaobancovotorantim@algartech.com,taysdss@algartech.com,thiagolrc@bv.algartech.com,viniciussg@algartech.com</t>
  </si>
  <si>
    <t>2ef94a91-c514-4708-8421-22815c246799;</t>
  </si>
  <si>
    <t>4ec8a2ec-6e91-43e9-8ef0-ff6798da5e07.tmp</t>
  </si>
  <si>
    <t>\\acsfs\profiles$\leandromsa\Downloads\4ec8a2ec-6e91-43e9-8ef0-ff6798da5e07.tmp</t>
  </si>
  <si>
    <t>935e4fcc-84e1-44ae-8194-23e89c7ca130.tmp</t>
  </si>
  <si>
    <t>\\acsfs\profiles$\leonardocb\Downloads\935e4fcc-84e1-44ae-8194-23e89c7ca130.tmp</t>
  </si>
  <si>
    <t>1bb220f0-f919-4dba-862b-079aa7af0048.tmp</t>
  </si>
  <si>
    <t>\\acsfs\profiles$\leonardocb\Downloads\1bb220f0-f919-4dba-862b-079aa7af0048.tmp</t>
  </si>
  <si>
    <t>e6637446-fba9-4430-ba6b-d3ac30acae89.tmp</t>
  </si>
  <si>
    <t>\\acsfs\profiles$\edicarlosdl\Downloads\e6637446-fba9-4430-ba6b-d3ac30acae89.tmp</t>
  </si>
  <si>
    <t>b1b18376-f8c6-438d-8a3f-4b4fb0910424.tmp</t>
  </si>
  <si>
    <t>\\acsfs\profiles$\gabrielamdp\Downloads\b1b18376-f8c6-438d-8a3f-4b4fb0910424.tmp</t>
  </si>
  <si>
    <t>df87511f-2fba-408f-82c9-ddbf431426c4.tmp</t>
  </si>
  <si>
    <t>\\acsfs\profiles$\gabrielamdp\Downloads\df87511f-2fba-408f-82c9-ddbf431426c4.tmp</t>
  </si>
  <si>
    <t>34516a22-eb09-41c3-8956-4994d2ae6e46.tmp</t>
  </si>
  <si>
    <t>\\acsfs\profiles$\gabrielamdp\Downloads\34516a22-eb09-41c3-8956-4994d2ae6e46.tmp</t>
  </si>
  <si>
    <t>100014251170101;100035125381406;</t>
  </si>
  <si>
    <t>55904566-a017-453d-a37b-9a93ccfb6bb8.tmp</t>
  </si>
  <si>
    <t>\\acsfs\profiles$\nathaliaos\Downloads\55904566-a017-453d-a37b-9a93ccfb6bb8.tmp</t>
  </si>
  <si>
    <t>137a1832-e01d-4049-af82-dbf11b1e163d.tmp</t>
  </si>
  <si>
    <t>\\acsfs\profiles$\nathaliaos\Downloads\137a1832-e01d-4049-af82-dbf11b1e163d.tmp</t>
  </si>
  <si>
    <t>Metlifes.xlsx</t>
  </si>
  <si>
    <t>\\acsfs\ACS\Gabriel da Silva\Contemporânea\VENDAS\Metlifes.xlsx</t>
  </si>
  <si>
    <t>5a28fa51-6dd4-423d-ac9b-72379d68dee8.tmp</t>
  </si>
  <si>
    <t>\\acsfs\profiles$\gabrielamdp\Downloads\5a28fa51-6dd4-423d-ac9b-72379d68dee8.tmp</t>
  </si>
  <si>
    <t>88b29834-36d0-4cfb-8db6-69c5f9b4d678.tmp</t>
  </si>
  <si>
    <t>\\acsfs\profiles$\gabrielamdp\Downloads\88b29834-36d0-4cfb-8db6-69c5f9b4d678.tmp</t>
  </si>
  <si>
    <t>ddaad1f9-57fb-4a56-956d-a9752157a49d.tmp</t>
  </si>
  <si>
    <t>\\acsfs\profiles$\gabrielamdp\Downloads\ddaad1f9-57fb-4a56-956d-a9752157a49d.tmp</t>
  </si>
  <si>
    <t>a42f183d-8e0b-41a7-a4ab-59a82e845dad.tmp</t>
  </si>
  <si>
    <t>\\acsfs\profiles$\gabrielamdp\Downloads\a42f183d-8e0b-41a7-a4ab-59a82e845dad.tmp</t>
  </si>
  <si>
    <t>74-86-7A-FB-17-67</t>
  </si>
  <si>
    <t>VOTORANT-IB013</t>
  </si>
  <si>
    <t>GABRIELE OLIVEIRA DE SOUSA (25443).contact</t>
  </si>
  <si>
    <t>\\acsfs\profiles$\gabrieleods\Contacts\GABRIELE OLIVEIRA DE SOUSA (25443).contact</t>
  </si>
  <si>
    <t>https://algartechcpcbv@algartech.com,andrelpsa@algartech.com,fabriciadc@algartech.com.br,joaogvc@algartech.com,josiascds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viniciussg@algartech.com</t>
  </si>
  <si>
    <t>14b6b89b-d7a8-4490-b5e9-303c5348a746.tmp</t>
  </si>
  <si>
    <t>\\acsfs\profiles$\edicarlosdl\Downloads\14b6b89b-d7a8-4490-b5e9-303c5348a746.tmp</t>
  </si>
  <si>
    <t>XLOG_marcosvnds_03012020_150434.log</t>
  </si>
  <si>
    <t>\\acsfs\profiles$\marcosvnds\My Documents\xworkcenter\logs\XLOG_marcosvnds_03012020_150434.log</t>
  </si>
  <si>
    <t>915fae0f-9445-42a7-ab7b-125bbe3eabda.tmp</t>
  </si>
  <si>
    <t>\\acsfs\profiles$\nathaliaos\Downloads\915fae0f-9445-42a7-ab7b-125bbe3eabda.tmp</t>
  </si>
  <si>
    <t>e3612174-080a-455e-9150-14373c97bee8.tmp</t>
  </si>
  <si>
    <t>\\acsfs\profiles$\leonardocb\Downloads\e3612174-080a-455e-9150-14373c97bee8.tmp</t>
  </si>
  <si>
    <t>lu2592yr8c2.tmp</t>
  </si>
  <si>
    <t>\\acsfs\profiles$\edicarlosdl\My Documents\lu2592yr8c2.tmp</t>
  </si>
  <si>
    <t>\\acsfs\profiles$\edicarlosdl\My Documents\lu2592yr8c2.tmp\</t>
  </si>
  <si>
    <t>\\acsfs\profiles$\edicarlosdl\My Documents\lu2592yr8c2.tmp\META-INF\</t>
  </si>
  <si>
    <t>\\acsfs\profiles$\edicarlosdl\My Documents\lu2592yr8c2.tmp\Thumbnails\</t>
  </si>
  <si>
    <t>57e1af8d-1d7f-4648-9a55-720996fd3c99.tmp</t>
  </si>
  <si>
    <t>\\acsfs\profiles$\nathaliaos\Downloads\57e1af8d-1d7f-4648-9a55-720996fd3c99.tmp</t>
  </si>
  <si>
    <t>71231c5e-c4bd-4fc4-b46b-ad6c1656c3b6.tmp</t>
  </si>
  <si>
    <t>\\acsfs\profiles$\marlyannegdls\Downloads\71231c5e-c4bd-4fc4-b46b-ad6c1656c3b6.tmp</t>
  </si>
  <si>
    <t>698bb366-e3f5-4f10-869a-d2680e914dc7.tmp</t>
  </si>
  <si>
    <t>\\acsfs\profiles$\marlyannegdls\Downloads\698bb366-e3f5-4f10-869a-d2680e914dc7.tmp</t>
  </si>
  <si>
    <t>7d8588c4-e285-49e8-a9ca-cd5554eea857.tmp</t>
  </si>
  <si>
    <t>\\acsfs\profiles$\leonardocb\Downloads\7d8588c4-e285-49e8-a9ca-cd5554eea857.tmp</t>
  </si>
  <si>
    <t>dd54a503-f474-43b6-a5b2-98d6a2adf508.tmp</t>
  </si>
  <si>
    <t>\\acsfs\profiles$\marlyannegdls\Downloads\dd54a503-f474-43b6-a5b2-98d6a2adf508.tmp</t>
  </si>
  <si>
    <t>78b1cd66-7d02-482f-b32f-0d18d3cf99eb.tmp</t>
  </si>
  <si>
    <t>\\acsfs\profiles$\marlyannegdls\Downloads\78b1cd66-7d02-482f-b32f-0d18d3cf99eb.tmp</t>
  </si>
  <si>
    <t>0ec5dde6-5a2c-4c45-9862-88b1cfdb4419.tmp</t>
  </si>
  <si>
    <t>\\acsfs\profiles$\andressagr\Downloads\0ec5dde6-5a2c-4c45-9862-88b1cfdb4419.tmp</t>
  </si>
  <si>
    <t>61103415-b4fc-4586-bcc8-1abde96aec8e.tmp</t>
  </si>
  <si>
    <t>\\acsfs\profiles$\andressagr\Downloads\61103415-b4fc-4586-bcc8-1abde96aec8e.tmp</t>
  </si>
  <si>
    <t>95d2e46e-0b6a-4f13-b4a1-8183f716720f.tmp</t>
  </si>
  <si>
    <t>\\acsfs\profiles$\andressagr\Downloads\95d2e46e-0b6a-4f13-b4a1-8183f716720f.tmp</t>
  </si>
  <si>
    <t>080c4a67-925a-4030-b10a-411c5dd11c64.tmp</t>
  </si>
  <si>
    <t>\\acsfs\profiles$\andressagr\Downloads\080c4a67-925a-4030-b10a-411c5dd11c64.tmp</t>
  </si>
  <si>
    <t>lu479526qdn7r.tmp</t>
  </si>
  <si>
    <t>\\acsfs\profiles$\ALYNYA\My Documents\lu479526qdn7r.tmp</t>
  </si>
  <si>
    <t>\\acsfs\profiles$\ALYNYA\My Documents\lu479526qdn7r.tmp\</t>
  </si>
  <si>
    <t>\\acsfs\profiles$\ALYNYA\My Documents\lu479526qdn7r.tmp\META-INF\</t>
  </si>
  <si>
    <t>\\acsfs\profiles$\ALYNYA\My Documents\lu479526qdn7r.tmp\Thumbnails\</t>
  </si>
  <si>
    <t>60de711f-6751-437a-8c42-fb14682a774c.tmp</t>
  </si>
  <si>
    <t>\\acsfs\profiles$\ALYNYA\Downloads\60de711f-6751-437a-8c42-fb14682a774c.tmp</t>
  </si>
  <si>
    <t>9fd5ff37-bb71-4c74-a4e4-504fb9e80349.tmp</t>
  </si>
  <si>
    <t>\\acsfs\profiles$\ALYNYA\Downloads\9fd5ff37-bb71-4c74-a4e4-504fb9e80349.tmp</t>
  </si>
  <si>
    <t>89cbaa51-2c57-4453-af12-a06f42fa6857.tmp</t>
  </si>
  <si>
    <t>\\acsfs\profiles$\ALYNYA\Downloads\89cbaa51-2c57-4453-af12-a06f42fa6857.tmp</t>
  </si>
  <si>
    <t>6805581f-3be6-4f9c-a31f-10a05c16b760.tmp</t>
  </si>
  <si>
    <t>\\acsfs\profiles$\BRUNAAR\Downloads\6805581f-3be6-4f9c-a31f-10a05c16b760.tmp</t>
  </si>
  <si>
    <t>5532d79e-0512-47c7-ac22-e1561b2793b3.tmp</t>
  </si>
  <si>
    <t>\\acsfs\profiles$\BRUNAAR\Downloads\5532d79e-0512-47c7-ac22-e1561b2793b3.tmp</t>
  </si>
  <si>
    <t>f433a153-129b-4efa-b40c-4e87512d8c2a.tmp</t>
  </si>
  <si>
    <t>\\acsfs\profiles$\cintiadcf\Downloads\f433a153-129b-4efa-b40c-4e87512d8c2a.tmp</t>
  </si>
  <si>
    <t>487f1a68-7909-4591-a56c-858ec711729a.tmp</t>
  </si>
  <si>
    <t>\\acsfs\profiles$\cintiadcf\Downloads\487f1a68-7909-4591-a56c-858ec711729a.tmp</t>
  </si>
  <si>
    <t>0d5ae447-d004-49e3-888f-283360bd26d2.tmp</t>
  </si>
  <si>
    <t>\\acsfs\profiles$\cintiadcf\Downloads\0d5ae447-d004-49e3-888f-283360bd26d2.tmp</t>
  </si>
  <si>
    <t>a0242c9c-ac8c-4742-96e3-65c4f4f1073e.tmp</t>
  </si>
  <si>
    <t>\\acsfs\profiles$\LAISLG\Downloads\a0242c9c-ac8c-4742-96e3-65c4f4f1073e.tmp</t>
  </si>
  <si>
    <t>da5c83e4-2f26-48dc-9604-3eabef529e82.tmp</t>
  </si>
  <si>
    <t>\\acsfs\profiles$\LAISLG\Downloads\da5c83e4-2f26-48dc-9604-3eabef529e82.tmp</t>
  </si>
  <si>
    <t>f66ecb72-c852-4912-b3a6-e989e3d83fea.tmp</t>
  </si>
  <si>
    <t>\\acsfs\profiles$\paulovadc\Downloads\f66ecb72-c852-4912-b3a6-e989e3d83fea.tmp</t>
  </si>
  <si>
    <t>MARIANACGS</t>
  </si>
  <si>
    <t>\\acsfs\DEPTOS\Operacao\Banco_Votorantim\Comum\Provas Regulamentação\Thumbs.db</t>
  </si>
  <si>
    <t>205b87b6-a504-4433-89a2-d558edca7bb4.tmp</t>
  </si>
  <si>
    <t>\\acsfs\profiles$\mariliafplb\Downloads\205b87b6-a504-4433-89a2-d558edca7bb4.tmp</t>
  </si>
  <si>
    <t>a7f9355a-6979-4059-be8b-9f47f00255d1.tmp</t>
  </si>
  <si>
    <t>\\acsfs\profiles$\mariliafplb\Downloads\a7f9355a-6979-4059-be8b-9f47f00255d1.tmp</t>
  </si>
  <si>
    <t>a6660545-1416-4450-8378-c7edf0a72a99.tmp</t>
  </si>
  <si>
    <t>\\acsfs\profiles$\mariliafplb\Downloads\a6660545-1416-4450-8378-c7edf0a72a99.tmp</t>
  </si>
  <si>
    <t>16d431e4-7159-4ebb-b210-2e4157c6e0e7.tmp</t>
  </si>
  <si>
    <t>\\acsfs\profiles$\paulovadc\Downloads\16d431e4-7159-4ebb-b210-2e4157c6e0e7.tmp</t>
  </si>
  <si>
    <t>lu103668cwn60y.tmp</t>
  </si>
  <si>
    <t>\\acsfs\profiles$\BRUNAAR\Numero\lu103668cwn60y.tmp</t>
  </si>
  <si>
    <t>86b94ce0-7bb3-4384-b0d8-1c112cacce51.tmp</t>
  </si>
  <si>
    <t>\\acsfs\profiles$\marcellewdl\Downloads\86b94ce0-7bb3-4384-b0d8-1c112cacce51.tmp</t>
  </si>
  <si>
    <t>0d8c1a17-5ff2-4fd2-b1b5-302c0fc190bb.tmp</t>
  </si>
  <si>
    <t>\\acsfs\profiles$\marcellewdl\Downloads\0d8c1a17-5ff2-4fd2-b1b5-302c0fc190bb.tmp</t>
  </si>
  <si>
    <t>\\acsfs\profiles$\luanarda\My Documents\My Pictures\</t>
  </si>
  <si>
    <t>\\acsfs\profiles$\luanarda\My Documents\My Videos\desktop.ini</t>
  </si>
  <si>
    <t>\\acsfs\profiles$\luanarda\My Documents\My Videos\</t>
  </si>
  <si>
    <t>\\acsfs\profiles$\luanarda\My Documents\My Music\</t>
  </si>
  <si>
    <t>\\acsfs\profiles$\luanarda\My Documents\My Pictures\desktop.ini</t>
  </si>
  <si>
    <t>\\acsfs\profiles$\luanarda\Contacts\</t>
  </si>
  <si>
    <t>\\acsfs\profiles$\luanarda\Contacts\desktop.ini</t>
  </si>
  <si>
    <t>\\acsfs\profiles$\luanarda\My Documents\</t>
  </si>
  <si>
    <t>\\acsfs\profiles$\luanarda\Favorites\desktop.ini</t>
  </si>
  <si>
    <t>\\acsfs\profiles$\luanarda\My Documents\My Music\desktop.ini</t>
  </si>
  <si>
    <t>\\acsfs\profiles$\luanarda\Searches\</t>
  </si>
  <si>
    <t>\\acsfs\profiles$\luanarda\Searches\desktop.ini</t>
  </si>
  <si>
    <t>\\acsfs\profiles$\luanarda\Downloads\desktop.ini</t>
  </si>
  <si>
    <t>\\acsfs\profiles$\luanarda\Favorites\</t>
  </si>
  <si>
    <t>\\acsfs\profiles$\luanarda\My Documents\desktop.ini</t>
  </si>
  <si>
    <t>\\acsfs\profiles$\luanarda\Saved Games\desktop.ini</t>
  </si>
  <si>
    <t>winrt--{S-1-5-21-602162358-764733703-839522115-358565}-.searchconnector-ms</t>
  </si>
  <si>
    <t>\\acsfs\profiles$\luanarda\Searches\winrt--{S-1-5-21-602162358-764733703-839522115-358565}-.searchconnector-ms</t>
  </si>
  <si>
    <t>bb2f6488-06a9-4b65-be74-44aa3931574a.tmp</t>
  </si>
  <si>
    <t>\\acsfs\profiles$\LUCASBS\Downloads\bb2f6488-06a9-4b65-be74-44aa3931574a.tmp</t>
  </si>
  <si>
    <t>9e0a3079-2bbc-43ea-9274-c92d73a6f9e1.tmp</t>
  </si>
  <si>
    <t>\\acsfs\profiles$\LUCASBS\Downloads\9e0a3079-2bbc-43ea-9274-c92d73a6f9e1.tmp</t>
  </si>
  <si>
    <t>de8530a9-d217-44ef-9620-0cfe33426332.tmp</t>
  </si>
  <si>
    <t>\\acsfs\profiles$\eduardofss\Downloads\de8530a9-d217-44ef-9620-0cfe33426332.tmp</t>
  </si>
  <si>
    <t>445f9dce-b51f-4a20-b2e1-0bd95df2b295.tmp</t>
  </si>
  <si>
    <t>\\acsfs\profiles$\luanarda\Downloads\445f9dce-b51f-4a20-b2e1-0bd95df2b295.tmp</t>
  </si>
  <si>
    <t>93eb7b56-5a16-4685-ac7e-e2bdaafe2aa3.tmp</t>
  </si>
  <si>
    <t>\\acsfs\profiles$\luanarda\Downloads\93eb7b56-5a16-4685-ac7e-e2bdaafe2aa3.tmp</t>
  </si>
  <si>
    <t>94cc470f-4b88-419c-aea6-583db0266e27.tmp</t>
  </si>
  <si>
    <t>\\acsfs\profiles$\YASMINSC\Downloads\94cc470f-4b88-419c-aea6-583db0266e27.tmp</t>
  </si>
  <si>
    <t>1880c8a8-5631-43c3-a4b4-f6319c10bab4.tmp</t>
  </si>
  <si>
    <t>\\acsfs\profiles$\YASMINSC\Downloads\1880c8a8-5631-43c3-a4b4-f6319c10bab4.tmp</t>
  </si>
  <si>
    <t>f198bfdc-85bb-44ea-a09d-5926ce7f217a.tmp</t>
  </si>
  <si>
    <t>\\acsfs\profiles$\LUCASBS\Downloads\f198bfdc-85bb-44ea-a09d-5926ce7f217a.tmp</t>
  </si>
  <si>
    <t>a0f9a231-1496-4393-a8c5-d288404dd281.tmp</t>
  </si>
  <si>
    <t>\\acsfs\profiles$\eduardofss\Downloads\a0f9a231-1496-4393-a8c5-d288404dd281.tmp</t>
  </si>
  <si>
    <t>lu553089oadey.tmp</t>
  </si>
  <si>
    <t>\\acsfs\profiles$\LUCASBS\Planilhas\lu553089oadey.tmp</t>
  </si>
  <si>
    <t>lu553089oadf4.tmp</t>
  </si>
  <si>
    <t>\\acsfs\profiles$\LUCASBS\Planilhas\lu553089oadf4.tmp</t>
  </si>
  <si>
    <t>0d57b376-1827-4040-8c50-be7741888377.tmp</t>
  </si>
  <si>
    <t>\\acsfs\profiles$\felipetds\Downloads\0d57b376-1827-4040-8c50-be7741888377.tmp</t>
  </si>
  <si>
    <t>a7a9da91-7fe7-4428-b711-335747094cd2.tmp</t>
  </si>
  <si>
    <t>\\acsfs\profiles$\geovanaasa\Downloads\a7a9da91-7fe7-4428-b711-335747094cd2.tmp</t>
  </si>
  <si>
    <t>0eef90fb-52f4-4131-9a6c-01423c7d7cab.tmp</t>
  </si>
  <si>
    <t>\\acsfs\profiles$\isabellegtds\Downloads\0eef90fb-52f4-4131-9a6c-01423c7d7cab.tmp</t>
  </si>
  <si>
    <t>249f1063-4fea-4b60-af2d-84aae8e69f8e.tmp</t>
  </si>
  <si>
    <t>\\acsfs\profiles$\felipetds\Downloads\249f1063-4fea-4b60-af2d-84aae8e69f8e.tmp</t>
  </si>
  <si>
    <t>663aaf9f-3e9c-4c55-b690-e5d6eec9c2f6.tmp</t>
  </si>
  <si>
    <t>\\acsfs\profiles$\francislayneads\Downloads\663aaf9f-3e9c-4c55-b690-e5d6eec9c2f6.tmp</t>
  </si>
  <si>
    <t>b26294b1-6aaa-475f-b096-997aa93b847f.tmp</t>
  </si>
  <si>
    <t>\\acsfs\profiles$\francislayneads\Downloads\b26294b1-6aaa-475f-b096-997aa93b847f.tmp</t>
  </si>
  <si>
    <t>30249c39-18ad-469b-b0b8-da8b382907d0.tmp</t>
  </si>
  <si>
    <t>\\acsfs\profiles$\geovanaasa\Downloads\30249c39-18ad-469b-b0b8-da8b382907d0.tmp</t>
  </si>
  <si>
    <t>7c9eec16-6a87-49bb-9d67-a474947f329a.tmp</t>
  </si>
  <si>
    <t>\\acsfs\profiles$\geovanaasa\Downloads\7c9eec16-6a87-49bb-9d67-a474947f329a.tmp</t>
  </si>
  <si>
    <t>3a151df9-f949-4582-876e-c2fc3cf768f9.tmp</t>
  </si>
  <si>
    <t>\\acsfs\profiles$\isabellegtds\Downloads\3a151df9-f949-4582-876e-c2fc3cf768f9.tmp</t>
  </si>
  <si>
    <t>11c412c6-73b6-4bba-9d1c-6fed0d3fce70.tmp</t>
  </si>
  <si>
    <t>\\acsfs\profiles$\isabellegtds\Downloads\11c412c6-73b6-4bba-9d1c-6fed0d3fce70.tmp</t>
  </si>
  <si>
    <t>97978092-6501-4667-ad3c-ae334ad94355.tmp</t>
  </si>
  <si>
    <t>\\acsfs\profiles$\isabellegtds\Downloads\97978092-6501-4667-ad3c-ae334ad94355.tmp</t>
  </si>
  <si>
    <t>739e3604-a923-41a4-a7fb-947b1b09bd7b.tmp</t>
  </si>
  <si>
    <t>\\acsfs\profiles$\BRUNAAR\Downloads\739e3604-a923-41a4-a7fb-947b1b09bd7b.tmp</t>
  </si>
  <si>
    <t>c717826c-8f59-432c-8d5f-edea098784fe.tmp</t>
  </si>
  <si>
    <t>\\acsfs\profiles$\BRUNAAR\Downloads\c717826c-8f59-432c-8d5f-edea098784fe.tmp</t>
  </si>
  <si>
    <t>b2ff092a-66d5-4891-9eb2-a0b667be63dc.tmp</t>
  </si>
  <si>
    <t>\\acsfs\profiles$\felipetds\Downloads\b2ff092a-66d5-4891-9eb2-a0b667be63dc.tmp</t>
  </si>
  <si>
    <t>65b52877-a48c-4194-84ba-2b7fd5661d19.tmp</t>
  </si>
  <si>
    <t>\\acsfs\profiles$\kellzylenneasr\Downloads\65b52877-a48c-4194-84ba-2b7fd5661d19.tmp</t>
  </si>
  <si>
    <t>d4d37444-4474-4143-afbc-930657f680da.tmp</t>
  </si>
  <si>
    <t>\\acsfs\profiles$\kellzylenneasr\Downloads\d4d37444-4474-4143-afbc-930657f680da.tmp</t>
  </si>
  <si>
    <t>516a5b8d-911a-4a3d-a936-305869588582.tmp</t>
  </si>
  <si>
    <t>\\acsfs\profiles$\isabellegtds\Downloads\516a5b8d-911a-4a3d-a936-305869588582.tmp</t>
  </si>
  <si>
    <t>lu103668cwn612.tmp</t>
  </si>
  <si>
    <t>\\acsfs\profiles$\BRUNAAR\Numero\lu103668cwn612.tmp</t>
  </si>
  <si>
    <t>lu103668cwn615.tmp</t>
  </si>
  <si>
    <t>\\acsfs\profiles$\BRUNAAR\Numero\lu103668cwn615.tmp</t>
  </si>
  <si>
    <t>9cc59c85-1ae3-467a-bd48-017f45ae0447.tmp</t>
  </si>
  <si>
    <t>\\acsfs\profiles$\isabellegtds\Downloads\9cc59c85-1ae3-467a-bd48-017f45ae0447.tmp</t>
  </si>
  <si>
    <t>95e8aab6-5335-4ab0-83f3-2d7f45363ffa.tmp</t>
  </si>
  <si>
    <t>\\acsfs\profiles$\eduardofss\Downloads\95e8aab6-5335-4ab0-83f3-2d7f45363ffa.tmp</t>
  </si>
  <si>
    <t>7dfb0a1c-ec43-4f8b-b1c0-658d38c0bd23.tmp</t>
  </si>
  <si>
    <t>\\acsfs\profiles$\dhiulliananads\Downloads\7dfb0a1c-ec43-4f8b-b1c0-658d38c0bd23.tmp</t>
  </si>
  <si>
    <t>b60ec156-03eb-409b-bac1-ac4e69ee86e5.tmp</t>
  </si>
  <si>
    <t>\\acsfs\profiles$\dhiulliananads\Downloads\b60ec156-03eb-409b-bac1-ac4e69ee86e5.tmp</t>
  </si>
  <si>
    <t>ad98005a-6ffe-45a2-820e-a81982842292.tmp</t>
  </si>
  <si>
    <t>\\acsfs\profiles$\kellzylenneasr\Downloads\ad98005a-6ffe-45a2-820e-a81982842292.tmp</t>
  </si>
  <si>
    <t>adc8ea72-2c40-4183-938b-62597bd50dd1.tmp</t>
  </si>
  <si>
    <t>\\acsfs\profiles$\felipetds\Downloads\adc8ea72-2c40-4183-938b-62597bd50dd1.tmp</t>
  </si>
  <si>
    <t>lu103668cwn618.tmp</t>
  </si>
  <si>
    <t>\\acsfs\profiles$\BRUNAAR\Numero\lu103668cwn618.tmp</t>
  </si>
  <si>
    <t>lu103668cwn61b.tmp</t>
  </si>
  <si>
    <t>\\acsfs\profiles$\BRUNAAR\Numero\lu103668cwn61b.tmp</t>
  </si>
  <si>
    <t>a026842d-e276-4ccb-86c1-76776ef943dc.tmp</t>
  </si>
  <si>
    <t>\\acsfs\profiles$\isabellegtds\Downloads\a026842d-e276-4ccb-86c1-76776ef943dc.tmp</t>
  </si>
  <si>
    <t>TALITA SANTOS SILVA CASTRO (27226).contact</t>
  </si>
  <si>
    <t>\\acsfs\profiles$\talitassc\Contacts\TALITA SANTOS SILVA CASTRO (27226).contact</t>
  </si>
  <si>
    <t>7698375a-b7c3-4ad7-aa1a-7df863a11227.tmp</t>
  </si>
  <si>
    <t>\\acsfs\profiles$\LAISLG\Downloads\7698375a-b7c3-4ad7-aa1a-7df863a11227.tmp</t>
  </si>
  <si>
    <t>09203a83-b107-4916-aced-4e1ebf01d474.tmp</t>
  </si>
  <si>
    <t>\\acsfs\profiles$\LUCASBS\Downloads\09203a83-b107-4916-aced-4e1ebf01d474.tmp</t>
  </si>
  <si>
    <t>andrelpsa@algartech.com;joaogvc@algartech.com;leonardoao@algartech.com;marianadjc@algartech.com;maristelavodq@bv.algartech.com;paulacn@algartech.com;rafaelggs@algartech.com;taysdss@algartech.com;viniciussg@algartech.com;</t>
  </si>
  <si>
    <t>andrelpsa@algartech.com,joaogvc@algartech.com,leonardoao@algartech.com,marianadjc@algartech.com,maristelavodq@bv.algartech.com,paulacn@algartech.com,rafaelggs@algartech.com,taysdss@algartech.com,viniciussg@algartech.com</t>
  </si>
  <si>
    <t>lu27002kzlvf.tmp</t>
  </si>
  <si>
    <t>\\acsfs\profiles$\dhiulliananads\My Documents\lu27002kzlvf.tmp</t>
  </si>
  <si>
    <t>\\acsfs\profiles$\dhiulliananads\My Documents\lu27002kzlvf.tmp\</t>
  </si>
  <si>
    <t>\\acsfs\profiles$\dhiulliananads\My Documents\lu27002kzlvf.tmp\META-INF\</t>
  </si>
  <si>
    <t>\\acsfs\profiles$\dhiulliananads\My Documents\lu27002kzlvf.tmp\Thumbnails\</t>
  </si>
  <si>
    <t>00c30723-f996-4c93-ac2f-cb8d0a573f2b.tmp</t>
  </si>
  <si>
    <t>\\acsfs\profiles$\mariliafplb\Downloads\00c30723-f996-4c93-ac2f-cb8d0a573f2b.tmp</t>
  </si>
  <si>
    <t>352907e9-ae48-49ed-abda-4096e2795fdc.tmp</t>
  </si>
  <si>
    <t>\\acsfs\profiles$\mariliafplb\Downloads\352907e9-ae48-49ed-abda-4096e2795fdc.tmp</t>
  </si>
  <si>
    <t>Pausas - FINANCEIRA.xlsx</t>
  </si>
  <si>
    <t>\\acsfs\DEPTOS\Operacao\PCP\5 - Comum\PLANEJAMENTO BV\14 - ACOMPANHAMENTO\1 - REPORT ACOMPANHAMENTO\2020\1 - JANEIRO\FINANCEIRA\Pausas - FINANCEIRA.xlsx</t>
  </si>
  <si>
    <t>ca6002d0-a3c1-4f60-9ab5-bb339ba9be43.tmp</t>
  </si>
  <si>
    <t>\\acsfs\profiles$\francislayneads\Downloads\ca6002d0-a3c1-4f60-9ab5-bb339ba9be43.tmp</t>
  </si>
  <si>
    <t>1c437696-43e7-42cd-8f84-d542a2533180.tmp</t>
  </si>
  <si>
    <t>\\acsfs\profiles$\geovanaasa\Downloads\1c437696-43e7-42cd-8f84-d542a2533180.tmp</t>
  </si>
  <si>
    <t>lu27002kzlvk.tmp</t>
  </si>
  <si>
    <t>\\acsfs\profiles$\dhiulliananads\My Documents\lu27002kzlvk.tmp</t>
  </si>
  <si>
    <t>\\acsfs\profiles$\dhiulliananads\My Documents\lu27002kzlvk.tmp\</t>
  </si>
  <si>
    <t>\\acsfs\profiles$\dhiulliananads\My Documents\lu27002kzlvk.tmp\META-INF\</t>
  </si>
  <si>
    <t>\\acsfs\profiles$\dhiulliananads\My Documents\lu27002kzlvk.tmp\Thumbnails\</t>
  </si>
  <si>
    <t>923273e1-1060-4b35-8924-28d8d58040a5.tmp</t>
  </si>
  <si>
    <t>\\acsfs\profiles$\isabellegtds\Downloads\923273e1-1060-4b35-8924-28d8d58040a5.tmp</t>
  </si>
  <si>
    <t>lu553089oadg5.tmp</t>
  </si>
  <si>
    <t>\\acsfs\profiles$\LUCASBS\Planilhas\lu553089oadg5.tmp</t>
  </si>
  <si>
    <t>5d1032eb-f0c5-47cc-9ca7-07293ad445ae.tmp</t>
  </si>
  <si>
    <t>\\acsfs\profiles$\marcellewdl\Downloads\5d1032eb-f0c5-47cc-9ca7-07293ad445ae.tmp</t>
  </si>
  <si>
    <t>760c3ee0-c9e6-45e1-861f-1e35c2c6c714.tmp</t>
  </si>
  <si>
    <t>\\acsfs\profiles$\ALYNYA\Downloads\760c3ee0-c9e6-45e1-861f-1e35c2c6c714.tmp</t>
  </si>
  <si>
    <t>Shortcalls.xlsb</t>
  </si>
  <si>
    <t>\\acsfs\DEPTOS\Operacao\PCP\5 - Comum\PLANEJAMENTO BV\14 - ACOMPANHAMENTO\1 - REPORT ACOMPANHAMENTO\2020\1 - JANEIRO\CARTÕES\SHORTCALLS\Shortcalls.xlsb</t>
  </si>
  <si>
    <t>ab40e89a-a5ae-48a7-9e0b-02a3ade508c5.tmp</t>
  </si>
  <si>
    <t>\\acsfs\profiles$\paulovadc\Downloads\ab40e89a-a5ae-48a7-9e0b-02a3ade508c5.tmp</t>
  </si>
  <si>
    <t>7b0829f7-8882-4e7d-843e-92b665e07f38.tmp</t>
  </si>
  <si>
    <t>\\acsfs\profiles$\marcellewdl\Downloads\7b0829f7-8882-4e7d-843e-92b665e07f38.tmp</t>
  </si>
  <si>
    <t>\\acsfs\profiles$\mateusjm\My Documents\My Pictures\</t>
  </si>
  <si>
    <t>\\acsfs\profiles$\MATEUSJM\My Documents\My Videos\desktop.ini</t>
  </si>
  <si>
    <t>\\acsfs\profiles$\MATEUSJM\My Documents\My Videos\</t>
  </si>
  <si>
    <t>\\acsfs\profiles$\mateusjm\My Documents\My Music\</t>
  </si>
  <si>
    <t>\\acsfs\profiles$\MATEUSJM\My Documents\My Pictures\desktop.ini</t>
  </si>
  <si>
    <t>\\acsfs\profiles$\mateusjm\My Documents\My Videos\</t>
  </si>
  <si>
    <t>\\acsfs\profiles$\MATEUSJM\Contacts\</t>
  </si>
  <si>
    <t>\\acsfs\profiles$\MATEUSJM\Contacts\desktop.ini</t>
  </si>
  <si>
    <t>f9726a0f-44ea-4908-b15b-e4779e68bc43.tmp</t>
  </si>
  <si>
    <t>\\acsfs\profiles$\cintiadcf\Downloads\f9726a0f-44ea-4908-b15b-e4779e68bc43.tmp</t>
  </si>
  <si>
    <t>76bd1af4-d9e2-4363-8dd6-3c5c68d17194.tmp</t>
  </si>
  <si>
    <t>\\acsfs\profiles$\LAISLG\Downloads\76bd1af4-d9e2-4363-8dd6-3c5c68d17194.tmp</t>
  </si>
  <si>
    <t>lu103668cwn61f.tmp</t>
  </si>
  <si>
    <t>\\acsfs\profiles$\BRUNAAR\Numero\lu103668cwn61f.tmp</t>
  </si>
  <si>
    <t>\\acsfs\profiles$\mateusjm\My Documents\</t>
  </si>
  <si>
    <t>\\acsfs\profiles$\MATEUSJM\Favorites\desktop.ini</t>
  </si>
  <si>
    <t>\\acsfs\profiles$\MATEUSJM\My Documents\My Music\desktop.ini</t>
  </si>
  <si>
    <t>\\acsfs\profiles$\MATEUSJM\My Documents\My Music\</t>
  </si>
  <si>
    <t>\\acsfs\profiles$\MATEUSJM\Searches\</t>
  </si>
  <si>
    <t>\\acsfs\profiles$\MATEUSJM\Searches\desktop.ini</t>
  </si>
  <si>
    <t>\\acsfs\profiles$\MATEUSJM\Downloads\desktop.ini</t>
  </si>
  <si>
    <t>\\acsfs\profiles$\mateusjm\Favorites\</t>
  </si>
  <si>
    <t>\\acsfs\profiles$\MATEUSJM\My Documents\desktop.ini</t>
  </si>
  <si>
    <t>\\acsfs\profiles$\MATEUSJM\My Documents\</t>
  </si>
  <si>
    <t>\\acsfs\profiles$\mateusjm\Downloads\</t>
  </si>
  <si>
    <t>\\acsfs\profiles$\MATEUSJM\Saved Games\desktop.ini</t>
  </si>
  <si>
    <t>winrt--{S-1-5-21-602162358-764733703-839522115-331520}-.searchconnector-ms</t>
  </si>
  <si>
    <t>\\acsfs\profiles$\MATEUSJM\Searches\winrt--{S-1-5-21-602162358-764733703-839522115-331520}-.searchconnector-ms</t>
  </si>
  <si>
    <t>c648a655-2e7b-45e7-9e79-ef20b8d8c26b.tmp</t>
  </si>
  <si>
    <t>\\acsfs\profiles$\MATEUSJM\Downloads\c648a655-2e7b-45e7-9e79-ef20b8d8c26b.tmp</t>
  </si>
  <si>
    <t>Unconfirmed 731368.crdownload</t>
  </si>
  <si>
    <t>\\acsfs\profiles$\MATEUSJM\Downloads\Unconfirmed 731368.crdownload</t>
  </si>
  <si>
    <t>8ae56caf-b519-4072-b000-73c8cd22e112.tmp</t>
  </si>
  <si>
    <t>\\acsfs\profiles$\MATEUSJM\Downloads\8ae56caf-b519-4072-b000-73c8cd22e112.tmp</t>
  </si>
  <si>
    <t>34187069-97ad-456a-aa2a-471a76e02fd2.tmp</t>
  </si>
  <si>
    <t>\\acsfs\profiles$\MATEUSJM\Downloads\34187069-97ad-456a-aa2a-471a76e02fd2.tmp</t>
  </si>
  <si>
    <t>6dc08492-2973-4790-9fed-40e261bfde99.tmp</t>
  </si>
  <si>
    <t>\\acsfs\profiles$\MATEUSJM\Downloads\6dc08492-2973-4790-9fed-40e261bfde99.tmp</t>
  </si>
  <si>
    <t>954fc361-fc6c-4f67-8463-85cb9accff6f.tmp</t>
  </si>
  <si>
    <t>\\acsfs\profiles$\LAISLG\Downloads\954fc361-fc6c-4f67-8463-85cb9accff6f.tmp</t>
  </si>
  <si>
    <t>mail.google.com/sync/u/0/i/s?hl=pt-BR&amp;c=153</t>
  </si>
  <si>
    <t>mail.google.com/_/upload?authuser=0&amp;dcp=asu-n&amp;upload_id=AEnB2UoJueuPiukvlTcAjlT6BeoMCQ9U21saUyf_Y6JZbuUR7Oanav70EdVOzE8ZhBl311gY1sCx8q2JK_pzluCUQwR4KxtLXLnQFnSU4WuJS83bFH3RTic&amp;upload_protocol=resumable</t>
  </si>
  <si>
    <t>lu103668cwn61j.tmp</t>
  </si>
  <si>
    <t>\\acsfs\profiles$\BRUNAAR\Numero\lu103668cwn61j.tmp</t>
  </si>
  <si>
    <t>lu103668cwn61n.tmp</t>
  </si>
  <si>
    <t>\\acsfs\profiles$\BRUNAAR\Numero\lu103668cwn61n.tmp</t>
  </si>
  <si>
    <t>fe227b50-ee93-4dab-b135-2621c7f74447.tmp</t>
  </si>
  <si>
    <t>\\acsfs\profiles$\LUCASBS\Downloads\fe227b50-ee93-4dab-b135-2621c7f74447.tmp</t>
  </si>
  <si>
    <t>Pausas - CARTÕES.xlsb</t>
  </si>
  <si>
    <t>\\acsfs\DEPTOS\Operacao\PCP\5 - Comum\PLANEJAMENTO BV\14 - ACOMPANHAMENTO\1 - REPORT ACOMPANHAMENTO\2020\1 - JANEIRO\CARTÕES\Pausas CARTÕES\Pausas - CARTÕES.xlsb</t>
  </si>
  <si>
    <t>e168cf92-041e-4016-836b-d1cb895ad646.tmp</t>
  </si>
  <si>
    <t>\\acsfs\profiles$\geovanaasa\Downloads\e168cf92-041e-4016-836b-d1cb895ad646.tmp</t>
  </si>
  <si>
    <t>132a0cc7-80e6-4716-a6d3-8ac088a553e6.tmp</t>
  </si>
  <si>
    <t>\\acsfs\profiles$\eduardofss\Downloads\132a0cc7-80e6-4716-a6d3-8ac088a553e6.tmp</t>
  </si>
  <si>
    <t>31818670-0714-4b62-a0a3-09574858c01c.tmp</t>
  </si>
  <si>
    <t>\\acsfs\profiles$\eduardofss\Downloads\31818670-0714-4b62-a0a3-09574858c01c.tmp</t>
  </si>
  <si>
    <t>95bb7d39-640b-4718-b0cb-0f7ddbeb0f77.tmp</t>
  </si>
  <si>
    <t>\\acsfs\profiles$\eduardofss\Downloads\95bb7d39-640b-4718-b0cb-0f7ddbeb0f77.tmp</t>
  </si>
  <si>
    <t>mail.google.com/sync/u/0/i/s?hl=pt-BR&amp;c=212</t>
  </si>
  <si>
    <t>mail.google.com/_/upload?authuser=0&amp;dcp=asu-n&amp;upload_id=AEnB2UpywaFwmZmFVxvMtVYSMSg92Nxxy9JLPbKxkp_9FT7q36xILs4a79MAxWKI82skrBDqdQLdSlUndDHm9z4FNAUWZFcSWCGSdI9bKwBrgS8nBxCyG5Y&amp;upload_protocol=resumable</t>
  </si>
  <si>
    <t>ce1461e6-ab6c-46cc-bc58-5afa9eab49ff.tmp</t>
  </si>
  <si>
    <t>\\acsfs\profiles$\mariliafplb\Downloads\ce1461e6-ab6c-46cc-bc58-5afa9eab49ff.tmp</t>
  </si>
  <si>
    <t>8684e3f5-5763-46f8-b311-d8c42e6a6ad8.tmp</t>
  </si>
  <si>
    <t>\\acsfs\profiles$\mariliafplb\Downloads\8684e3f5-5763-46f8-b311-d8c42e6a6ad8.tmp</t>
  </si>
  <si>
    <t>bcd79d16-d0cb-4179-bc52-978183f586e4.tmp</t>
  </si>
  <si>
    <t>\\acsfs\profiles$\mariliafplb\Downloads\bcd79d16-d0cb-4179-bc52-978183f586e4.tmp</t>
  </si>
  <si>
    <t>ac2fe2e1-64e9-43ad-aba0-e53aae773d7a.tmp</t>
  </si>
  <si>
    <t>\\acsfs\profiles$\mariliafplb\Downloads\ac2fe2e1-64e9-43ad-aba0-e53aae773d7a.tmp</t>
  </si>
  <si>
    <t>63cb5bef-4c18-4ba2-802c-6cda306e1522.tmp</t>
  </si>
  <si>
    <t>\\acsfs\profiles$\mariliafplb\Downloads\63cb5bef-4c18-4ba2-802c-6cda306e1522.tmp</t>
  </si>
  <si>
    <t>5b874287-6539-4b03-b99e-6167d1207d2c.tmp</t>
  </si>
  <si>
    <t>\\acsfs\profiles$\MATEUSJM\Downloads\5b874287-6539-4b03-b99e-6167d1207d2c.tmp</t>
  </si>
  <si>
    <t>\\acsfs\profiles$\albertofn\Contacts\</t>
  </si>
  <si>
    <t>ALBERTO FERREIRA NETO (30928).contact</t>
  </si>
  <si>
    <t>\\acsfs\profiles$\albertofn\Contacts\ALBERTO FERREIRA NETO (30928).contact</t>
  </si>
  <si>
    <t>\\acsfs\profiles$\albertofn\My Documents\My Videos\</t>
  </si>
  <si>
    <t>\\acsfs\profiles$\albertofn\My Documents\My Videos\desktop.ini</t>
  </si>
  <si>
    <t>\\acsfs\profiles$\albertofn\My Documents\My Pictures\</t>
  </si>
  <si>
    <t>\\acsfs\profiles$\albertofn\My Documents\My Pictures\desktop.ini</t>
  </si>
  <si>
    <t>\\acsfs\profiles$\albertofn\Contacts\desktop.ini</t>
  </si>
  <si>
    <t>\\acsfs\profiles$\albertofn\Favorites\</t>
  </si>
  <si>
    <t>\\acsfs\profiles$\albertofn\Favorites\desktop.ini</t>
  </si>
  <si>
    <t>\\acsfs\profiles$\albertofn\My Documents\My Music\</t>
  </si>
  <si>
    <t>\\acsfs\profiles$\albertofn\My Documents\My Music\desktop.ini</t>
  </si>
  <si>
    <t>\\acsfs\profiles$\albertofn\Searches\</t>
  </si>
  <si>
    <t>\\acsfs\profiles$\albertofn\Searches\desktop.ini</t>
  </si>
  <si>
    <t>\\acsfs\profiles$\albertofn\Downloads\</t>
  </si>
  <si>
    <t>\\acsfs\profiles$\albertofn\Downloads\desktop.ini</t>
  </si>
  <si>
    <t>\\acsfs\profiles$\albertofn\My Documents\</t>
  </si>
  <si>
    <t>\\acsfs\profiles$\albertofn\My Documents\desktop.ini</t>
  </si>
  <si>
    <t>\\acsfs\profiles$\albertofn\Saved Games\</t>
  </si>
  <si>
    <t>\\acsfs\profiles$\albertofn\Saved Games\desktop.ini</t>
  </si>
  <si>
    <t>\\acsfs\profiles$\albertofn\Favorites\Links for Brasil\</t>
  </si>
  <si>
    <t>\\acsfs\profiles$\albertofn\Favorites\Links for Brasil\desktop.ini</t>
  </si>
  <si>
    <t>\\acsfs\profiles$\albertofn\Favorites\Links for Brasil\Microsoft Brasil.url</t>
  </si>
  <si>
    <t>\\acsfs\profiles$\albertofn\Favorites\Links for Brasil\Windows Brasil.url</t>
  </si>
  <si>
    <t>\\acsfs\profiles$\albertofn\Favorites\Links for Brasil\MSN Brasil.url</t>
  </si>
  <si>
    <t>andrelpsa@algartech.com;joaogvc@algartech.com;leonardoao@algartech.com;marianadjc@algartech.com;maristelavodq@bv.algartech.com;paulacn@algartech.com;planejamentodeoperacoesetrafego@bv.com.br;rafaelggs@algartech.com;taysdss@algartech.com;thiagordu@algartech.com;viniciussg@algartech.com;</t>
  </si>
  <si>
    <t>andrelpsa@algartech.com,joaogvc@algartech.com,leonardoao@algartech.com,marianadjc@algartech.com,maristelavodq@bv.algartech.com,paulacn@algartech.com,planejamentodeoperacoesetrafego@bv.com.br,rafaelggs@algartech.com,taysdss@algartech.com,thiagordu@algartech.com,viniciussg@algartech.com</t>
  </si>
  <si>
    <t>5c026f27-201d-42fa-a53b-0d5c74c32b40.tmp</t>
  </si>
  <si>
    <t>\\acsfs\profiles$\paulovadc\Downloads\5c026f27-201d-42fa-a53b-0d5c74c32b40.tmp</t>
  </si>
  <si>
    <t>2c6256d7-eb46-4fab-a243-5810ccd7a41d.tmp</t>
  </si>
  <si>
    <t>\\acsfs\profiles$\paulovadc\Downloads\2c6256d7-eb46-4fab-a243-5810ccd7a41d.tmp</t>
  </si>
  <si>
    <t>c35c7dec-afbb-45fd-9be1-65b86e5570c3.tmp</t>
  </si>
  <si>
    <t>\\acsfs\profiles$\luanarda\Downloads\c35c7dec-afbb-45fd-9be1-65b86e5570c3.tmp</t>
  </si>
  <si>
    <t>86da46b9-5caa-4862-ad70-d6add3328518.tmp</t>
  </si>
  <si>
    <t>\\acsfs\profiles$\mariliafplb\Downloads\86da46b9-5caa-4862-ad70-d6add3328518.tmp</t>
  </si>
  <si>
    <t>\\acsfs\DEPTOS\EDUCACAO EMPRESARIAL\2 - Operações\0 - BV\1 - TREINADORES\Haruna\FORMAÇÃO INICIAL\TURMA HARUNA\</t>
  </si>
  <si>
    <t>HARUNA_COMPLETO_(1).xlsx</t>
  </si>
  <si>
    <t>\\acsfs\DEPTOS\EDUCACAO EMPRESARIAL\2 - Operações\0 - BV\1 - TREINADORES\Haruna\FORMAÇÃO INICIAL\TURMA HARUNA\HARUNA_COMPLETO_(1).xlsx</t>
  </si>
  <si>
    <t>lu27002kzlvp.tmp</t>
  </si>
  <si>
    <t>\\acsfs\profiles$\dhiulliananads\My Documents\lu27002kzlvp.tmp</t>
  </si>
  <si>
    <t>\\acsfs\profiles$\dhiulliananads\My Documents\lu27002kzlvp.tmp\</t>
  </si>
  <si>
    <t>\\acsfs\profiles$\dhiulliananads\My Documents\lu27002kzlvp.tmp\META-INF\</t>
  </si>
  <si>
    <t>\\acsfs\profiles$\dhiulliananads\My Documents\lu27002kzlvp.tmp\Thumbnails\</t>
  </si>
  <si>
    <t>lu103668cwn61r.tmp</t>
  </si>
  <si>
    <t>\\acsfs\profiles$\BRUNAAR\Numero\lu103668cwn61r.tmp</t>
  </si>
  <si>
    <t>1157edbe-60b6-4a24-af4d-e8f6b2b9d716.tmp</t>
  </si>
  <si>
    <t>\\acsfs\profiles$\mariagsg\Downloads\1157edbe-60b6-4a24-af4d-e8f6b2b9d716.tmp</t>
  </si>
  <si>
    <t>66790337-2ff7-48e7-a27a-4fb604e8644e.tmp</t>
  </si>
  <si>
    <t>\\acsfs\profiles$\mariagsg\Downloads\66790337-2ff7-48e7-a27a-4fb604e8644e.tmp</t>
  </si>
  <si>
    <t>45c69681-85d7-499b-afc9-33c9e1d21d53.tmp</t>
  </si>
  <si>
    <t>\\acsfs\profiles$\luanarda\Downloads\45c69681-85d7-499b-afc9-33c9e1d21d53.tmp</t>
  </si>
  <si>
    <t>\\acsfs\profiles$\mariagsg\My Documents\Automation Anywhere Files\</t>
  </si>
  <si>
    <t>AA.Settings.xml</t>
  </si>
  <si>
    <t>\\acsfs\profiles$\mariagsg\My Documents\Automation Anywhere Files\AA.Settings.xml</t>
  </si>
  <si>
    <t>AA.Settings.bak</t>
  </si>
  <si>
    <t>\\acsfs\profiles$\mariagsg\My Documents\Automation Anywhere Files\AA.Settings.bak</t>
  </si>
  <si>
    <t>\\acsfs\profiles$\mariagsg\My Documents\Automation Anywhere Files\LogFiles\</t>
  </si>
  <si>
    <t>AAMain.log</t>
  </si>
  <si>
    <t>\\acsfs\profiles$\mariagsg\My Documents\Automation Anywhere Files\LogFiles\AAMain.log</t>
  </si>
  <si>
    <t>caf07b56-fe6f-47c9-9016-326100af6fb3.tmp</t>
  </si>
  <si>
    <t>\\acsfs\profiles$\luanarda\Downloads\caf07b56-fe6f-47c9-9016-326100af6fb3.tmp</t>
  </si>
  <si>
    <t>lu103668cwn61v.tmp</t>
  </si>
  <si>
    <t>\\acsfs\profiles$\BRUNAAR\Numero\lu103668cwn61v.tmp</t>
  </si>
  <si>
    <t>lu103668cwn61z.tmp</t>
  </si>
  <si>
    <t>\\acsfs\profiles$\BRUNAAR\Numero\lu103668cwn61z.tmp</t>
  </si>
  <si>
    <t>lu553089oadgq.tmp</t>
  </si>
  <si>
    <t>\\acsfs\profiles$\LUCASBS\Planilhas\lu553089oadgq.tmp</t>
  </si>
  <si>
    <t>lu553089oadgy.tmp</t>
  </si>
  <si>
    <t>\\acsfs\profiles$\LUCASBS\Planilhas\lu553089oadgy.tmp</t>
  </si>
  <si>
    <t>dc872716-fa8c-4542-8294-e492f5839f75.tmp</t>
  </si>
  <si>
    <t>\\acsfs\profiles$\felipetds\Downloads\dc872716-fa8c-4542-8294-e492f5839f75.tmp</t>
  </si>
  <si>
    <t>lu3078841xd8a.tmp</t>
  </si>
  <si>
    <t>\\acsfs\profiles$\CINTIADCF\lu3078841xd8a.tmp</t>
  </si>
  <si>
    <t>\\acsfs\profiles$\CINTIADCF\lu3078841xd8a.tmp\</t>
  </si>
  <si>
    <t>\\acsfs\profiles$\CINTIADCF\lu3078841xd8a.tmp\META-INF\</t>
  </si>
  <si>
    <t>\\acsfs\profiles$\CINTIADCF\lu3078841xd8a.tmp\Thumbnails\</t>
  </si>
  <si>
    <t>2c9c255a-3098-4fbb-a4fd-190e1f31d694.tmp</t>
  </si>
  <si>
    <t>\\acsfs\profiles$\BRUNAAR\Downloads\2c9c255a-3098-4fbb-a4fd-190e1f31d694.tmp</t>
  </si>
  <si>
    <t>lu553089oadh4.tmp</t>
  </si>
  <si>
    <t>\\acsfs\profiles$\LUCASBS\Planilhas\lu553089oadh4.tmp</t>
  </si>
  <si>
    <t>2bb21a96-1129-4241-8765-6744f257a1d3.tmp</t>
  </si>
  <si>
    <t>\\acsfs\profiles$\felipetds\Downloads\2bb21a96-1129-4241-8765-6744f257a1d3.tmp</t>
  </si>
  <si>
    <t>c42a39b7-0541-4cf7-8c31-9afc664d2a12.tmp</t>
  </si>
  <si>
    <t>\\acsfs\profiles$\luanarda\Downloads\c42a39b7-0541-4cf7-8c31-9afc664d2a12.tmp</t>
  </si>
  <si>
    <t>lu103668cwn623.tmp</t>
  </si>
  <si>
    <t>\\acsfs\profiles$\BRUNAAR\Numero\lu103668cwn623.tmp</t>
  </si>
  <si>
    <t>lu103668cwn627.tmp</t>
  </si>
  <si>
    <t>\\acsfs\profiles$\BRUNAAR\Numero\lu103668cwn627.tmp</t>
  </si>
  <si>
    <t>RELATORIO DE LOGIN - BV CARTÕES 02-01 - Cópia.xlsm</t>
  </si>
  <si>
    <t>\\acsfs\DEPTOS\Operacao\PCP\5 - Comum\PLANEJAMENTO BV\14 - ACOMPANHAMENTO\1 - REPORT ACOMPANHAMENTO\2020\1 - JANEIRO\CARTÕES\Login Logout Cartões\RELATORIO DE LOGIN - BV CARTÕES 02-01 - Cópia.xlsm</t>
  </si>
  <si>
    <t>\\acsfs\profiles$\cristianodab\My Documents\xworkcenter\logs\</t>
  </si>
  <si>
    <t>XLOG_cristianodab_04012020_134342.log</t>
  </si>
  <si>
    <t>\\acsfs\profiles$\cristianodab\My Documents\xworkcenter\logs\XLOG_cristianodab_04012020_134342.log</t>
  </si>
  <si>
    <t>mail.google.com/sync/u/0/i/s?hl=pt-BR&amp;c=338</t>
  </si>
  <si>
    <t>mail.google.com/sync/u/0/i/s?hl=pt-BR&amp;c=340</t>
  </si>
  <si>
    <t>RELATORIO DE LOGIN - BV CARTÕES 03-01.xlsm</t>
  </si>
  <si>
    <t>\\acsfs\DEPTOS\Operacao\PCP\5 - Comum\PLANEJAMENTO BV\14 - ACOMPANHAMENTO\1 - REPORT ACOMPANHAMENTO\2020\1 - JANEIRO\CARTÕES\Login Logout Cartões\RELATORIO DE LOGIN - BV CARTÕES 03-01.xlsm</t>
  </si>
  <si>
    <t>bvcartes-supervisores@algarnet.onmicrosoft.com;joaogvc@algartech.com;leonardoao@algartech.com;marianadjc@algartech.com;paulacn@algartech.com;taysdss@algartech.com;thiagordu@algartech.com;viniciussg@algartech.com;</t>
  </si>
  <si>
    <t>bvcartes-supervisores@algarnet.onmicrosoft.com,joaogvc@algartech.com,leonardoao@algartech.com,marianadjc@algartech.com,paulacn@algartech.com,taysdss@algartech.com,thiagordu@algartech.com,viniciussg@algartech.com</t>
  </si>
  <si>
    <t>mail.google.com/sync/u/0/i/s?hl=pt-BR&amp;c=361</t>
  </si>
  <si>
    <t>lu553089oadhf.tmp</t>
  </si>
  <si>
    <t>\\acsfs\profiles$\LUCASBS\Planilhas\lu553089oadhf.tmp</t>
  </si>
  <si>
    <t>25ed931f-926f-43d0-9a96-6ccd512a761c.tmp</t>
  </si>
  <si>
    <t>\\acsfs\profiles$\fabianafv\Downloads\25ed931f-926f-43d0-9a96-6ccd512a761c.tmp</t>
  </si>
  <si>
    <t>667f7187-ee8b-4509-897b-16b02e612ac4.tmp</t>
  </si>
  <si>
    <t>\\acsfs\profiles$\fabianafv\Downloads\667f7187-ee8b-4509-897b-16b02e612ac4.tmp</t>
  </si>
  <si>
    <t>668ab243-2904-44aa-b7c2-4d8207c19adf.tmp</t>
  </si>
  <si>
    <t>\\acsfs\profiles$\luanarda\Downloads\668ab243-2904-44aa-b7c2-4d8207c19adf.tmp</t>
  </si>
  <si>
    <t>e532e5f8-6fcf-4c9e-b7db-6fb024a07b10.tmp</t>
  </si>
  <si>
    <t>\\acsfs\profiles$\MATEUSJM\Downloads\e532e5f8-6fcf-4c9e-b7db-6fb024a07b10.tmp</t>
  </si>
  <si>
    <t>75bd99eb-ac2d-480e-9cbf-71c6cd32d8b4.tmp</t>
  </si>
  <si>
    <t>\\acsfs\profiles$\fabianafv\Downloads\75bd99eb-ac2d-480e-9cbf-71c6cd32d8b4.tmp</t>
  </si>
  <si>
    <t>a74a1cad-3c00-45dd-9420-0ad9e9dd46d3.tmp</t>
  </si>
  <si>
    <t>\\acsfs\profiles$\fabianafv\Downloads\a74a1cad-3c00-45dd-9420-0ad9e9dd46d3.tmp</t>
  </si>
  <si>
    <t>bvcartes-supervisores@algarnet.onmicrosoft.com;joaogvc@algartech.com;leonardoao@algartech.com;marianadjc@algartech.com;paulacn@algartech.com;planejamentodeoperacoesetrafego@bv.com.br;rafaelggs@algartech.com;taysdss@algartech.com;thiagordu@algartech.com;viniciussg@algartech.com;</t>
  </si>
  <si>
    <t>bvcartes-supervisores@algarnet.onmicrosoft.com,joaogvc@algartech.com,leonardoao@algartech.com,marianadjc@algartech.com,paulacn@algartech.com,planejamentodeoperacoesetrafego@bv.com.br,rafaelggs@algartech.com,taysdss@algartech.com,thiagordu@algartech.com,viniciussg@algartech.com</t>
  </si>
  <si>
    <t>lu274011v3ks.tmp</t>
  </si>
  <si>
    <t>\\acsfs\profiles$\marcellewdl\My Documents\lu274011v3ks.tmp</t>
  </si>
  <si>
    <t>\\acsfs\profiles$\marcellewdl\My Documents\lu274011v3ks.tmp\</t>
  </si>
  <si>
    <t>\\acsfs\profiles$\marcellewdl\My Documents\lu274011v3ks.tmp\META-INF\</t>
  </si>
  <si>
    <t>\\acsfs\profiles$\marcellewdl\My Documents\lu274011v3ks.tmp\Thumbnails\</t>
  </si>
  <si>
    <t>\\acsfs\profiles$\thaynaracsl\My Documents\My Pictures\</t>
  </si>
  <si>
    <t>\\acsfs\profiles$\thaynaracsl\My Documents\My Videos\desktop.ini</t>
  </si>
  <si>
    <t>\\acsfs\profiles$\thaynaracsl\My Documents\My Videos\</t>
  </si>
  <si>
    <t>\\acsfs\profiles$\thaynaracsl\My Documents\My Music\</t>
  </si>
  <si>
    <t>\\acsfs\profiles$\thaynaracsl\My Documents\My Pictures\desktop.ini</t>
  </si>
  <si>
    <t>\\acsfs\profiles$\thaynaracsl\Contacts\</t>
  </si>
  <si>
    <t>\\acsfs\profiles$\thaynaracsl\Contacts\desktop.ini</t>
  </si>
  <si>
    <t>\\acsfs\profiles$\thaynaracsl\Favorites\desktop.ini</t>
  </si>
  <si>
    <t>\\acsfs\profiles$\thaynaracsl\My Documents\My Music\desktop.ini</t>
  </si>
  <si>
    <t>\\acsfs\profiles$\thaynaracsl\Searches\</t>
  </si>
  <si>
    <t>\\acsfs\profiles$\thaynaracsl\Searches\desktop.ini</t>
  </si>
  <si>
    <t>\\acsfs\profiles$\thaynaracsl\Downloads\</t>
  </si>
  <si>
    <t>\\acsfs\profiles$\thaynaracsl\Downloads\desktop.ini</t>
  </si>
  <si>
    <t>\\acsfs\profiles$\thaynaracsl\Favorites\</t>
  </si>
  <si>
    <t>\\acsfs\profiles$\thaynaracsl\My Documents\desktop.ini</t>
  </si>
  <si>
    <t>\\acsfs\profiles$\thaynaracsl\Saved Games\desktop.ini</t>
  </si>
  <si>
    <t>winrt--{S-1-5-21-602162358-764733703-839522115-358590}-.searchconnector-ms</t>
  </si>
  <si>
    <t>\\acsfs\profiles$\thaynaracsl\Searches\winrt--{S-1-5-21-602162358-764733703-839522115-358590}-.searchconnector-ms</t>
  </si>
  <si>
    <t>lu27002kzlvu.tmp</t>
  </si>
  <si>
    <t>\\acsfs\profiles$\dhiulliananads\My Documents\lu27002kzlvu.tmp</t>
  </si>
  <si>
    <t>\\acsfs\profiles$\dhiulliananads\My Documents\lu27002kzlvu.tmp\</t>
  </si>
  <si>
    <t>\\acsfs\profiles$\dhiulliananads\My Documents\lu27002kzlvu.tmp\META-INF\</t>
  </si>
  <si>
    <t>\\acsfs\profiles$\dhiulliananads\My Documents\lu27002kzlvu.tmp\Thumbnails\</t>
  </si>
  <si>
    <t>69c97bac-693b-4ca9-8373-f6f09f83b432.tmp</t>
  </si>
  <si>
    <t>\\acsfs\profiles$\isabellegtds\Downloads\69c97bac-693b-4ca9-8373-f6f09f83b432.tmp</t>
  </si>
  <si>
    <t>bdaac433-eb9a-4843-a505-0b1d9cf3b7ce.tmp</t>
  </si>
  <si>
    <t>\\acsfs\profiles$\philipegsf\Downloads\bdaac433-eb9a-4843-a505-0b1d9cf3b7ce.tmp</t>
  </si>
  <si>
    <t>12ba5c89-100c-48b3-a1e8-7cc8f27265a3.tmp</t>
  </si>
  <si>
    <t>\\acsfs\profiles$\philipegsf\Downloads\12ba5c89-100c-48b3-a1e8-7cc8f27265a3.tmp</t>
  </si>
  <si>
    <t>87e6d68e-d672-4e0a-8479-1d62ea3fd880.tmp</t>
  </si>
  <si>
    <t>\\acsfs\profiles$\MATEUSJM\Downloads\87e6d68e-d672-4e0a-8479-1d62ea3fd880.tmp</t>
  </si>
  <si>
    <t>755f1445-a4e3-497d-9116-7d2ab816b93d.tmp</t>
  </si>
  <si>
    <t>\\acsfs\profiles$\isabellegtds\Downloads\755f1445-a4e3-497d-9116-7d2ab816b93d.tmp</t>
  </si>
  <si>
    <t>\\acsfs\profiles$\luanarda\Pausas\</t>
  </si>
  <si>
    <t>Pausas.txt</t>
  </si>
  <si>
    <t>\\acsfs\profiles$\luanarda\Pausas\Pausas.txt</t>
  </si>
  <si>
    <t>ccf6dc46-05f4-49b2-b5b5-2c72a31418d4.tmp</t>
  </si>
  <si>
    <t>\\acsfs\profiles$\isabellegtds\Downloads\ccf6dc46-05f4-49b2-b5b5-2c72a31418d4.tmp</t>
  </si>
  <si>
    <t>eff2b3a7-3f08-44eb-9289-5ea2672b3707.tmp</t>
  </si>
  <si>
    <t>\\acsfs\profiles$\philipegsf\Downloads\eff2b3a7-3f08-44eb-9289-5ea2672b3707.tmp</t>
  </si>
  <si>
    <t>36dd419d-2be3-4868-953d-1d0b7c621a04.tmp</t>
  </si>
  <si>
    <t>\\acsfs\profiles$\welidicdj\Downloads\36dd419d-2be3-4868-953d-1d0b7c621a04.tmp</t>
  </si>
  <si>
    <t>319eebcb-2d8e-4c17-a223-4fe1ecdab20c.tmp</t>
  </si>
  <si>
    <t>\\acsfs\profiles$\welidicdj\Downloads\319eebcb-2d8e-4c17-a223-4fe1ecdab20c.tmp</t>
  </si>
  <si>
    <t>e1cfbd50-a7e6-444b-b7d4-223ba4065f71.tmp</t>
  </si>
  <si>
    <t>\\acsfs\profiles$\brunalas\Downloads\e1cfbd50-a7e6-444b-b7d4-223ba4065f71.tmp</t>
  </si>
  <si>
    <t>b0dcc5c0-b602-4dfe-9a2c-339c168db44b.tmp</t>
  </si>
  <si>
    <t>\\acsfs\profiles$\brunalas\Downloads\b0dcc5c0-b602-4dfe-9a2c-339c168db44b.tmp</t>
  </si>
  <si>
    <t>b5d1de02-1e6b-4f63-ba47-0fa65612df06.tmp</t>
  </si>
  <si>
    <t>\\acsfs\profiles$\henriqueco\Downloads\b5d1de02-1e6b-4f63-ba47-0fa65612df06.tmp</t>
  </si>
  <si>
    <t>ac7dbd91-f1dc-491d-8c8f-03ae2fc82ba8.tmp</t>
  </si>
  <si>
    <t>\\acsfs\profiles$\henriqueco\Downloads\ac7dbd91-f1dc-491d-8c8f-03ae2fc82ba8.tmp</t>
  </si>
  <si>
    <t>716fd480-4a36-43da-8753-dc792c5a3a12.tmp</t>
  </si>
  <si>
    <t>\\acsfs\profiles$\henriqueco\Downloads\716fd480-4a36-43da-8753-dc792c5a3a12.tmp</t>
  </si>
  <si>
    <t>fcb35847-f408-4340-b356-57fd94e9b271.tmp</t>
  </si>
  <si>
    <t>\\acsfs\profiles$\henriqueco\Downloads\fcb35847-f408-4340-b356-57fd94e9b271.tmp</t>
  </si>
  <si>
    <t>bb16d979-5e30-43cf-848b-c15c3510535c.tmp</t>
  </si>
  <si>
    <t>\\acsfs\profiles$\cintiadjl\Downloads\bb16d979-5e30-43cf-848b-c15c3510535c.tmp</t>
  </si>
  <si>
    <t>31e26e3d-50de-4560-941d-a1fe98bbee85.tmp</t>
  </si>
  <si>
    <t>\\acsfs\profiles$\cintiadjl\Downloads\31e26e3d-50de-4560-941d-a1fe98bbee85.tmp</t>
  </si>
  <si>
    <t>9fba6521-aae5-4b66-9a7d-d324f1d944cb.tmp</t>
  </si>
  <si>
    <t>\\acsfs\profiles$\philipegsf\Downloads\9fba6521-aae5-4b66-9a7d-d324f1d944cb.tmp</t>
  </si>
  <si>
    <t>91423fd8-46cc-493d-8ea9-40711aa2c1d1.tmp</t>
  </si>
  <si>
    <t>\\acsfs\profiles$\philipegsf\Downloads\91423fd8-46cc-493d-8ea9-40711aa2c1d1.tmp</t>
  </si>
  <si>
    <t>22fda69a-a44c-4f9e-b4a6-2c3d6bc68e9a.tmp</t>
  </si>
  <si>
    <t>\\acsfs\profiles$\brunalas\Downloads\22fda69a-a44c-4f9e-b4a6-2c3d6bc68e9a.tmp</t>
  </si>
  <si>
    <t>01815625-5af7-437f-bc9a-1fe7412c4318.tmp</t>
  </si>
  <si>
    <t>\\acsfs\profiles$\philipegsf\Downloads\01815625-5af7-437f-bc9a-1fe7412c4318.tmp</t>
  </si>
  <si>
    <t>7419ce24-6601-415b-8cb3-ba5cbe012da9.tmp</t>
  </si>
  <si>
    <t>\\acsfs\profiles$\henriqueco\Downloads\7419ce24-6601-415b-8cb3-ba5cbe012da9.tmp</t>
  </si>
  <si>
    <t>10.200.66.154</t>
  </si>
  <si>
    <t>34-E6-D7-FC-BF-9E</t>
  </si>
  <si>
    <t>VOTORANT-WB013</t>
  </si>
  <si>
    <t>rafaelacdoc</t>
  </si>
  <si>
    <t>\\acsfs\profiles$\rafaelacdoc\Contacts\</t>
  </si>
  <si>
    <t>RAFAELA CRISTINA DE OLIVEIRA CLEMENTINO (11).contact</t>
  </si>
  <si>
    <t>\\acsfs\profiles$\rafaelacdoc\Contacts\RAFAELA CRISTINA DE OLIVEIRA CLEMENTINO (11).contact</t>
  </si>
  <si>
    <t>\\acsfs\profiles$\rafaelacdoc\My Documents\My Videos\</t>
  </si>
  <si>
    <t>\\acsfs\profiles$\rafaelacdoc\My Documents\My Videos\desktop.ini</t>
  </si>
  <si>
    <t>\\acsfs\profiles$\rafaelacdoc\My Documents\My Pictures\</t>
  </si>
  <si>
    <t>\\acsfs\profiles$\rafaelacdoc\My Documents\My Pictures\desktop.ini</t>
  </si>
  <si>
    <t>\\acsfs\profiles$\rafaelacdoc\Contacts\desktop.ini</t>
  </si>
  <si>
    <t>\\acsfs\profiles$\rafaelacdoc\Favorites\</t>
  </si>
  <si>
    <t>\\acsfs\profiles$\rafaelacdoc\Favorites\desktop.ini</t>
  </si>
  <si>
    <t>\\acsfs\profiles$\rafaelacdoc\My Documents\My Music\</t>
  </si>
  <si>
    <t>\\acsfs\profiles$\rafaelacdoc\My Documents\My Music\desktop.ini</t>
  </si>
  <si>
    <t>\\acsfs\profiles$\rafaelacdoc\Searches\</t>
  </si>
  <si>
    <t>\\acsfs\profiles$\rafaelacdoc\Searches\desktop.ini</t>
  </si>
  <si>
    <t>\\acsfs\profiles$\rafaelacdoc\Downloads\</t>
  </si>
  <si>
    <t>\\acsfs\profiles$\rafaelacdoc\Downloads\desktop.ini</t>
  </si>
  <si>
    <t>\\acsfs\profiles$\rafaelacdoc\My Documents\</t>
  </si>
  <si>
    <t>\\acsfs\profiles$\rafaelacdoc\My Documents\desktop.ini</t>
  </si>
  <si>
    <t>\\acsfs\profiles$\rafaelacdoc\Saved Games\</t>
  </si>
  <si>
    <t>\\acsfs\profiles$\rafaelacdoc\Saved Games\desktop.ini</t>
  </si>
  <si>
    <t>\\acsfs\profiles$\rafaelacdoc\Favorites\Links for Brasil\</t>
  </si>
  <si>
    <t>\\acsfs\profiles$\rafaelacdoc\Favorites\Links for Brasil\desktop.ini</t>
  </si>
  <si>
    <t>\\acsfs\profiles$\rafaelacdoc\Favorites\Links for Brasil\Microsoft Brasil.url</t>
  </si>
  <si>
    <t>\\acsfs\profiles$\rafaelacdoc\Favorites\Links for Brasil\Windows Brasil.url</t>
  </si>
  <si>
    <t>\\acsfs\profiles$\rafaelacdoc\Favorites\Links for Brasil\MSN Brasil.url</t>
  </si>
  <si>
    <t>c5966618-f8ae-4027-b695-2dc74fff8490.tmp</t>
  </si>
  <si>
    <t>\\acsfs\profiles$\rafaelacdoc\Downloads\c5966618-f8ae-4027-b695-2dc74fff8490.tmp</t>
  </si>
  <si>
    <t>cfca082e-dd55-48e9-8fe7-be384f174e24.tmp</t>
  </si>
  <si>
    <t>\\acsfs\profiles$\rafaelacdoc\Downloads\cfca082e-dd55-48e9-8fe7-be384f174e24.tmp</t>
  </si>
  <si>
    <t>33e782ac-16da-44cb-89bc-b97dd28d7b1d.tmp</t>
  </si>
  <si>
    <t>\\acsfs\profiles$\rafaelacdoc\Downloads\33e782ac-16da-44cb-89bc-b97dd28d7b1d.tmp</t>
  </si>
  <si>
    <t>lu27002kzlvz.tmp</t>
  </si>
  <si>
    <t>\\acsfs\profiles$\dhiulliananads\My Documents\lu27002kzlvz.tmp</t>
  </si>
  <si>
    <t>\\acsfs\profiles$\dhiulliananads\My Documents\lu27002kzlvz.tmp\</t>
  </si>
  <si>
    <t>\\acsfs\profiles$\dhiulliananads\My Documents\lu27002kzlvz.tmp\META-INF\</t>
  </si>
  <si>
    <t>\\acsfs\profiles$\dhiulliananads\My Documents\lu27002kzlvz.tmp\Thumbnails\</t>
  </si>
  <si>
    <t>1f2edb05-9546-4e61-9755-14d469db48ab.tmp</t>
  </si>
  <si>
    <t>\\acsfs\profiles$\myllenardl\Downloads\1f2edb05-9546-4e61-9755-14d469db48ab.tmp</t>
  </si>
  <si>
    <t>6b66b35f-2f86-487f-b1fa-d4fd0d14e236.tmp</t>
  </si>
  <si>
    <t>\\acsfs\profiles$\myllenardl\Downloads\6b66b35f-2f86-487f-b1fa-d4fd0d14e236.tmp</t>
  </si>
  <si>
    <t>nycolleemdj</t>
  </si>
  <si>
    <t>\\acsfs\profiles$\nycolleemdj\Downloads\</t>
  </si>
  <si>
    <t>7f2c4ddd-6ee1-40fe-a3e5-1c59a480a051.tmp</t>
  </si>
  <si>
    <t>\\acsfs\profiles$\nycolleemdj\Downloads\7f2c4ddd-6ee1-40fe-a3e5-1c59a480a051.tmp</t>
  </si>
  <si>
    <t>Q29udHJvbGxlci5JRS1JbmZvQlY- (25).ica</t>
  </si>
  <si>
    <t>\\acsfs\profiles$\nycolleemdj\Downloads\Q29udHJvbGxlci5JRS1JbmZvQlY- (25).ica</t>
  </si>
  <si>
    <t>6fae9c12-b2d3-4880-96ab-47d63798cdc2.tmp</t>
  </si>
  <si>
    <t>\\acsfs\profiles$\nycolleemdj\Downloads\6fae9c12-b2d3-4880-96ab-47d63798cdc2.tmp</t>
  </si>
  <si>
    <t>Q29udHJvbGxlci5JRS1JbmZvQlY- (27).ica</t>
  </si>
  <si>
    <t>\\acsfs\profiles$\nycolleemdj\Downloads\Q29udHJvbGxlci5JRS1JbmZvQlY- (27).ica</t>
  </si>
  <si>
    <t>563b517c-41d1-4339-ac82-9dc8bcb15b68.tmp</t>
  </si>
  <si>
    <t>\\acsfs\profiles$\nycolleemdj\Downloads\563b517c-41d1-4339-ac82-9dc8bcb15b68.tmp</t>
  </si>
  <si>
    <t>3815dee3-7dec-401b-b4ea-b6a29dda1cdb.tmp</t>
  </si>
  <si>
    <t>\\acsfs\profiles$\cintiadjl\Downloads\3815dee3-7dec-401b-b4ea-b6a29dda1cdb.tmp</t>
  </si>
  <si>
    <t>10.200.66.126</t>
  </si>
  <si>
    <t>\\acsfs\profiles$\paulohaf\Downloads\</t>
  </si>
  <si>
    <t>c9324761-f100-42d8-adde-f82abacb8021.tmp</t>
  </si>
  <si>
    <t>\\acsfs\profiles$\paulohaf\Downloads\c9324761-f100-42d8-adde-f82abacb8021.tmp</t>
  </si>
  <si>
    <t>ae3de790-0609-47bd-9a59-87d8b375abea.tmp</t>
  </si>
  <si>
    <t>\\acsfs\profiles$\paulohaf\Downloads\ae3de790-0609-47bd-9a59-87d8b375abea.tmp</t>
  </si>
  <si>
    <t>9e20186a-2208-4ba6-b4c4-360ae08f385d.tmp</t>
  </si>
  <si>
    <t>\\acsfs\profiles$\paulohaf\Downloads\9e20186a-2208-4ba6-b4c4-360ae08f385d.tmp</t>
  </si>
  <si>
    <t>fÉrias;</t>
  </si>
  <si>
    <t>https://fÉrias</t>
  </si>
  <si>
    <t>10.200.67.36</t>
  </si>
  <si>
    <t>53603e4d-899f-4526-856d-83ba441cce58.tmp</t>
  </si>
  <si>
    <t>\\acsfs\profiles$\nathaliaos\Downloads\53603e4d-899f-4526-856d-83ba441cce58.tmp</t>
  </si>
  <si>
    <t>b0b6c57e-f2f3-449e-9ac3-83787d8ee2ca.tmp</t>
  </si>
  <si>
    <t>\\acsfs\profiles$\nathaliaos\Downloads\b0b6c57e-f2f3-449e-9ac3-83787d8ee2ca.tmp</t>
  </si>
  <si>
    <t>mail.google.com/sync/u/0/i/s?hl=pt-BR&amp;c=199</t>
  </si>
  <si>
    <t>mail.google.com/sync/u/0/i/s?hl=pt-BR&amp;c=201</t>
  </si>
  <si>
    <t>3d9b885a-71fa-49b5-a177-63d450f952c3.tmp</t>
  </si>
  <si>
    <t>\\acsfs\profiles$\leonardocb\Downloads\3d9b885a-71fa-49b5-a177-63d450f952c3.tmp</t>
  </si>
  <si>
    <t>977c0982-7332-491a-9ccb-9e9bb91dc2f6.tmp</t>
  </si>
  <si>
    <t>\\acsfs\profiles$\taylaedoa\Downloads\977c0982-7332-491a-9ccb-9e9bb91dc2f6.tmp</t>
  </si>
  <si>
    <t>3a13fca5-106d-475e-8452-fa3a3cc749ea.tmp</t>
  </si>
  <si>
    <t>\\acsfs\profiles$\leonardocb\Downloads\3a13fca5-106d-475e-8452-fa3a3cc749ea.tmp</t>
  </si>
  <si>
    <t>45e98791-e1d5-4c95-902a-5708758f993b.tmp</t>
  </si>
  <si>
    <t>\\acsfs\profiles$\cintiadjl\Downloads\45e98791-e1d5-4c95-902a-5708758f993b.tmp</t>
  </si>
  <si>
    <t>649e40f9-7206-4053-a4c1-7582f4c65f3c.tmp</t>
  </si>
  <si>
    <t>\\acsfs\profiles$\taylaedoa\Downloads\649e40f9-7206-4053-a4c1-7582f4c65f3c.tmp</t>
  </si>
  <si>
    <t>5f2c7c8e-249d-47ed-a53d-2d427a5ada0e.tmp</t>
  </si>
  <si>
    <t>\\acsfs\profiles$\fabianafv\Downloads\5f2c7c8e-249d-47ed-a53d-2d427a5ada0e.tmp</t>
  </si>
  <si>
    <t>nicolasbsc</t>
  </si>
  <si>
    <t>33b6b9d3-da4e-4da5-be1a-26b07d84af73.tmp</t>
  </si>
  <si>
    <t>\\acsfs\profiles$\brunalas\Downloads\33b6b9d3-da4e-4da5-be1a-26b07d84af73.tmp</t>
  </si>
  <si>
    <t>4c8909ef-a4d5-4e7e-b8c9-d87136c15911.tmp</t>
  </si>
  <si>
    <t>\\acsfs\profiles$\brunalas\Downloads\4c8909ef-a4d5-4e7e-b8c9-d87136c15911.tmp</t>
  </si>
  <si>
    <t>4b361335-40bf-4589-b4ac-0d7190807573.tmp</t>
  </si>
  <si>
    <t>\\acsfs\profiles$\fabianafv\Downloads\4b361335-40bf-4589-b4ac-0d7190807573.tmp</t>
  </si>
  <si>
    <t>6254aa40-c2f3-4432-a1f7-ca2a03d5a2ee.tmp</t>
  </si>
  <si>
    <t>\\acsfs\profiles$\leonardocb\Downloads\6254aa40-c2f3-4432-a1f7-ca2a03d5a2ee.tmp</t>
  </si>
  <si>
    <t>bcb3d220-3916-4695-b6e4-2c7db095462c.tmp</t>
  </si>
  <si>
    <t>\\acsfs\profiles$\cintiadjl\Downloads\bcb3d220-3916-4695-b6e4-2c7db095462c.tmp</t>
  </si>
  <si>
    <t>10.200.66.160</t>
  </si>
  <si>
    <t>64-1C-67-9C-84-71</t>
  </si>
  <si>
    <t>VOTORANT-JB020</t>
  </si>
  <si>
    <t>9612c543-431d-457c-80c9-a4a499f74631.tmp</t>
  </si>
  <si>
    <t>\\acsfs\profiles$\paulohaf\Downloads\9612c543-431d-457c-80c9-a4a499f74631.tmp</t>
  </si>
  <si>
    <t>bf48d3b1-5891-444f-8fb6-091cb1fa8d9d.tmp</t>
  </si>
  <si>
    <t>\\acsfs\profiles$\paulohaf\Downloads\bf48d3b1-5891-444f-8fb6-091cb1fa8d9d.tmp</t>
  </si>
  <si>
    <t>https://unagi-na.amazon.com/1/events/com.amazon.csm.nexusclient.prod</t>
  </si>
  <si>
    <t>"application":"retail";"attributes":{"id":"r38v05-y886go-7uc44y-rcc0l2";"id":"r38v05-y886go-7uc44y-rcc0l2";"meaningful":"interactive";"messageid":"vs48c4-jt74m7-gy4ob5-8celz";"obfuscatedmarketplaceid":"art4wz8mwbx2y";"producerid":"csa";"requestid":"460e4adzekxgxgj42a2h";"schemaid":"csa.pageentity.1";"url":"https://www.amazon.com/ap/signin?accountstatuspolicy=p1;br accept-language: pt-br;deflate;en-us;q=0.8;en;q=0.7 cookie: session-id=130-1341236-8844039; session-id-time=2208897134l; lc-main-av=pt_br {"events":[{"data":{"timestamp":"2020-01-04t22:32:15.915z";https://www.primevideo.com/auth/return/ref=av_auth_ap?_encoding=utf8&amp;location=%2fsignup%2fref%3ddv_web_auth_no_re_sig%3f_encoding%3dutf8%26devicetypeid%3da13q6a55dbzb7m%26offer%3dpm accept-encoding: gzip;pt;q=0.9;version;</t>
  </si>
  <si>
    <t>https://"application":"retail","attributes":{"id":"r38v05-y886go-7uc44y-rcc0l2","id":"r38v05-y886go-7uc44y-rcc0l2","meaningful":"interactive","messageid":"vs48c4-jt74m7-gy4ob5-8celz","obfuscatedmarketplaceid":"art4wz8mwbx2y","producerid":"csa","requestid":"460e4adzekxgxgj42a2h","schemaid":"csa.pageentity.1","url":"https://www.amazon.com/ap/signin?accountstatuspolicy=p1,br accept-language: pt-br,deflate,en-us;q=0.8,en;q=0.7 cookie: session-id=130-1341236-8844039; session-id-time=2208897134l; lc-main-av=pt_br {"events":[{"data":{"timestamp":"2020-01-04t22:32:15.915z",https://www.primevideo.com/auth/return/ref=av_auth_ap?_encoding=utf8&amp;location=%2fsignup%2fref%3ddv_web_auth_no_re_sig%3f_encoding%3dutf8%26devicetypeid%3da13q6a55dbzb7m%26offer%3dpm accept-encoding: gzip,pt;q=0.9,version</t>
  </si>
  <si>
    <t>"application":"retail";"attributes":{"id":"r38v05-y886go-7uc44y-rcc0l2";"entities":{"page":{"id":"vu8wcj-5bsz7a-7y6mtj-igkdcp";"id":"r38v05-y886go-7uc44y-rcc0l2";"meaningful":"interactive";"messageid":"73al9s-1ussm0-nkf1cp-d4ezgb";"messageid":"vs48c4-jt74m7-gy4ob5-8celz";"obfuscatedmarketplaceid":"art4wz8mwbx2y";"path":"/ap/signin/130-1341236-8844039";"producerid":"csa";"referrer":"https://www.amazon.com/ap/signin?accountstatuspolicy=p1;"requestid":"460e4adzekxgxgj42a2h";"requestid":"9h3nnmw9xcakxjcher9p";"schemaid":"csa.pageentity.1";"schemaid":"csa.pagerender.3";"server":"www.amazon.com";"timestamp":"2020-01-04t22:32:55.751z";"title":"acessar amazon"}}};"url":"https://www.amazon.com/ap/signin/130-1341236-8844039";"url":"https://www.amazon.com/ap/signin?accountstatuspolicy=p1;br accept-language: pt-br;deflate;en-us;q=0.8;en;q=0.7 cookie: session-id=130-1341236-8844039; session-id-time=2208897134l; lc-main-av=pt_br {"events":[{"data":{"timestamp":"2020-01-04t22:32:15.915z";https://www.primevideo.com/auth/retu</t>
  </si>
  <si>
    <t>https://"application":"retail","attributes":{"id":"r38v05-y886go-7uc44y-rcc0l2","entities":{"page":{"id":"vu8wcj-5bsz7a-7y6mtj-igkdcp","id":"r38v05-y886go-7uc44y-rcc0l2","meaningful":"interactive","messageid":"73al9s-1ussm0-nkf1cp-d4ezgb","messageid":"vs48c4-jt74m7-gy4ob5-8celz","obfuscatedmarketplaceid":"art4wz8mwbx2y","path":"/ap/signin/130-1341236-8844039","producerid":"csa","referrer":"https://www.amazon.com/ap/signin?accountstatuspolicy=p1,"requestid":"460e4adzekxgxgj42a2h","requestid":"9h3nnmw9xcakxjcher9p","schemaid":"csa.pageentity.1","schemaid":"csa.pagerender.3","server":"www.amazon.com","timestamp":"2020-01-04t22:32:55.751z","title":"acessar amazon"}}},"url":"https://www.amazon.com/ap/signin/130-1341236-8844039","url":"https://www.amazon.com/ap/signin?accountstatuspolicy=p1,br accept-language: pt-br,deflate,en-us;q=0.8,en;q=0.7 cookie: session-id=130-1341236-8844039; session-id-time=2208897134l; lc-main-av=pt_br {"events":[{"data":{"timestamp":"2020-01-04t22:32:15.915z",https://www.primevideo.com/a</t>
  </si>
  <si>
    <t>"application":"retail";"attributes":{"id":"r38v05-y886go-7uc44y-rcc0l2";"entities":{"page":{"id":"vu8wcj-5bsz7a-7y6mtj-igkdcp";"id":"r38v05-y886go-7uc44y-rcc0l2";"meaningful":"interactive";"messageid":"73al9s-1ussm0-nkf1cp-d4ezgb";"messageid":"vs48c4-jt74m7-gy4ob5-8celz";"obfuscatedmarketplaceid":"art4wz8mwbx2y";"path":"/ap/signin/130-1341236-8844039";"producerid":"csa";"referrer":"https://www.amazon.com/ap/signin?accountstatuspolicy=p1;"requestid":"460e4adzekxgxgj42a2h";"requestid":"9h3nnmw9xcakxjcher9p";"schemaid":"csa.pageentity.1";"schemaid":"csa.pagerender.3";"server":"www.amazon.com";"timestamp":"2020-01-04t22:32:55.751z";"title":"acessar;"title":"acessar amazon"}}};"url":"https://www.amazon.com/ap/signin/130-1341236-8844039";"url":"https://www.amazon.com/ap/signin?accountstatuspolicy=p1;br accept-language: pt-br;deflate;en-us;q=0.8;en;q=0.7 cookie: session-id=130-1341236-8844039; session-id-time=2208897134l; lc-main-av=pt_br {"events":[{"data":{"timestamp":"2020-01-04t22:32:15.915z";https://www.primevi</t>
  </si>
  <si>
    <t>https://"application":"retail","attributes":{"id":"r38v05-y886go-7uc44y-rcc0l2","entities":{"page":{"id":"vu8wcj-5bsz7a-7y6mtj-igkdcp","id":"r38v05-y886go-7uc44y-rcc0l2","meaningful":"interactive","messageid":"73al9s-1ussm0-nkf1cp-d4ezgb","messageid":"vs48c4-jt74m7-gy4ob5-8celz","obfuscatedmarketplaceid":"art4wz8mwbx2y","path":"/ap/signin/130-1341236-8844039","producerid":"csa","referrer":"https://www.amazon.com/ap/signin?accountstatuspolicy=p1,"requestid":"460e4adzekxgxgj42a2h","requestid":"9h3nnmw9xcakxjcher9p","schemaid":"csa.pageentity.1","schemaid":"csa.pagerender.3","server":"www.amazon.com","timestamp":"2020-01-04t22:32:55.751z","title":"acessar,"title":"acessar amazon"}}},"url":"https://www.amazon.com/ap/signin/130-1341236-8844039","url":"https://www.amazon.com/ap/signin?accountstatuspolicy=p1,br accept-language: pt-br,deflate,en-us;q=0.8,en;q=0.7 cookie: session-id=130-1341236-8844039; session-id-time=2208897134l; lc-main-av=pt_br {"events":[{"data":{"timestamp":"2020-01-04t22:32:15.915z",https://www</t>
  </si>
  <si>
    <t>a4803afb-8cc8-46bb-b52b-2a988b70981e</t>
  </si>
  <si>
    <t>a4803afb-8cc8-46bb-b52b-2a988b70981e;</t>
  </si>
  <si>
    <t>5d76f4bc-21cf-4c56-b142-18670fa73c1b.tmp</t>
  </si>
  <si>
    <t>\\acsfs\profiles$\rafaelacdoc\Downloads\5d76f4bc-21cf-4c56-b142-18670fa73c1b.tmp</t>
  </si>
  <si>
    <t>71a30ef7-33b6-4d5f-b34d-16b796961571.tmp</t>
  </si>
  <si>
    <t>\\acsfs\profiles$\rafaelacdoc\Downloads\71a30ef7-33b6-4d5f-b34d-16b796961571.tmp</t>
  </si>
  <si>
    <t>661a9e46-57c4-467b-aa9d-b12e00655ded.tmp</t>
  </si>
  <si>
    <t>\\acsfs\profiles$\fabianafv\Downloads\661a9e46-57c4-467b-aa9d-b12e00655ded.tmp</t>
  </si>
  <si>
    <t>cb940e35-cd62-4207-8360-b94bdc224d4f.tmp</t>
  </si>
  <si>
    <t>\\acsfs\profiles$\rafaelacdoc\Downloads\cb940e35-cd62-4207-8360-b94bdc224d4f.tmp</t>
  </si>
  <si>
    <t>164a574b-c6c3-413d-bf96-ebecaa8b73ad; jsessionid=352611e3aa85ebffb417e9f58eb5c0db; glide_user_activity=u0n2mzpjegnmrzvxynljturqa2zxyuzrmmprn3vmvk1hastfdtpoz24wrm1nn3pevwtabxvwl2tauktqahbnwgvxrwzseitjq2pxtkqzwec4pq==; glide_session_store=1237c8db1b8284d4e80</t>
  </si>
  <si>
    <t>https://alunodigital.faculdadepitagoras.com.br/api/now/sp/rectangle/a2d05b34db15730087dc4410ba961974?id=pda_disciplinas</t>
  </si>
  <si>
    <t>accept-encoding: gzip;br accept-language: pt-br;deflate;en-us;q=0.8;en;q=0.7 cookie: glide_user_route=glide.5f40aac7111c5e3162f5d8ac8f69367e; bigipserverpool_kroton=192962314.33854.0000; glide_user_activity=u0n2mzptnklubuy2ddl3bmi2vkc5qmryq291uxvjzglgtmlsatoxumvey0tmtmg4d2hhzm5hcjhqzdzoz1j6afvgu3njcjvlzhrusi80tjfvpq==; _ga=ga1.3.628006740.1578176490; _gid=ga1.3.393176494.1578176490; ai_user=ik8pz|2020-01-04t22:21:29.782z; _hjid=164a574b-c6c3-413d-bf96-ebecaa8b73ad; adrum=s=1578177006151;pt;q=0.9;</t>
  </si>
  <si>
    <t>https:// accept-encoding: gzip,br accept-language: pt-br,deflate,en-us;q=0.8,en;q=0.7 cookie: glide_user_route=glide.5f40aac7111c5e3162f5d8ac8f69367e; bigipserverpool_kroton=192962314.33854.0000; glide_user_activity=u0n2mzptnklubuy2ddl3bmi2vkc5qmryq291uxvjzglgtmlsatoxumvey0tmtmg4d2hhzm5hcjhqzdzoz1j6afvgu3njcjvlzhrusi80tjfvpq==; _ga=ga1.3.628006740.1578176490; _gid=ga1.3.393176494.1578176490; ai_user=ik8pz|2020-01-04t22:21:29.782z; _hjid=164a574b-c6c3-413d-bf96-ebecaa8b73ad; adrum=s=1578177006151,pt;q=0.9</t>
  </si>
  <si>
    <t>b6cb6280-7a9b-422b-936f-1dc2ae70ac97.tmp</t>
  </si>
  <si>
    <t>\\acsfs\profiles$\rafaelacdoc\Downloads\b6cb6280-7a9b-422b-936f-1dc2ae70ac97.tmp</t>
  </si>
  <si>
    <t>ed0c1eac-279c-4156-a304-adb294e341c8.tmp</t>
  </si>
  <si>
    <t>\\acsfs\profiles$\taylaedoa\Downloads\ed0c1eac-279c-4156-a304-adb294e341c8.tmp</t>
  </si>
  <si>
    <t>8068769c-899a-410e-8f42-99b8367067fe.tmp</t>
  </si>
  <si>
    <t>\\acsfs\profiles$\taylaedoa\Downloads\8068769c-899a-410e-8f42-99b8367067fe.tmp</t>
  </si>
  <si>
    <t>1a4b6fcd-bced-480e-94ba-d54e2c022776.tmp</t>
  </si>
  <si>
    <t>\\acsfs\profiles$\taylaedoa\Downloads\1a4b6fcd-bced-480e-94ba-d54e2c022776.tmp</t>
  </si>
  <si>
    <t>fabriciadc@algartech.com.br;joaogvc@algartech.com;josiascdsj@algartech.com;leonardoao@algartech.com;marianadjc@algartech.com;matheuscm@algartech.com.br;rafaelggs@algartech.com;taysdss@algartech.com;thiagordu@algartech.com;viniciussg@algartech.com;</t>
  </si>
  <si>
    <t>fabriciadc@algartech.com.br,joaogvc@algartech.com,josiascdsj@algartech.com,leonardoao@algartech.com,marianadjc@algartech.com,matheuscm@algartech.com.br,rafaelggs@algartech.com,taysdss@algartech.com,thiagordu@algartech.com,viniciussg@algartech.com</t>
  </si>
  <si>
    <t>c5996b7d-8cf0-4856-b4a0-e19007a30b44.tmp</t>
  </si>
  <si>
    <t>\\acsfs\profiles$\taylaedoa\Downloads\c5996b7d-8cf0-4856-b4a0-e19007a30b44.tmp</t>
  </si>
  <si>
    <t>09fd01f3-c81d-4003-96b9-c1b4a5c26557.tmp</t>
  </si>
  <si>
    <t>\\acsfs\profiles$\leonardocb\Downloads\09fd01f3-c81d-4003-96b9-c1b4a5c26557.tmp</t>
  </si>
  <si>
    <t>eeadf59c-39b5-46e9-bc8c-b9f7f73b31ea.tmp</t>
  </si>
  <si>
    <t>\\acsfs\profiles$\rogeriofd\Downloads\eeadf59c-39b5-46e9-bc8c-b9f7f73b31ea.tmp</t>
  </si>
  <si>
    <t>\\acsfs\profiles$\georgendsq\My Documents\xworkcenter\logs\</t>
  </si>
  <si>
    <t>XLOG_georgendsq_20122019_210847.log</t>
  </si>
  <si>
    <t>\\acsfs\profiles$\georgendsq\My Documents\xworkcenter\logs\XLOG_georgendsq_20122019_210847.log</t>
  </si>
  <si>
    <t>ac17089d-f478-4e41-b462-094ccbec1e5d.tmp</t>
  </si>
  <si>
    <t>\\acsfs\profiles$\rogeriofd\Downloads\ac17089d-f478-4e41-b462-094ccbec1e5d.tmp</t>
  </si>
  <si>
    <t>86e3b020-3dc8-4cbd-b2c6-55e191dbe9c0.tmp</t>
  </si>
  <si>
    <t>\\acsfs\profiles$\ROBERTM\Downloads\86e3b020-3dc8-4cbd-b2c6-55e191dbe9c0.tmp</t>
  </si>
  <si>
    <t>69906d0e-14c6-4fdb-b722-08b1e578626f.tmp</t>
  </si>
  <si>
    <t>\\acsfs\profiles$\ROBERTM\Downloads\69906d0e-14c6-4fdb-b722-08b1e578626f.tmp</t>
  </si>
  <si>
    <t>765ee800-f9fe-4d80-bc88-0ea1bbdaf9a3.tmp</t>
  </si>
  <si>
    <t>\\acsfs\profiles$\ROBERTM\Downloads\765ee800-f9fe-4d80-bc88-0ea1bbdaf9a3.tmp</t>
  </si>
  <si>
    <t>23409f9d-641a-4317-a66b-32df1f20fd3f.tmp</t>
  </si>
  <si>
    <t>\\acsfs\profiles$\ROBERTM\Downloads\23409f9d-641a-4317-a66b-32df1f20fd3f.tmp</t>
  </si>
  <si>
    <t>ce3d5f49-a85b-4592-921b-6d2a28358c91.tmp</t>
  </si>
  <si>
    <t>\\acsfs\profiles$\ROBERTM\Downloads\ce3d5f49-a85b-4592-921b-6d2a28358c91.tmp</t>
  </si>
  <si>
    <t>b04ecc56-96e8-436b-b12d-959cac35fa1d.tmp</t>
  </si>
  <si>
    <t>\\acsfs\profiles$\ROBERTM\Downloads\b04ecc56-96e8-436b-b12d-959cac35fa1d.tmp</t>
  </si>
  <si>
    <t>ca50fc55-3ef9-45e0-a8d7-3c2c6a1b12d9.tmp</t>
  </si>
  <si>
    <t>\\acsfs\profiles$\ROBERTM\Downloads\ca50fc55-3ef9-45e0-a8d7-3c2c6a1b12d9.tmp</t>
  </si>
  <si>
    <t>317e1c2b-fdef-439a-bdae-2dbc69d404ac.tmp</t>
  </si>
  <si>
    <t>\\acsfs\profiles$\ROZENCAM\Downloads\317e1c2b-fdef-439a-bdae-2dbc69d404ac.tmp</t>
  </si>
  <si>
    <t>00337693-b638-467f-bec8-d7169b172efe.tmp</t>
  </si>
  <si>
    <t>\\acsfs\profiles$\ROZENCAM\Downloads\00337693-b638-467f-bec8-d7169b172efe.tmp</t>
  </si>
  <si>
    <t>b08ce349-99c7-462f-a1a5-0f77e02e97cc.tmp</t>
  </si>
  <si>
    <t>\\acsfs\profiles$\ROZENCAM\Downloads\b08ce349-99c7-462f-a1a5-0f77e02e97cc.tmp</t>
  </si>
  <si>
    <t>lu46292838xf7.tmp</t>
  </si>
  <si>
    <t>\\acsfs\profiles$\ALYNYA\My Documents\lu46292838xf7.tmp</t>
  </si>
  <si>
    <t>\\acsfs\profiles$\ALYNYA\My Documents\lu46292838xf7.tmp\</t>
  </si>
  <si>
    <t>\\acsfs\profiles$\ALYNYA\My Documents\lu46292838xf7.tmp\META-INF\</t>
  </si>
  <si>
    <t>\\acsfs\profiles$\ALYNYA\My Documents\lu46292838xf7.tmp\Thumbnails\</t>
  </si>
  <si>
    <t>7baf9db9-f4b3-4644-bcec-396af890ed89.tmp</t>
  </si>
  <si>
    <t>\\acsfs\profiles$\claudiajca\Downloads\7baf9db9-f4b3-4644-bcec-396af890ed89.tmp</t>
  </si>
  <si>
    <t>3eb41dfc-2ab6-4ee8-ad16-c904fc07009f.tmp</t>
  </si>
  <si>
    <t>\\acsfs\profiles$\claudiajca\Downloads\3eb41dfc-2ab6-4ee8-ad16-c904fc07009f.tmp</t>
  </si>
  <si>
    <t>6435eb20-6eca-4d21-b13c-97837ebfaa2f.tmp</t>
  </si>
  <si>
    <t>\\acsfs\profiles$\lucasqdss\Downloads\6435eb20-6eca-4d21-b13c-97837ebfaa2f.tmp</t>
  </si>
  <si>
    <t>7cbfe453-262a-4b37-885b-f3daaeb4efd0.tmp</t>
  </si>
  <si>
    <t>\\acsfs\profiles$\lucasqdss\Downloads\7cbfe453-262a-4b37-885b-f3daaeb4efd0.tmp</t>
  </si>
  <si>
    <t>10.200.67.41</t>
  </si>
  <si>
    <t>D0-94-66-B5-48-1D</t>
  </si>
  <si>
    <t>VOTORANT-YB017</t>
  </si>
  <si>
    <t>\\acsfs\profiles$\danielac\My Documents\My Pictures\</t>
  </si>
  <si>
    <t>\\acsfs\profiles$\danielac\My Documents\My Videos\desktop.ini</t>
  </si>
  <si>
    <t>\\acsfs\profiles$\danielac\My Documents\My Videos\</t>
  </si>
  <si>
    <t>\\acsfs\profiles$\danielac\My Documents\My Music\</t>
  </si>
  <si>
    <t>\\acsfs\profiles$\danielac\My Documents\My Pictures\desktop.ini</t>
  </si>
  <si>
    <t>\\acsfs\profiles$\danielac\Contacts\</t>
  </si>
  <si>
    <t>\\acsfs\profiles$\danielac\Contacts\desktop.ini</t>
  </si>
  <si>
    <t>\\acsfs\profiles$\danielac\My Documents\</t>
  </si>
  <si>
    <t>\\acsfs\profiles$\danielac\Favorites\desktop.ini</t>
  </si>
  <si>
    <t>\\acsfs\profiles$\danielac\My Documents\My Music\desktop.ini</t>
  </si>
  <si>
    <t>\\acsfs\profiles$\danielac\Searches\</t>
  </si>
  <si>
    <t>\\acsfs\profiles$\danielac\Searches\desktop.ini</t>
  </si>
  <si>
    <t>\\acsfs\profiles$\danielac\Downloads\desktop.ini</t>
  </si>
  <si>
    <t>\\acsfs\profiles$\danielac\Favorites\</t>
  </si>
  <si>
    <t>\\acsfs\profiles$\danielac\My Documents\desktop.ini</t>
  </si>
  <si>
    <t>\\acsfs\profiles$\danielac\Saved Games\desktop.ini</t>
  </si>
  <si>
    <t>winrt--{S-1-5-21-602162358-764733703-839522115-358574}-.searchconnector-ms</t>
  </si>
  <si>
    <t>\\acsfs\profiles$\danielac\Searches\winrt--{S-1-5-21-602162358-764733703-839522115-358574}-.searchconnector-ms</t>
  </si>
  <si>
    <t>1b5395ba-356e-4988-8a5d-144bef6cbd3b.tmp</t>
  </si>
  <si>
    <t>\\acsfs\profiles$\danielac\Downloads\1b5395ba-356e-4988-8a5d-144bef6cbd3b.tmp</t>
  </si>
  <si>
    <t>1913da36-3e37-4663-b0ba-ed2c5ae5265a.tmp</t>
  </si>
  <si>
    <t>\\acsfs\profiles$\danielac\Downloads\1913da36-3e37-4663-b0ba-ed2c5ae5265a.tmp</t>
  </si>
  <si>
    <t>9a9113a4-f5b8-487d-85c8-8d187f3552e4.tmp</t>
  </si>
  <si>
    <t>\\acsfs\profiles$\vivianalds\Downloads\9a9113a4-f5b8-487d-85c8-8d187f3552e4.tmp</t>
  </si>
  <si>
    <t>b198d7a1-2636-400b-b1be-80fa808823a5.tmp</t>
  </si>
  <si>
    <t>\\acsfs\profiles$\vivianalds\Downloads\b198d7a1-2636-400b-b1be-80fa808823a5.tmp</t>
  </si>
  <si>
    <t>4dcfb981-e0d2-4e3c-9673-9ea7c73d3190.tmp</t>
  </si>
  <si>
    <t>\\acsfs\profiles$\danielac\Downloads\4dcfb981-e0d2-4e3c-9673-9ea7c73d3190.tmp</t>
  </si>
  <si>
    <t>4ecfef66-3282-4c04-b4b4-2a48ab9386ba.tmp</t>
  </si>
  <si>
    <t>\\acsfs\profiles$\vivianalds\Downloads\4ecfef66-3282-4c04-b4b4-2a48ab9386ba.tmp</t>
  </si>
  <si>
    <t>\\acsfs\profiles$\milenaas\Contacts\</t>
  </si>
  <si>
    <t>MILENA ANDREIA SOARES (8749).contact</t>
  </si>
  <si>
    <t>\\acsfs\profiles$\milenaas\Contacts\MILENA ANDREIA SOARES (8749).contact</t>
  </si>
  <si>
    <t>\\acsfs\profiles$\milenaas\My Documents\My Videos\</t>
  </si>
  <si>
    <t>\\acsfs\profiles$\milenaas\My Documents\My Videos\desktop.ini</t>
  </si>
  <si>
    <t>\\acsfs\profiles$\milenaas\My Documents\My Pictures\</t>
  </si>
  <si>
    <t>\\acsfs\profiles$\milenaas\My Documents\My Pictures\desktop.ini</t>
  </si>
  <si>
    <t>\\acsfs\profiles$\milenaas\Contacts\desktop.ini</t>
  </si>
  <si>
    <t>\\acsfs\profiles$\milenaas\Favorites\</t>
  </si>
  <si>
    <t>\\acsfs\profiles$\milenaas\Favorites\desktop.ini</t>
  </si>
  <si>
    <t>\\acsfs\profiles$\milenaas\My Documents\My Music\</t>
  </si>
  <si>
    <t>\\acsfs\profiles$\milenaas\My Documents\My Music\desktop.ini</t>
  </si>
  <si>
    <t>\\acsfs\profiles$\milenaas\Searches\</t>
  </si>
  <si>
    <t>\\acsfs\profiles$\milenaas\Searches\desktop.ini</t>
  </si>
  <si>
    <t>\\acsfs\profiles$\milenaas\Downloads\desktop.ini</t>
  </si>
  <si>
    <t>\\acsfs\profiles$\milenaas\My Documents\</t>
  </si>
  <si>
    <t>\\acsfs\profiles$\milenaas\My Documents\desktop.ini</t>
  </si>
  <si>
    <t>\\acsfs\profiles$\milenaas\Saved Games\</t>
  </si>
  <si>
    <t>\\acsfs\profiles$\milenaas\Saved Games\desktop.ini</t>
  </si>
  <si>
    <t>\\acsfs\profiles$\milenaas\Favorites\Links for Brasil\</t>
  </si>
  <si>
    <t>\\acsfs\profiles$\milenaas\Favorites\Links for Brasil\desktop.ini</t>
  </si>
  <si>
    <t>\\acsfs\profiles$\milenaas\Favorites\Links for Brasil\Microsoft Brasil.url</t>
  </si>
  <si>
    <t>\\acsfs\profiles$\milenaas\Favorites\Links for Brasil\Windows Brasil.url</t>
  </si>
  <si>
    <t>\\acsfs\profiles$\milenaas\Favorites\Links for Brasil\MSN Brasil.url</t>
  </si>
  <si>
    <t>fd35ce6e-10fc-4495-b9da-2d3367be10e3.tmp</t>
  </si>
  <si>
    <t>\\acsfs\profiles$\milenaas\Downloads\fd35ce6e-10fc-4495-b9da-2d3367be10e3.tmp</t>
  </si>
  <si>
    <t>a543749c-a6bd-4abe-86c3-2d02b7ec8864.tmp</t>
  </si>
  <si>
    <t>\\acsfs\profiles$\milenaas\Downloads\a543749c-a6bd-4abe-86c3-2d02b7ec8864.tmp</t>
  </si>
  <si>
    <t>318738c2-71ce-4da9-804b-b8b339ea2fd6.tmp</t>
  </si>
  <si>
    <t>\\acsfs\profiles$\milenaas\Downloads\318738c2-71ce-4da9-804b-b8b339ea2fd6.tmp</t>
  </si>
  <si>
    <t>40cb3946-4596-48fb-a137-869040105669.tmp</t>
  </si>
  <si>
    <t>\\acsfs\profiles$\milenaas\Downloads\40cb3946-4596-48fb-a137-869040105669.tmp</t>
  </si>
  <si>
    <t>86236772-de13-48b3-a9c1-4682af0440c7.tmp</t>
  </si>
  <si>
    <t>\\acsfs\profiles$\milenaas\Downloads\86236772-de13-48b3-a9c1-4682af0440c7.tmp</t>
  </si>
  <si>
    <t>Não confirmado 584014.crdownload</t>
  </si>
  <si>
    <t>\\acsfs\profiles$\milenaas\Downloads\Não confirmado 584014.crdownload</t>
  </si>
  <si>
    <t>61f148e9-203c-482b-9b6a-d4b8e4ff77e9.tmp</t>
  </si>
  <si>
    <t>\\acsfs\profiles$\henriquehmdo\Downloads\61f148e9-203c-482b-9b6a-d4b8e4ff77e9.tmp</t>
  </si>
  <si>
    <t>2d77031b-a197-4571-a974-fb0649c54975.tmp</t>
  </si>
  <si>
    <t>\\acsfs\profiles$\henriquehmdo\Downloads\2d77031b-a197-4571-a974-fb0649c54975.tmp</t>
  </si>
  <si>
    <t>100014142553854;</t>
  </si>
  <si>
    <t>https://100014142553854</t>
  </si>
  <si>
    <t>fdf087f5-6219-4fb0-8eb0-05d31e8fda2c.tmp</t>
  </si>
  <si>
    <t>\\acsfs\profiles$\PEDROHAB\Downloads\fdf087f5-6219-4fb0-8eb0-05d31e8fda2c.tmp</t>
  </si>
  <si>
    <t>77a8e04f-19a9-4c2d-9cc2-958ce03ee320.tmp</t>
  </si>
  <si>
    <t>\\acsfs\profiles$\PEDROHAB\Downloads\77a8e04f-19a9-4c2d-9cc2-958ce03ee320.tmp</t>
  </si>
  <si>
    <t>3d4e49a6-267a-4992-b3ca-837c5722c757.tmp</t>
  </si>
  <si>
    <t>\\acsfs\profiles$\PEDROHAB\Downloads\3d4e49a6-267a-4992-b3ca-837c5722c757.tmp</t>
  </si>
  <si>
    <t>e2712f96-fec6-4f60-86b0-97eb6e45f205.tmp</t>
  </si>
  <si>
    <t>\\acsfs\profiles$\henriquehmdo\Downloads\e2712f96-fec6-4f60-86b0-97eb6e45f205.tmp</t>
  </si>
  <si>
    <t>ad4195e4-3eca-4138-b83a-a77e9ec450a8.tmp</t>
  </si>
  <si>
    <t>\\acsfs\profiles$\Flaviojmm\Downloads\ad4195e4-3eca-4138-b83a-a77e9ec450a8.tmp</t>
  </si>
  <si>
    <t>d83c2acf-9fb3-4268-976e-8f23ff7a181b.tmp</t>
  </si>
  <si>
    <t>\\acsfs\profiles$\Flaviojmm\Downloads\d83c2acf-9fb3-4268-976e-8f23ff7a181b.tmp</t>
  </si>
  <si>
    <t>461d685e-9760-46aa-bc9f-d5c92b25cdd1.tmp</t>
  </si>
  <si>
    <t>\\acsfs\profiles$\vivianalds\Downloads\461d685e-9760-46aa-bc9f-d5c92b25cdd1.tmp</t>
  </si>
  <si>
    <t>a56c07df-7c1f-44a4-9b16-77266750041a.tmp</t>
  </si>
  <si>
    <t>\\acsfs\profiles$\nataliacsl\Downloads\a56c07df-7c1f-44a4-9b16-77266750041a.tmp</t>
  </si>
  <si>
    <t>7a1d53c8-c5ea-4aff-a9e0-258ee4d38dbb.tmp</t>
  </si>
  <si>
    <t>\\acsfs\profiles$\danielmlds\Downloads\7a1d53c8-c5ea-4aff-a9e0-258ee4d38dbb.tmp</t>
  </si>
  <si>
    <t>cb2dbcc6-7108-4087-a8ac-d9e1c8516d48.tmp</t>
  </si>
  <si>
    <t>\\acsfs\profiles$\danielmlds\Downloads\cb2dbcc6-7108-4087-a8ac-d9e1c8516d48.tmp</t>
  </si>
  <si>
    <t>2b2434cb-7d54-45cf-a9c4-a744cf67ac4c.tmp</t>
  </si>
  <si>
    <t>\\acsfs\profiles$\danielmlds\Downloads\2b2434cb-7d54-45cf-a9c4-a744cf67ac4c.tmp</t>
  </si>
  <si>
    <t>b4bb1878-42de-4966-a102-2db61b357e0b.tmp</t>
  </si>
  <si>
    <t>\\acsfs\profiles$\claudiajca\Downloads\b4bb1878-42de-4966-a102-2db61b357e0b.tmp</t>
  </si>
  <si>
    <t>5c57e8f3-95b5-409f-875e-db61db781732.tmp</t>
  </si>
  <si>
    <t>\\acsfs\profiles$\Flaviojmm\Downloads\5c57e8f3-95b5-409f-875e-db61db781732.tmp</t>
  </si>
  <si>
    <t>b8a53f21-c5e0-4731-835f-e93a4de2c070.tmp</t>
  </si>
  <si>
    <t>\\acsfs\profiles$\nataliacsl\Downloads\b8a53f21-c5e0-4731-835f-e93a4de2c070.tmp</t>
  </si>
  <si>
    <t>8b7b029c-30c5-4ff0-8601-8796d3e03a8e.tmp</t>
  </si>
  <si>
    <t>\\acsfs\profiles$\danielac\Downloads\8b7b029c-30c5-4ff0-8601-8796d3e03a8e.tmp</t>
  </si>
  <si>
    <t>2e7c1f93-82ee-4627-b5f9-13a73ee652bb.tmp</t>
  </si>
  <si>
    <t>\\acsfs\profiles$\danielac\Downloads\2e7c1f93-82ee-4627-b5f9-13a73ee652bb.tmp</t>
  </si>
  <si>
    <t>lu175082bqk70.tmp</t>
  </si>
  <si>
    <t>\\acsfs\profiles$\ALEXANDREMM\lu175082bqk70.tmp</t>
  </si>
  <si>
    <t>\\acsfs\profiles$\ALEXANDREMM\lu175082bqk70.tmp\</t>
  </si>
  <si>
    <t>\\acsfs\profiles$\ALEXANDREMM\lu175082bqk70.tmp\META-INF\</t>
  </si>
  <si>
    <t>\\acsfs\profiles$\ALEXANDREMM\lu175082bqk70.tmp\Thumbnails\</t>
  </si>
  <si>
    <t>lu175082bqk75.tmp</t>
  </si>
  <si>
    <t>\\acsfs\profiles$\ALEXANDREMM\lu175082bqk75.tmp</t>
  </si>
  <si>
    <t>\\acsfs\profiles$\ALEXANDREMM\lu175082bqk75.tmp\</t>
  </si>
  <si>
    <t>\\acsfs\profiles$\ALEXANDREMM\lu175082bqk75.tmp\META-INF\</t>
  </si>
  <si>
    <t>\\acsfs\profiles$\ALEXANDREMM\lu175082bqk75.tmp\Thumbnails\</t>
  </si>
  <si>
    <t>lu175082bqk78.tmp</t>
  </si>
  <si>
    <t>\\acsfs\profiles$\ALEXANDREMM\lu175082bqk78.tmp</t>
  </si>
  <si>
    <t>\\acsfs\profiles$\ALEXANDREMM\lu175082bqk78.tmp\</t>
  </si>
  <si>
    <t>\\acsfs\profiles$\ALEXANDREMM\lu175082bqk78.tmp\META-INF\</t>
  </si>
  <si>
    <t>\\acsfs\profiles$\ALEXANDREMM\lu175082bqk78.tmp\Thumbnails\</t>
  </si>
  <si>
    <t>lu175082bqk7b.tmp</t>
  </si>
  <si>
    <t>\\acsfs\profiles$\ALEXANDREMM\lu175082bqk7b.tmp</t>
  </si>
  <si>
    <t>\\acsfs\profiles$\ALEXANDREMM\lu175082bqk7b.tmp\</t>
  </si>
  <si>
    <t>\\acsfs\profiles$\ALEXANDREMM\lu175082bqk7b.tmp\META-INF\</t>
  </si>
  <si>
    <t>\\acsfs\profiles$\ALEXANDREMM\lu175082bqk7b.tmp\Thumbnails\</t>
  </si>
  <si>
    <t>e6ccec93-fe99-433e-8f74-dbd8c079170c.tmp</t>
  </si>
  <si>
    <t>\\acsfs\profiles$\nataliacsl\Downloads\e6ccec93-fe99-433e-8f74-dbd8c079170c.tmp</t>
  </si>
  <si>
    <t>e8626e25-542c-4d91-bcd7-2f1e10c79b1d.tmp</t>
  </si>
  <si>
    <t>\\acsfs\profiles$\matheushds\Downloads\e8626e25-542c-4d91-bcd7-2f1e10c79b1d.tmp</t>
  </si>
  <si>
    <t>ed6fbe0c-e8a9-4685-890d-0e50cdc9a1c1.tmp</t>
  </si>
  <si>
    <t>\\acsfs\profiles$\matheushds\Downloads\ed6fbe0c-e8a9-4685-890d-0e50cdc9a1c1.tmp</t>
  </si>
  <si>
    <t>0fed091c-984d-4a6f-918c-b16521445ede.tmp</t>
  </si>
  <si>
    <t>\\acsfs\profiles$\matheushds\Downloads\0fed091c-984d-4a6f-918c-b16521445ede.tmp</t>
  </si>
  <si>
    <t>e8cab5c8-6784-4cf8-a637-f9bfc6f9daa9.tmp</t>
  </si>
  <si>
    <t>\\acsfs\profiles$\matheushds\Downloads\e8cab5c8-6784-4cf8-a637-f9bfc6f9daa9.tmp</t>
  </si>
  <si>
    <t>eb13a0bf-8ac3-44f9-a363-9da29752e258.tmp</t>
  </si>
  <si>
    <t>\\acsfs\profiles$\vivianalds\Downloads\eb13a0bf-8ac3-44f9-a363-9da29752e258.tmp</t>
  </si>
  <si>
    <t>10.200.67.127</t>
  </si>
  <si>
    <t>c31b622b-9381-401d-b4be-158b475f9844.tmp</t>
  </si>
  <si>
    <t>\\acsfs\profiles$\ANAPDSB\Downloads\c31b622b-9381-401d-b4be-158b475f9844.tmp</t>
  </si>
  <si>
    <t>c0e0171e-e3f4-4b05-a913-6a9857dcc844.tmp</t>
  </si>
  <si>
    <t>\\acsfs\profiles$\ANAPDSB\Downloads\c0e0171e-e3f4-4b05-a913-6a9857dcc844.tmp</t>
  </si>
  <si>
    <t>457c7f8a-632a-4faf-9851-a6910d14088c.tmp</t>
  </si>
  <si>
    <t>\\acsfs\profiles$\ANAPDSB\Downloads\457c7f8a-632a-4faf-9851-a6910d14088c.tmp</t>
  </si>
  <si>
    <t>KAMILLA CAROLINA RODRIGUES (15).contact</t>
  </si>
  <si>
    <t>\\acsfs\profiles$\kamillacr\Contacts\KAMILLA CAROLINA RODRIGUES (15).contact</t>
  </si>
  <si>
    <t>\\acsfs\profiles$\kamillacr\Saved Games\</t>
  </si>
  <si>
    <t>\\acsfs\profiles$\KAMILLACR\Favorites\Links for Brasil\</t>
  </si>
  <si>
    <t>\\acsfs\profiles$\KAMILLACR\Favorites\Links for Brasil\desktop.ini</t>
  </si>
  <si>
    <t>\\acsfs\profiles$\KAMILLACR\Favorites\Links for Brasil\Microsoft Brasil.url</t>
  </si>
  <si>
    <t>\\acsfs\profiles$\KAMILLACR\Favorites\Links for Brasil\Windows Brasil.url</t>
  </si>
  <si>
    <t>\\acsfs\profiles$\KAMILLACR\Favorites\Links for Brasil\MSN Brasil.url</t>
  </si>
  <si>
    <t>\\acsfs\profiles$\kamillacr\My Documents\Automation Anywhere Files\ConfigFiles\</t>
  </si>
  <si>
    <t>\\acsfs\profiles$\kamillacr\My Documents\Automation Anywhere Files\ConfigFiles\log4net-config.xml</t>
  </si>
  <si>
    <t>\\acsfs\profiles$\kamillacr\My Documents\Automation Anywhere Files\</t>
  </si>
  <si>
    <t>\\acsfs\profiles$\kamillacr\My Documents\Automation Anywhere Files\AA.Trigger.xml</t>
  </si>
  <si>
    <t>equipefabi@algartech.com.br;lucianaas@algartech.com.br;</t>
  </si>
  <si>
    <t>Improdutividade VDE</t>
  </si>
  <si>
    <t>IMP.xls</t>
  </si>
  <si>
    <t>equipefabi@algartech.com.br,lucianaas@algartech.com.br</t>
  </si>
  <si>
    <t>c1b14406-1e21-4c3e-a58c-946e05c65fc7.tmp</t>
  </si>
  <si>
    <t>\\acsfs\profiles$\PEDROHAB\Downloads\c1b14406-1e21-4c3e-a58c-946e05c65fc7.tmp</t>
  </si>
  <si>
    <t>74f1d0fd-fcbf-4797-9642-bda13964306d.tmp</t>
  </si>
  <si>
    <t>\\acsfs\profiles$\lucasqdss\Downloads\74f1d0fd-fcbf-4797-9642-bda13964306d.tmp</t>
  </si>
  <si>
    <t>lu175082bqk7i.tmp</t>
  </si>
  <si>
    <t>\\acsfs\profiles$\ALEXANDREMM\lu175082bqk7i.tmp</t>
  </si>
  <si>
    <t>\\acsfs\profiles$\ALEXANDREMM\lu175082bqk7i.tmp\</t>
  </si>
  <si>
    <t>\\acsfs\profiles$\ALEXANDREMM\lu175082bqk7i.tmp\META-INF\</t>
  </si>
  <si>
    <t>\\acsfs\profiles$\ALEXANDREMM\lu175082bqk7i.tmp\Thumbnails\</t>
  </si>
  <si>
    <t>lu175082bqk7l.tmp</t>
  </si>
  <si>
    <t>\\acsfs\profiles$\ALEXANDREMM\lu175082bqk7l.tmp</t>
  </si>
  <si>
    <t>\\acsfs\profiles$\ALEXANDREMM\lu175082bqk7l.tmp\</t>
  </si>
  <si>
    <t>\\acsfs\profiles$\ALEXANDREMM\lu175082bqk7l.tmp\META-INF\</t>
  </si>
  <si>
    <t>\\acsfs\profiles$\ALEXANDREMM\lu175082bqk7l.tmp\Thumbnails\</t>
  </si>
  <si>
    <t>5186d46e-e35a-410a-8389-bd11d2e73efa.tmp</t>
  </si>
  <si>
    <t>\\acsfs\profiles$\vivianalds\Downloads\5186d46e-e35a-410a-8389-bd11d2e73efa.tmp</t>
  </si>
  <si>
    <t>claudiofm@algartech.com.br;pauliniaacs@algartech.com.br;</t>
  </si>
  <si>
    <t>Mascara Painel Janeiro</t>
  </si>
  <si>
    <t>Janeiro_ Casos Especiais.xlsm</t>
  </si>
  <si>
    <t>claudiofm@algartech.com.br,pauliniaacs@algartech.com.br</t>
  </si>
  <si>
    <t>100014142553854;fabriciadc@algartech.com.br;joaogvc@algartech.com;josiascdsj@algartech.com;marianadjc@algartech.com;matheuscm@algartech.com.br;rafaelggs@algartech.com;taysdss@algartech.com;viniciussg@algartech.com;</t>
  </si>
  <si>
    <t>100014142553854,fabriciadc@algartech.com.br,joaogvc@algartech.com,josiascdsj@algartech.com,marianadjc@algartech.com,matheuscm@algartech.com.br,rafaelggs@algartech.com,taysdss@algartech.com,viniciussg@algartech.com</t>
  </si>
  <si>
    <t>de508c9a-19b6-4ef9-b6bd-0eeedc623f42.tmp</t>
  </si>
  <si>
    <t>\\acsfs\profiles$\nataliacsl\Downloads\de508c9a-19b6-4ef9-b6bd-0eeedc623f42.tmp</t>
  </si>
  <si>
    <t>lu175082bqk7q.tmp</t>
  </si>
  <si>
    <t>\\acsfs\profiles$\ALEXANDREMM\lu175082bqk7q.tmp</t>
  </si>
  <si>
    <t>\\acsfs\profiles$\ALEXANDREMM\lu175082bqk7q.tmp\</t>
  </si>
  <si>
    <t>\\acsfs\profiles$\ALEXANDREMM\lu175082bqk7q.tmp\META-INF\</t>
  </si>
  <si>
    <t>\\acsfs\profiles$\ALEXANDREMM\lu175082bqk7q.tmp\Thumbnails\</t>
  </si>
  <si>
    <t>7e7a38c8-f877-41b1-a144-1d87abb0b2eb.tmp</t>
  </si>
  <si>
    <t>\\acsfs\profiles$\lucasqdss\Downloads\7e7a38c8-f877-41b1-a144-1d87abb0b2eb.tmp</t>
  </si>
  <si>
    <t>6a6dc3d4-0c81-49c5-a6af-40c9877913f6.tmp</t>
  </si>
  <si>
    <t>\\acsfs\profiles$\ANAPDSB\Downloads\6a6dc3d4-0c81-49c5-a6af-40c9877913f6.tmp</t>
  </si>
  <si>
    <t>lu469769woc8k.tmp</t>
  </si>
  <si>
    <t>\\acsfs\profiles$\CLAUDIAJCA\lu469769woc8k.tmp</t>
  </si>
  <si>
    <t>\\acsfs\profiles$\CLAUDIAJCA\lu469769woc8k.tmp\</t>
  </si>
  <si>
    <t>\\acsfs\profiles$\CLAUDIAJCA\lu469769woc8k.tmp\META-INF\</t>
  </si>
  <si>
    <t>\\acsfs\profiles$\CLAUDIAJCA\lu469769woc8k.tmp\Thumbnails\</t>
  </si>
  <si>
    <t>.~lock.senhas.odt#</t>
  </si>
  <si>
    <t>\\acsfs\profiles$\laylaams\My Documents\.~lock.senhas.odt#</t>
  </si>
  <si>
    <t>43d2263f-cc6d-4a6c-ab3b-d54630e63e45.tmp</t>
  </si>
  <si>
    <t>\\acsfs\profiles$\laylaams\Downloads\43d2263f-cc6d-4a6c-ab3b-d54630e63e45.tmp</t>
  </si>
  <si>
    <t>Q29udHJvbGxlci5DYWxjdWxhZG9yYURlVmVuY2lt (8).ica</t>
  </si>
  <si>
    <t>\\acsfs\profiles$\laylaams\Downloads\Q29udHJvbGxlci5DYWxjdWxhZG9yYURlVmVuY2lt (8).ica</t>
  </si>
  <si>
    <t>a6f5f9a7-e020-4405-97f8-05bc96f60ef2.tmp</t>
  </si>
  <si>
    <t>\\acsfs\profiles$\laylaams\Downloads\a6f5f9a7-e020-4405-97f8-05bc96f60ef2.tmp</t>
  </si>
  <si>
    <t>RES: Piloto DOC</t>
  </si>
  <si>
    <t>Casos Especiais.xlsx</t>
  </si>
  <si>
    <t>jessicadag</t>
  </si>
  <si>
    <t>\\acsfs\profiles$\jessicadag\Contacts\</t>
  </si>
  <si>
    <t>JESSICA DE ALMEIDA GOMES (4).contact</t>
  </si>
  <si>
    <t>\\acsfs\profiles$\jessicadag\Contacts\JESSICA DE ALMEIDA GOMES (4).contact</t>
  </si>
  <si>
    <t>\\acsfs\profiles$\rafaelamsv\My Documents\My Pictures\</t>
  </si>
  <si>
    <t>\\acsfs\profiles$\rafaelamsv\My Documents\My Videos\desktop.ini</t>
  </si>
  <si>
    <t>\\acsfs\profiles$\rafaelamsv\My Documents\My Videos\</t>
  </si>
  <si>
    <t>\\acsfs\profiles$\rafaelamsv\My Documents\My Music\</t>
  </si>
  <si>
    <t>\\acsfs\profiles$\rafaelamsv\My Documents\My Pictures\desktop.ini</t>
  </si>
  <si>
    <t>\\acsfs\profiles$\rafaelamsv\Contacts\</t>
  </si>
  <si>
    <t>\\acsfs\profiles$\rafaelamsv\Contacts\desktop.ini</t>
  </si>
  <si>
    <t>\\acsfs\profiles$\rafaelamsv\My Documents\</t>
  </si>
  <si>
    <t>\\acsfs\profiles$\rafaelamsv\Favorites\desktop.ini</t>
  </si>
  <si>
    <t>\\acsfs\profiles$\rafaelamsv\My Documents\My Music\desktop.ini</t>
  </si>
  <si>
    <t>\\acsfs\profiles$\rafaelamsv\Searches\</t>
  </si>
  <si>
    <t>\\acsfs\profiles$\rafaelamsv\Searches\desktop.ini</t>
  </si>
  <si>
    <t>\\acsfs\profiles$\rafaelamsv\Downloads\desktop.ini</t>
  </si>
  <si>
    <t>\\acsfs\profiles$\rafaelamsv\Favorites\</t>
  </si>
  <si>
    <t>\\acsfs\profiles$\rafaelamsv\My Documents\desktop.ini</t>
  </si>
  <si>
    <t>\\acsfs\profiles$\rafaelamsv\Saved Games\desktop.ini</t>
  </si>
  <si>
    <t>winrt--{S-1-5-21-602162358-764733703-839522115-350558}-.searchconnector-ms</t>
  </si>
  <si>
    <t>\\acsfs\profiles$\rafaelamsv\Searches\winrt--{S-1-5-21-602162358-764733703-839522115-350558}-.searchconnector-ms</t>
  </si>
  <si>
    <t>b9abca8c-040a-4f29-8210-48d12b33eecb.tmp</t>
  </si>
  <si>
    <t>\\acsfs\profiles$\rafaelamsv\Downloads\b9abca8c-040a-4f29-8210-48d12b33eecb.tmp</t>
  </si>
  <si>
    <t>1694094d-21d2-426c-bd02-a894acb8c2ba.tmp</t>
  </si>
  <si>
    <t>\\acsfs\profiles$\rafaelamsv\Downloads\1694094d-21d2-426c-bd02-a894acb8c2ba.tmp</t>
  </si>
  <si>
    <t>pabliness</t>
  </si>
  <si>
    <t>bc7e783f-27ac-436a-ae2f-cdcdb7903359.tmp</t>
  </si>
  <si>
    <t>\\acsfs\profiles$\laylaams\Downloads\bc7e783f-27ac-436a-ae2f-cdcdb7903359.tmp</t>
  </si>
  <si>
    <t>1b4e4ec1-daae-4249-a3a2-9b0a21f27c3a.tmp</t>
  </si>
  <si>
    <t>\\acsfs\profiles$\laylaams\Downloads\1b4e4ec1-daae-4249-a3a2-9b0a21f27c3a.tmp</t>
  </si>
  <si>
    <t>.~lock.Vendas de dezembro.ods#</t>
  </si>
  <si>
    <t>\\acsfs\profiles$\ALEXANDREMM\.~lock.Vendas de dezembro.ods#</t>
  </si>
  <si>
    <t>lu175082bqk7x.tmp</t>
  </si>
  <si>
    <t>\\acsfs\profiles$\ALEXANDREMM\lu175082bqk7x.tmp</t>
  </si>
  <si>
    <t>\\acsfs\profiles$\ALEXANDREMM\lu175082bqk7x.tmp\</t>
  </si>
  <si>
    <t>\\acsfs\profiles$\ALEXANDREMM\lu175082bqk7x.tmp\META-INF\</t>
  </si>
  <si>
    <t>\\acsfs\profiles$\ALEXANDREMM\lu175082bqk7x.tmp\Thumbnails\</t>
  </si>
  <si>
    <t>lu175082bqk80.tmp</t>
  </si>
  <si>
    <t>\\acsfs\profiles$\ALEXANDREMM\lu175082bqk80.tmp</t>
  </si>
  <si>
    <t>\\acsfs\profiles$\ALEXANDREMM\lu175082bqk80.tmp\</t>
  </si>
  <si>
    <t>\\acsfs\profiles$\ALEXANDREMM\lu175082bqk80.tmp\META-INF\</t>
  </si>
  <si>
    <t>\\acsfs\profiles$\ALEXANDREMM\lu175082bqk80.tmp\Thumbnails\</t>
  </si>
  <si>
    <t>9af8285b-bf5b-4e1a-96c4-3875df7ed3cf.tmp</t>
  </si>
  <si>
    <t>\\acsfs\profiles$\ANAPDSB\Downloads\9af8285b-bf5b-4e1a-96c4-3875df7ed3cf.tmp</t>
  </si>
  <si>
    <t>beb4ac8e-2d81-4fc3-8c45-b77663730935.tmp</t>
  </si>
  <si>
    <t>\\acsfs\profiles$\ANAPDSB\Downloads\beb4ac8e-2d81-4fc3-8c45-b77663730935.tmp</t>
  </si>
  <si>
    <t>lu175082bqk83.tmp</t>
  </si>
  <si>
    <t>\\acsfs\profiles$\ALEXANDREMM\lu175082bqk83.tmp</t>
  </si>
  <si>
    <t>\\acsfs\profiles$\ALEXANDREMM\lu175082bqk83.tmp\</t>
  </si>
  <si>
    <t>\\acsfs\profiles$\ALEXANDREMM\lu175082bqk83.tmp\META-INF\</t>
  </si>
  <si>
    <t>\\acsfs\profiles$\ALEXANDREMM\lu175082bqk83.tmp\Thumbnails\</t>
  </si>
  <si>
    <t>lu175082bqk86.tmp</t>
  </si>
  <si>
    <t>\\acsfs\profiles$\ALEXANDREMM\lu175082bqk86.tmp</t>
  </si>
  <si>
    <t>\\acsfs\profiles$\ALEXANDREMM\lu175082bqk86.tmp\</t>
  </si>
  <si>
    <t>\\acsfs\profiles$\ALEXANDREMM\lu175082bqk86.tmp\META-INF\</t>
  </si>
  <si>
    <t>\\acsfs\profiles$\ALEXANDREMM\lu175082bqk86.tmp\Thumbnails\</t>
  </si>
  <si>
    <t>c4de83ff-2eb4-4697-9eb8-c9977dec5f97.tmp</t>
  </si>
  <si>
    <t>\\acsfs\profiles$\matheusmax\Downloads\c4de83ff-2eb4-4697-9eb8-c9977dec5f97.tmp</t>
  </si>
  <si>
    <t>48867d17-dac6-4639-a2f7-fb863616e5df.tmp</t>
  </si>
  <si>
    <t>\\acsfs\profiles$\matheusmax\Downloads\48867d17-dac6-4639-a2f7-fb863616e5df.tmp</t>
  </si>
  <si>
    <t>56fa3eff-e17a-496c-b817-3eca81c54d74.tmp</t>
  </si>
  <si>
    <t>\\acsfs\profiles$\fabianobmf\Downloads\56fa3eff-e17a-496c-b817-3eca81c54d74.tmp</t>
  </si>
  <si>
    <t>7808ece9-651d-42ca-854d-01dca577ee0f.tmp</t>
  </si>
  <si>
    <t>\\acsfs\profiles$\fabianobmf\Downloads\7808ece9-651d-42ca-854d-01dca577ee0f.tmp</t>
  </si>
  <si>
    <t>lu194442i5u4e.tmp</t>
  </si>
  <si>
    <t>\\acsfs\profiles$\jonathanwap\lu194442i5u4e.tmp</t>
  </si>
  <si>
    <t>\\acsfs\profiles$\jonathanwap\lu194442i5u4e.tmp\</t>
  </si>
  <si>
    <t>\\acsfs\profiles$\jonathanwap\lu194442i5u4e.tmp\META-INF\</t>
  </si>
  <si>
    <t>\\acsfs\profiles$\jonathanwap\lu194442i5u4e.tmp\Thumbnails\</t>
  </si>
  <si>
    <t>9d766ff3-cecd-4b20-8896-a2a056c320db.tmp</t>
  </si>
  <si>
    <t>\\acsfs\profiles$\laylaams\Downloads\9d766ff3-cecd-4b20-8896-a2a056c320db.tmp</t>
  </si>
  <si>
    <t>lu175082bqk89.tmp</t>
  </si>
  <si>
    <t>\\acsfs\profiles$\ALEXANDREMM\lu175082bqk89.tmp</t>
  </si>
  <si>
    <t>\\acsfs\profiles$\ALEXANDREMM\lu175082bqk89.tmp\</t>
  </si>
  <si>
    <t>\\acsfs\profiles$\ALEXANDREMM\lu175082bqk89.tmp\META-INF\</t>
  </si>
  <si>
    <t>\\acsfs\profiles$\ALEXANDREMM\lu175082bqk89.tmp\Thumbnails\</t>
  </si>
  <si>
    <t>jessicafdq@algartech.com.br;</t>
  </si>
  <si>
    <t>RES: Painel BO Contas Novas AEB - Fechamento Dezembro/19.</t>
  </si>
  <si>
    <t>Cópia de BO Contas Novas AEB - Dezembro 2019_.xlsx</t>
  </si>
  <si>
    <t>jessicafdq@algartech.com.br</t>
  </si>
  <si>
    <t>b35e1f08-14ea-4857-8ead-c1956cc546e9.tmp</t>
  </si>
  <si>
    <t>\\acsfs\profiles$\matheusmax\Downloads\b35e1f08-14ea-4857-8ead-c1956cc546e9.tmp</t>
  </si>
  <si>
    <t>39537dee-6477-4909-b1d8-db63fd1a8f02.tmp</t>
  </si>
  <si>
    <t>\\acsfs\profiles$\vivianibfs\Downloads\39537dee-6477-4909-b1d8-db63fd1a8f02.tmp</t>
  </si>
  <si>
    <t>d1a247a1-500a-4e5b-9f4e-a84bc9827f98.tmp</t>
  </si>
  <si>
    <t>\\acsfs\profiles$\vivianibfs\Downloads\d1a247a1-500a-4e5b-9f4e-a84bc9827f98.tmp</t>
  </si>
  <si>
    <t>c0b28671-3b06-49d1-bb22-606b29b3ec1b.tmp</t>
  </si>
  <si>
    <t>\\acsfs\profiles$\vivianibfs\Downloads\c0b28671-3b06-49d1-bb22-606b29b3ec1b.tmp</t>
  </si>
  <si>
    <t>72bd8d24-5951-4a16-83a3-889e758ef9f8.tmp</t>
  </si>
  <si>
    <t>\\acsfs\profiles$\vivianibfs\Downloads\72bd8d24-5951-4a16-83a3-889e758ef9f8.tmp</t>
  </si>
  <si>
    <t>2b6c5f06-7a8e-451a-b4e2-566f81843325.tmp</t>
  </si>
  <si>
    <t>\\acsfs\profiles$\vivianibfs\Downloads\2b6c5f06-7a8e-451a-b4e2-566f81843325.tmp</t>
  </si>
  <si>
    <t>https://vimeo.com/manage/videos?action=action_log_performance</t>
  </si>
  <si>
    <t>95da6c18-94c6-482e-a4fc-d379f9cd0a22.tmp</t>
  </si>
  <si>
    <t>\\acsfs\profiles$\andreapdsg\Downloads\95da6c18-94c6-482e-a4fc-d379f9cd0a22.tmp</t>
  </si>
  <si>
    <t>julianeas</t>
  </si>
  <si>
    <t>\\acsfs\profiles$\julianeas\My Documents\My Videos\</t>
  </si>
  <si>
    <t>\\acsfs\profiles$\julianeas\My Documents\My Videos\desktop.ini</t>
  </si>
  <si>
    <t>\\acsfs\profiles$\julianeas\My Documents\My Pictures\</t>
  </si>
  <si>
    <t>\\acsfs\profiles$\julianeas\My Documents\My Pictures\desktop.ini</t>
  </si>
  <si>
    <t>\\acsfs\profiles$\julianeas\Contacts\</t>
  </si>
  <si>
    <t>\\acsfs\profiles$\julianeas\Contacts\desktop.ini</t>
  </si>
  <si>
    <t>\\acsfs\profiles$\julianeas\Favorites\</t>
  </si>
  <si>
    <t>\\acsfs\profiles$\julianeas\Favorites\desktop.ini</t>
  </si>
  <si>
    <t>Nayaranao</t>
  </si>
  <si>
    <t>\\acsfs\profiles$\Nayaranao\My Documents\My Pictures\</t>
  </si>
  <si>
    <t>\\acsfs\profiles$\Nayaranao\My Documents\My Videos\desktop.ini</t>
  </si>
  <si>
    <t>\\acsfs\profiles$\Nayaranao\My Documents\My Videos\</t>
  </si>
  <si>
    <t>\\acsfs\profiles$\Nayaranao\My Documents\My Music\</t>
  </si>
  <si>
    <t>\\acsfs\profiles$\Nayaranao\My Documents\My Pictures\desktop.ini</t>
  </si>
  <si>
    <t>\\acsfs\profiles$\nayaranao\My Documents\My Videos\</t>
  </si>
  <si>
    <t>\\acsfs\profiles$\Nayaranao\Contacts\</t>
  </si>
  <si>
    <t>\\acsfs\profiles$\Nayaranao\Contacts\desktop.ini</t>
  </si>
  <si>
    <t>\\acsfs\profiles$\nayaranao\My Documents\</t>
  </si>
  <si>
    <t>\\acsfs\profiles$\Nayaranao\Favorites\desktop.ini</t>
  </si>
  <si>
    <t>\\acsfs\profiles$\Nayaranao\My Documents\My Music\desktop.ini</t>
  </si>
  <si>
    <t>\\acsfs\profiles$\Nayaranao\Searches\</t>
  </si>
  <si>
    <t>\\acsfs\profiles$\Nayaranao\Searches\desktop.ini</t>
  </si>
  <si>
    <t>\\acsfs\profiles$\Nayaranao\Downloads\</t>
  </si>
  <si>
    <t>\\acsfs\profiles$\Nayaranao\Downloads\desktop.ini</t>
  </si>
  <si>
    <t>\\acsfs\profiles$\Nayaranao\Favorites\</t>
  </si>
  <si>
    <t>\\acsfs\profiles$\Nayaranao\My Documents\desktop.ini</t>
  </si>
  <si>
    <t>\\acsfs\profiles$\Nayaranao\My Documents\</t>
  </si>
  <si>
    <t>\\acsfs\profiles$\Nayaranao\Saved Games\desktop.ini</t>
  </si>
  <si>
    <t>winrt--{S-1-5-21-602162358-764733703-839522115-358573}-.searchconnector-ms</t>
  </si>
  <si>
    <t>\\acsfs\profiles$\Nayaranao\Searches\winrt--{S-1-5-21-602162358-764733703-839522115-358573}-.searchconnector-ms</t>
  </si>
  <si>
    <t>499e7031-5fed-44da-8c1c-b44004bbcc95.tmp</t>
  </si>
  <si>
    <t>\\acsfs\profiles$\andreapdsg\Downloads\499e7031-5fed-44da-8c1c-b44004bbcc95.tmp</t>
  </si>
  <si>
    <t>\\acsfs\profiles$\julianeas\My Documents\My Music\</t>
  </si>
  <si>
    <t>\\acsfs\profiles$\julianeas\My Documents\My Music\desktop.ini</t>
  </si>
  <si>
    <t>\\acsfs\profiles$\julianeas\Searches\</t>
  </si>
  <si>
    <t>\\acsfs\profiles$\julianeas\Searches\desktop.ini</t>
  </si>
  <si>
    <t>\\acsfs\profiles$\julianeas\Downloads\</t>
  </si>
  <si>
    <t>\\acsfs\profiles$\julianeas\Downloads\desktop.ini</t>
  </si>
  <si>
    <t>\\acsfs\profiles$\julianeas\My Documents\</t>
  </si>
  <si>
    <t>\\acsfs\profiles$\julianeas\My Documents\desktop.ini</t>
  </si>
  <si>
    <t>\\acsfs\profiles$\julianeas\Saved Games\</t>
  </si>
  <si>
    <t>\\acsfs\profiles$\julianeas\Saved Games\desktop.ini</t>
  </si>
  <si>
    <t>winrt--{S-1-5-21-602162358-764733703-839522115-358578}-.searchconnector-ms</t>
  </si>
  <si>
    <t>\\acsfs\profiles$\julianeas\Searches\winrt--{S-1-5-21-602162358-764733703-839522115-358578}-.searchconnector-ms</t>
  </si>
  <si>
    <t>05246cb6-ee00-4bbe-a4f9-1cedc831899b.tmp</t>
  </si>
  <si>
    <t>\\acsfs\profiles$\Nayaranao\Downloads\05246cb6-ee00-4bbe-a4f9-1cedc831899b.tmp</t>
  </si>
  <si>
    <t>bb74e10a-075a-4077-90f6-2210a34b5269.tmp</t>
  </si>
  <si>
    <t>\\acsfs\profiles$\Nayaranao\Downloads\bb74e10a-075a-4077-90f6-2210a34b5269.tmp</t>
  </si>
  <si>
    <t>1d04eaa2-7082-4b60-8a44-57cac316b155.tmp</t>
  </si>
  <si>
    <t>\\acsfs\profiles$\andreapdsg\Downloads\1d04eaa2-7082-4b60-8a44-57cac316b155.tmp</t>
  </si>
  <si>
    <t>pauliniaacs@algartech.com.br;</t>
  </si>
  <si>
    <t>RES: Produtividade CRCe - Fechamento</t>
  </si>
  <si>
    <t>Produtividade CRC Amex e CRC VMC - Dezembro (003).zip\</t>
  </si>
  <si>
    <t>Produtividade CRC Amex e CRC VMC - Dezembro (003).xlsb</t>
  </si>
  <si>
    <t>pauliniaacs@algartech.com.br</t>
  </si>
  <si>
    <t>22ba79d8-81d4-4a79-8a35-5ded20db7bb4.tmp</t>
  </si>
  <si>
    <t>\\acsfs\profiles$\matheusmax\Downloads\22ba79d8-81d4-4a79-8a35-5ded20db7bb4.tmp</t>
  </si>
  <si>
    <t>3d6e400a-7a46-426a-965e-e2a5b0882acb.tmp</t>
  </si>
  <si>
    <t>\\acsfs\profiles$\andreapdsg\Downloads\3d6e400a-7a46-426a-965e-e2a5b0882acb.tmp</t>
  </si>
  <si>
    <t>f4d4bf5c-1985-4798-98a4-ec1b31ffa559.tmp</t>
  </si>
  <si>
    <t>\\acsfs\profiles$\julianeas\Downloads\f4d4bf5c-1985-4798-98a4-ec1b31ffa559.tmp</t>
  </si>
  <si>
    <t>Não confirmado 954539.crdownload</t>
  </si>
  <si>
    <t>\\acsfs\profiles$\julianeas\Downloads\Não confirmado 954539.crdownload</t>
  </si>
  <si>
    <t>c09fd2af-945e-4dee-ac96-995a1e95301b.tmp</t>
  </si>
  <si>
    <t>\\acsfs\profiles$\vivianibfs\Downloads\c09fd2af-945e-4dee-ac96-995a1e95301b.tmp</t>
  </si>
  <si>
    <t>06d6b9aa-66b7-4b1c-94b2-6a967495d4a7.tmp</t>
  </si>
  <si>
    <t>\\acsfs\profiles$\vivianibfs\Downloads\06d6b9aa-66b7-4b1c-94b2-6a967495d4a7.tmp</t>
  </si>
  <si>
    <t>ligiagb@algartech.com.br;vivianega@algartech.com.br;</t>
  </si>
  <si>
    <t>RES: ::::: Apuração das Metas do 2º semestre de 2019 :::::</t>
  </si>
  <si>
    <t>DADOS.xlsx</t>
  </si>
  <si>
    <t>ligiagb@algartech.com.br,vivianega@algartech.com.br</t>
  </si>
  <si>
    <t>9a26c48a-ef7b-472c-b96b-38a40408cc72.tmp</t>
  </si>
  <si>
    <t>\\acsfs\profiles$\andreapdsg\Downloads\9a26c48a-ef7b-472c-b96b-38a40408cc72.tmp</t>
  </si>
  <si>
    <t>JALILE BARBARA DA SILVA (15).contact</t>
  </si>
  <si>
    <t>\\acsfs\profiles$\jalilebds\Contacts\JALILE BARBARA DA SILVA (15).contact</t>
  </si>
  <si>
    <t>\\acsfs\profiles$\jalilebds\Saved Games\</t>
  </si>
  <si>
    <t>\\acsfs\profiles$\JALILEBDS\Favorites\Links for Brasil\</t>
  </si>
  <si>
    <t>\\acsfs\profiles$\JALILEBDS\Favorites\Links for Brasil\desktop.ini</t>
  </si>
  <si>
    <t>\\acsfs\profiles$\JALILEBDS\Favorites\Links for Brasil\Microsoft Brasil.url</t>
  </si>
  <si>
    <t>\\acsfs\profiles$\JALILEBDS\Favorites\Links for Brasil\Windows Brasil.url</t>
  </si>
  <si>
    <t>\\acsfs\profiles$\JALILEBDS\Favorites\Links for Brasil\MSN Brasil.url</t>
  </si>
  <si>
    <t>\\acsfs\profiles$\JALILEBDS\Downloads\</t>
  </si>
  <si>
    <t>filas 1721 1725 e 1724 a tratar (1).xlsx</t>
  </si>
  <si>
    <t>\\acsfs\profiles$\JALILEBDS\Downloads\filas 1721 1725 e 1724 a tratar (1).xlsx</t>
  </si>
  <si>
    <t>http:///batch/drive/v2internal?%24ct=multipart%2Fmixed%3B%20boundary%3D%22%3D%3D%3D%3D%3D2tu7uuyq68t2%3D%3D%3D%3D%3D%22&amp;key=AIzaSyAy9VVXHSpS2IJpptzYtGbLP3-3_l0aBk4</t>
  </si>
  <si>
    <t>ancestorhasaugmentedpermissions;containsunsubscribedchildren;displaynam;displayname;domain;emailaddress;filesize;hasthumbnail;hasvisitorpermissions;id;id);items(kind;ken;lastmodifyinguser(kind;lastviewedbymedate;modifiedbymedate;modifieddate;ontainsunsubscribedchildren;owners(kind;permissionid;picture;thumbnailversion;title;</t>
  </si>
  <si>
    <t>http://ancestorhasaugmentedpermissions,containsunsubscribedchildren,displaynam,displayname,domain,emailaddress,filesize,hasthumbnail,hasvisitorpermissions,id,id),items(kind,ken,lastmodifyinguser(kind,lastviewedbymedate,modifiedbymedate,modifieddate,ontainsunsubscribedchildren,owners(kind,permissionid,picture,thumbnailversion,title</t>
  </si>
  <si>
    <t>http:///batch/drive/v2internal?%24ct=multipart%2Fmixed%3B%20boundary%3D%22%3D%3D%3D%3D%3D2u85jo1j9x1%3D%3D%3D%3D%3D%22&amp;key=AIzaSyAy9VVXHSpS2IJpptzYtGbLP3-3_l0aBk4</t>
  </si>
  <si>
    <t>http:///batch/drive/v2internal?%24ct=multipart%2Fmixed%3B%20boundary%3D%22%3D%3D%3D%3D%3Da1jrlqbc5tly%3D%3D%3D%3D%3D%22&amp;key=AIzaSyAy9VVXHSpS2IJpptzYtGbLP3-3_l0aBk4</t>
  </si>
  <si>
    <t>ancestorhasaugmen;containsunsubscribedchildren;displayname;domain;emailaddress;emailaddress�;filesize;hasvisitorpermissions;id);items(kind;ken;lastmodifyinguser(kind;lastviewedbymedate;modifiedbymedate;modifieddate;ontainsunsubscribedchildren;owners(kind;permissionid;picture;</t>
  </si>
  <si>
    <t>http://ancestorhasaugmen,containsunsubscribedchildren,displayname,domain,emailaddress,emailaddress�,filesize,hasvisitorpermissions,id),items(kind,ken,lastmodifyinguser(kind,lastviewedbymedate,modifiedbymedate,modifieddate,ontainsunsubscribedchildren,owners(kind,permissionid,picture</t>
  </si>
  <si>
    <t>http:///batch/drive/v2internal?%24ct=multipart%2Fmixed%3B%20boundary%3D%22%3D%3D%3D%3D%3D9v7x3uf64yrh%3D%3D%3D%3D%3D%22&amp;key=AIzaSyAy9VVXHSpS2IJpptzYtGbLP3-3_l0aBk4</t>
  </si>
  <si>
    <t>ancestorhasaugmen;ancestorhasaugmentedpermissions;containsunsubscribedchildren;dis;displayname;domain;emailaddress;emailaddress�;explicitlytrashe;file(kind;fileid;filesize;hasthumbnail;hasvisitorpermissions;id;id);items(deleted;items(kind;ken;kind;lastmodifyinguser(kind;lastviewedbymedate;modifiedbymedate;modifieddate;ontainsunsubscribedchildren;owners(kind;permissionid;picture;shared;sharedwithmedate;thumbnailversion;title;userpermission(role);</t>
  </si>
  <si>
    <t>http://ancestorhasaugmen,ancestorhasaugmentedpermissions,containsunsubscribedchildren,dis,displayname,domain,emailaddress,emailaddress�,explicitlytrashe,file(kind,fileid,filesize,hasthumbnail,hasvisitorpermissions,id,id),items(deleted,items(kind,ken,kind,lastmodifyinguser(kind,lastviewedbymedate,modifiedbymedate,modifieddate,ontainsunsubscribedchildren,owners(kind,permissionid,picture,shared,sharedwithmedate,thumbnailversion,title,userpermission(role)</t>
  </si>
  <si>
    <t>http:///batch/drive/v2internal?%24ct=multipart%2Fmixed%3B%20boundary%3D%22%3D%3D%3D%3D%3D56bxdhjljjgp%3D%3D%3D%3D%3D%22&amp;key=AIzaSyAy9VVXHSpS2IJpptzYtGbLP3-3_l0aBk4</t>
  </si>
  <si>
    <t>ancestorhasaugmentedpermissions;containsunsubscribedchildren;dis;displayname;domain;emailaddress;explicitlytrashe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;</t>
  </si>
  <si>
    <t>http://ancestorhasaugmentedpermissions,containsunsubscribedchildren,dis,displayname,domain,emailaddress,explicitlytrashe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</t>
  </si>
  <si>
    <t>http:///batch/drive/v2internal?%24ct=multipart%2Fmixed%3B%20boundary%3D%22%3D%3D%3D%3D%3D5p22j9kw4dk5%3D%3D%3D%3D%3D%22&amp;key=AIzaSyAy9VVXHSpS2IJpptzYtGbLP3-3_l0aBk4</t>
  </si>
  <si>
    <t>matheuscm</t>
  </si>
  <si>
    <t>05afd278-8fcc-45ef-83d3-57dc100e99ad.tmp</t>
  </si>
  <si>
    <t>\\acsfs\profiles$\andreapdsg\Downloads\05afd278-8fcc-45ef-83d3-57dc100e99ad.tmp</t>
  </si>
  <si>
    <t>\\acsfs\profiles$\mariajaf\My Documents\My Videos\</t>
  </si>
  <si>
    <t>\\acsfs\profiles$\mariajaf\My Documents\My Videos\desktop.ini</t>
  </si>
  <si>
    <t>\\acsfs\profiles$\mariajaf\My Documents\My Pictures\</t>
  </si>
  <si>
    <t>\\acsfs\profiles$\mariajaf\My Documents\My Pictures\desktop.ini</t>
  </si>
  <si>
    <t>\\acsfs\profiles$\mariajaf\Contacts\</t>
  </si>
  <si>
    <t>\\acsfs\profiles$\mariajaf\Contacts\desktop.ini</t>
  </si>
  <si>
    <t>\\acsfs\profiles$\mariajaf\Favorites\</t>
  </si>
  <si>
    <t>\\acsfs\profiles$\mariajaf\Favorites\desktop.ini</t>
  </si>
  <si>
    <t>\\acsfs\profiles$\mariajaf\Searches\</t>
  </si>
  <si>
    <t>\\acsfs\profiles$\mariajaf\Searches\desktop.ini</t>
  </si>
  <si>
    <t>\\acsfs\profiles$\mariajaf\Downloads\desktop.ini</t>
  </si>
  <si>
    <t>\\acsfs\profiles$\mariajaf\My Documents\</t>
  </si>
  <si>
    <t>\\acsfs\profiles$\mariajaf\My Documents\desktop.ini</t>
  </si>
  <si>
    <t>\\acsfs\profiles$\mariajaf\Saved Games\</t>
  </si>
  <si>
    <t>\\acsfs\profiles$\mariajaf\Saved Games\desktop.ini</t>
  </si>
  <si>
    <t>winrt--{S-1-5-21-602162358-764733703-839522115-358564}-.searchconnector-ms</t>
  </si>
  <si>
    <t>\\acsfs\profiles$\mariajaf\Searches\winrt--{S-1-5-21-602162358-764733703-839522115-358564}-.searchconnector-ms</t>
  </si>
  <si>
    <t>78c4aadf-8bd8-40a0-b808-bf31e494bb67.tmp</t>
  </si>
  <si>
    <t>\\acsfs\profiles$\leandromsa\Downloads\78c4aadf-8bd8-40a0-b808-bf31e494bb67.tmp</t>
  </si>
  <si>
    <t>855596ae-14fc-4f0f-874a-593f9f48caee.tmp</t>
  </si>
  <si>
    <t>\\acsfs\profiles$\mariajaf\Downloads\855596ae-14fc-4f0f-874a-593f9f48caee.tmp</t>
  </si>
  <si>
    <t>ffc967e5-7ce0-4457-a05d-a0fecc588326.tmp</t>
  </si>
  <si>
    <t>\\acsfs\profiles$\mariajaf\Downloads\ffc967e5-7ce0-4457-a05d-a0fecc588326.tmp</t>
  </si>
  <si>
    <t>04fa815a-c570-44e3-80f2-afbc21c49b10.tmp</t>
  </si>
  <si>
    <t>\\acsfs\profiles$\leandromsa\Downloads\04fa815a-c570-44e3-80f2-afbc21c49b10.tmp</t>
  </si>
  <si>
    <t>\\acsfs\profiles$\adrieledgc\My Documents\My Pictures\</t>
  </si>
  <si>
    <t>\\acsfs\profiles$\adrieledgc\My Documents\My Videos\desktop.ini</t>
  </si>
  <si>
    <t>\\acsfs\profiles$\adrieledgc\My Documents\My Videos\</t>
  </si>
  <si>
    <t>\\acsfs\profiles$\adrieledgc\My Documents\My Music\</t>
  </si>
  <si>
    <t>\\acsfs\profiles$\adrieledgc\My Documents\My Pictures\desktop.ini</t>
  </si>
  <si>
    <t>\\acsfs\profiles$\adrieledgc\Contacts\</t>
  </si>
  <si>
    <t>\\acsfs\profiles$\adrieledgc\Contacts\desktop.ini</t>
  </si>
  <si>
    <t>\\acsfs\profiles$\adrieledgc\My Documents\</t>
  </si>
  <si>
    <t>\\acsfs\profiles$\adrieledgc\Favorites\desktop.ini</t>
  </si>
  <si>
    <t>\\acsfs\profiles$\adrieledgc\My Documents\My Music\desktop.ini</t>
  </si>
  <si>
    <t>\\acsfs\profiles$\adrieledgc\Searches\</t>
  </si>
  <si>
    <t>\\acsfs\profiles$\adrieledgc\Searches\desktop.ini</t>
  </si>
  <si>
    <t>C:\Users\adrieledgc\Desktop\</t>
  </si>
  <si>
    <t>\\acsfs\profiles$\adrieledgc\Downloads\desktop.ini</t>
  </si>
  <si>
    <t>\\acsfs\profiles$\adrieledgc\Favorites\</t>
  </si>
  <si>
    <t>\\acsfs\profiles$\adrieledgc\My Documents\desktop.ini</t>
  </si>
  <si>
    <t>\\acsfs\profiles$\adrieledgc\Downloads\</t>
  </si>
  <si>
    <t>\\acsfs\profiles$\adrieledgc\Saved Games\desktop.ini</t>
  </si>
  <si>
    <t>winrt--{S-1-5-21-602162358-764733703-839522115-342471}-.searchconnector-ms</t>
  </si>
  <si>
    <t>\\acsfs\profiles$\adrieledgc\Searches\winrt--{S-1-5-21-602162358-764733703-839522115-342471}-.searchconnector-ms</t>
  </si>
  <si>
    <t>10.200.67.225</t>
  </si>
  <si>
    <t>D0-94-66-B5-7F-81</t>
  </si>
  <si>
    <t>VOTORANT-PB018</t>
  </si>
  <si>
    <t>cfd7e925-862d-40f9-9491-b4f1ef03103f.tmp</t>
  </si>
  <si>
    <t>\\acsfs\profiles$\Adrieledgc\Downloads\cfd7e925-862d-40f9-9491-b4f1ef03103f.tmp</t>
  </si>
  <si>
    <t>09d3196a-ca81-4b92-8b11-d5f696efc6d0.tmp</t>
  </si>
  <si>
    <t>\\acsfs\profiles$\Adrieledgc\Downloads\09d3196a-ca81-4b92-8b11-d5f696efc6d0.tmp</t>
  </si>
  <si>
    <t>06ec25a2-275e-44d0-bd3d-0ffdb3ce2684.tmp</t>
  </si>
  <si>
    <t>\\acsfs\profiles$\Adrieledgc\Downloads\06ec25a2-275e-44d0-bd3d-0ffdb3ce2684.tmp</t>
  </si>
  <si>
    <t>4eab9781-e512-472d-a7d7-e0432d29f09d.tmp</t>
  </si>
  <si>
    <t>\\acsfs\profiles$\Adrieledgc\Downloads\4eab9781-e512-472d-a7d7-e0432d29f09d.tmp</t>
  </si>
  <si>
    <t>5a4097cd-5766-4f3d-9b55-ce0718370527.tmp</t>
  </si>
  <si>
    <t>\\acsfs\profiles$\leandromsa\Downloads\5a4097cd-5766-4f3d-9b55-ce0718370527.tmp</t>
  </si>
  <si>
    <t>elidapol@algartech.com.br;equipefabi@algartech.com.br;fabianapm@algartech.com;ideniraa@algartech.com.br;lucianaas@algartech.com.br;tecnicospj@algartech.com.br;vivianega@algartech.com;</t>
  </si>
  <si>
    <t>Usuários.xlsx</t>
  </si>
  <si>
    <t>elidapol@algartech.com.br,equipefabi@algartech.com.br,fabianapm@algartech.com,ideniraa@algartech.com.br,lucianaas@algartech.com.br,tecnicospj@algartech.com.br,vivianega@algartech.com</t>
  </si>
  <si>
    <t>7ed1ff9d-fd47-4df4-90f3-a39a5b4675f1.tmp</t>
  </si>
  <si>
    <t>\\acsfs\profiles$\matheusmax\Downloads\7ed1ff9d-fd47-4df4-90f3-a39a5b4675f1.tmp</t>
  </si>
  <si>
    <t>amandafdcs@algartech.com.br;</t>
  </si>
  <si>
    <t>Cópia de OFICIAL_ANALISAR FILAS DE RETORNO (002).xlsx</t>
  </si>
  <si>
    <t>87950d27-c611-481b-9643-39ac49b57c92.tmp</t>
  </si>
  <si>
    <t>\\acsfs\profiles$\andreapdsg\Downloads\87950d27-c611-481b-9643-39ac49b57c92.tmp</t>
  </si>
  <si>
    <t>57580a53-2687-4ab4-b887-329aaf0e6239.tmp</t>
  </si>
  <si>
    <t>\\acsfs\profiles$\andreapdsg\Downloads\57580a53-2687-4ab4-b887-329aaf0e6239.tmp</t>
  </si>
  <si>
    <t>190b15b5-c935-4386-af09-0a0adc988f58.tmp</t>
  </si>
  <si>
    <t>\\acsfs\profiles$\Nayaranao\Downloads\190b15b5-c935-4386-af09-0a0adc988f58.tmp</t>
  </si>
  <si>
    <t>914bad0e-3a6a-4bfb-91a8-2c4ec06d9279.tmp</t>
  </si>
  <si>
    <t>\\acsfs\profiles$\matheusmax\Downloads\914bad0e-3a6a-4bfb-91a8-2c4ec06d9279.tmp</t>
  </si>
  <si>
    <t>ulog_AcroARM2_Reader_3b8210f9-3618-47e4-b9cc-5aaaba62831a_880e9851-7f95-4a00-8e7b-1aea022a2bb9_0.log</t>
  </si>
  <si>
    <t>C:\Users\flaviacno\AppData\Roaming\Adobe\LogTransport2\Logs\ulog_AcroARM2_Reader_3b8210f9-3618-47e4-b9cc-5aaaba62831a_880e9851-7f95-4a00-8e7b-1aea022a2bb9_0.log\</t>
  </si>
  <si>
    <t>bc1434a5-36a3-4569-957e-92d7d0f2282a.tmp</t>
  </si>
  <si>
    <t>\\acsfs\profiles$\fabianobmf\Downloads\bc1434a5-36a3-4569-957e-92d7d0f2282a.tmp</t>
  </si>
  <si>
    <t>120c035c-e6c0-4597-834c-d9b811ed4bf9.tmp</t>
  </si>
  <si>
    <t>\\acsfs\profiles$\fabianobmf\Downloads\120c035c-e6c0-4597-834c-d9b811ed4bf9.tmp</t>
  </si>
  <si>
    <t>32922437-b15b-4c93-973e-80e5dad47039.tmp</t>
  </si>
  <si>
    <t>\\acsfs\profiles$\Nayaranao\Downloads\32922437-b15b-4c93-973e-80e5dad47039.tmp</t>
  </si>
  <si>
    <t>eb1cabab-4fb9-41fd-a5c1-a63248eb2e72.tmp</t>
  </si>
  <si>
    <t>\\acsfs\profiles$\Adrieledgc\Downloads\eb1cabab-4fb9-41fd-a5c1-a63248eb2e72.tmp</t>
  </si>
  <si>
    <t>lu10920n27s.tmp</t>
  </si>
  <si>
    <t>\\acsfs\profiles$\MARILIAFPLB\ATIVO\lu10920n27s.tmp</t>
  </si>
  <si>
    <t>\\acsfs\profiles$\MARILIAFPLB\ATIVO\lu10920n27s.tmp\</t>
  </si>
  <si>
    <t>\\acsfs\profiles$\MARILIAFPLB\ATIVO\lu10920n27s.tmp\META-INF\</t>
  </si>
  <si>
    <t>\\acsfs\profiles$\MARILIAFPLB\ATIVO\lu10920n27s.tmp\Thumbnails\</t>
  </si>
  <si>
    <t>0bbff00a-8654-4c40-accb-b6e74cf8026e.tmp</t>
  </si>
  <si>
    <t>\\acsfs\profiles$\jalilebds\Downloads\0bbff00a-8654-4c40-accb-b6e74cf8026e.tmp</t>
  </si>
  <si>
    <t>cbda0f3c-40a1-451c-9e5b-5f4ee5b13642.tmp</t>
  </si>
  <si>
    <t>\\acsfs\profiles$\jalilebds\Downloads\cbda0f3c-40a1-451c-9e5b-5f4ee5b13642.tmp</t>
  </si>
  <si>
    <t>.~lock.filas 1721 1725 e 1724 a tratar (1) (1).xlsx#</t>
  </si>
  <si>
    <t>\\acsfs\profiles$\jalilebds\Downloads\.~lock.filas 1721 1725 e 1724 a tratar (1) (1).xlsx#</t>
  </si>
  <si>
    <t>lu1151628j4qr.tmp</t>
  </si>
  <si>
    <t>\\acsfs\profiles$\jalilebds\Downloads\lu1151628j4qr.tmp</t>
  </si>
  <si>
    <t>lu1151628j4qu.tmp</t>
  </si>
  <si>
    <t>\\acsfs\profiles$\jalilebds\Downloads\lu1151628j4qu.tmp</t>
  </si>
  <si>
    <t>lu1151628j4qx.tmp</t>
  </si>
  <si>
    <t>\\acsfs\profiles$\jalilebds\Downloads\lu1151628j4qx.tmp</t>
  </si>
  <si>
    <t>lu1151628j4r0.tmp</t>
  </si>
  <si>
    <t>\\acsfs\profiles$\jalilebds\Downloads\lu1151628j4r0.tmp</t>
  </si>
  <si>
    <t>lu1151628j4r3.tmp</t>
  </si>
  <si>
    <t>\\acsfs\profiles$\jalilebds\Downloads\lu1151628j4r3.tmp</t>
  </si>
  <si>
    <t>lu1151628j4r6.tmp</t>
  </si>
  <si>
    <t>\\acsfs\profiles$\jalilebds\Downloads\lu1151628j4r6.tmp</t>
  </si>
  <si>
    <t>lu1151628j4r9.tmp</t>
  </si>
  <si>
    <t>\\acsfs\profiles$\jalilebds\Downloads\lu1151628j4r9.tmp</t>
  </si>
  <si>
    <t>lu1151628j4rc.tmp</t>
  </si>
  <si>
    <t>\\acsfs\profiles$\jalilebds\Downloads\lu1151628j4rc.tmp</t>
  </si>
  <si>
    <t>lu1151628j4rf.tmp</t>
  </si>
  <si>
    <t>\\acsfs\profiles$\jalilebds\Downloads\lu1151628j4rf.tmp</t>
  </si>
  <si>
    <t>3c643532-8230-464a-8926-fd7f01bc3ba1.tmp</t>
  </si>
  <si>
    <t>\\acsfs\profiles$\Adrieledgc\Downloads\3c643532-8230-464a-8926-fd7f01bc3ba1.tmp</t>
  </si>
  <si>
    <t>75f23337-27ed-4235-8a09-cae4a33fb84f.tmp</t>
  </si>
  <si>
    <t>\\acsfs\profiles$\rogeriofd\Downloads\75f23337-27ed-4235-8a09-cae4a33fb84f.tmp</t>
  </si>
  <si>
    <t>ac15047b-6c01-4fcc-b796-05fa2bd80241.tmp</t>
  </si>
  <si>
    <t>\\acsfs\profiles$\rogeriofd\Downloads\ac15047b-6c01-4fcc-b796-05fa2bd80241.tmp</t>
  </si>
  <si>
    <t>01002a1c-1b1f-44dc-aecb-e6ea9d2e7778.tmp</t>
  </si>
  <si>
    <t>\\acsfs\profiles$\marlyannegdls\Downloads\01002a1c-1b1f-44dc-aecb-e6ea9d2e7778.tmp</t>
  </si>
  <si>
    <t>8e3a7272-674c-41e3-85c0-1439d641b625.tmp</t>
  </si>
  <si>
    <t>\\acsfs\profiles$\marlyannegdls\Downloads\8e3a7272-674c-41e3-85c0-1439d641b625.tmp</t>
  </si>
  <si>
    <t>lu1151628j4ri.tmp</t>
  </si>
  <si>
    <t>\\acsfs\profiles$\jalilebds\Downloads\lu1151628j4ri.tmp</t>
  </si>
  <si>
    <t>lu1151628j4rl.tmp</t>
  </si>
  <si>
    <t>\\acsfs\profiles$\jalilebds\Downloads\lu1151628j4rl.tmp</t>
  </si>
  <si>
    <t>84ef983f-9493-48e6-b820-d7770ff5158d.tmp</t>
  </si>
  <si>
    <t>\\acsfs\profiles$\jalilebds\Downloads\84ef983f-9493-48e6-b820-d7770ff5158d.tmp</t>
  </si>
  <si>
    <t>.~lock.filas 1721 1725 e 1724 a tratar (1) (1) (1).xlsx#</t>
  </si>
  <si>
    <t>\\acsfs\profiles$\jalilebds\Downloads\.~lock.filas 1721 1725 e 1724 a tratar (1) (1) (1).xlsx#</t>
  </si>
  <si>
    <t>db35c804-a4ed-466d-9898-e35bf1cd6c80.tmp</t>
  </si>
  <si>
    <t>\\acsfs\profiles$\jalilebds\Downloads\db35c804-a4ed-466d-9898-e35bf1cd6c80.tmp</t>
  </si>
  <si>
    <t>.~lock.filas 1721 1725 e 1724 a tratar (1) (2) (1).xlsx#</t>
  </si>
  <si>
    <t>\\acsfs\profiles$\jalilebds\Downloads\.~lock.filas 1721 1725 e 1724 a tratar (1) (2) (1).xlsx#</t>
  </si>
  <si>
    <t>752d896a-fff9-4a3e-a9a8-87bdc02f9745.tmp</t>
  </si>
  <si>
    <t>\\acsfs\profiles$\jalilebds\Downloads\752d896a-fff9-4a3e-a9a8-87bdc02f9745.tmp</t>
  </si>
  <si>
    <t>.~lock.filas 1721 1725 e 1724 a tratar (1) (3).xlsx#</t>
  </si>
  <si>
    <t>\\acsfs\profiles$\jalilebds\Downloads\.~lock.filas 1721 1725 e 1724 a tratar (1) (3).xlsx#</t>
  </si>
  <si>
    <t>35f7aafd-da05-4e3f-b113-bdf00bbc97b2.tmp</t>
  </si>
  <si>
    <t>\\acsfs\profiles$\Adrieledgc\Downloads\35f7aafd-da05-4e3f-b113-bdf00bbc97b2.tmp</t>
  </si>
  <si>
    <t>$IP8MW1P.xlsx</t>
  </si>
  <si>
    <t>\\acsfs\profiles$\jalilebds\Downloads\$RECYCLE.BIN\$IP8MW1P.xlsx</t>
  </si>
  <si>
    <t>$IYLTPK1.xlsx</t>
  </si>
  <si>
    <t>\\acsfs\profiles$\jalilebds\Downloads\$RECYCLE.BIN\$IYLTPK1.xlsx</t>
  </si>
  <si>
    <t>$IX5G46J.xlsx</t>
  </si>
  <si>
    <t>\\acsfs\profiles$\jalilebds\Downloads\$RECYCLE.BIN\$IX5G46J.xlsx</t>
  </si>
  <si>
    <t>$I6PJSH2.xlsx</t>
  </si>
  <si>
    <t>\\acsfs\profiles$\jalilebds\Downloads\$RECYCLE.BIN\$I6PJSH2.xlsx</t>
  </si>
  <si>
    <t>$IV21EL5.xlsx</t>
  </si>
  <si>
    <t>\\acsfs\profiles$\jalilebds\Downloads\$RECYCLE.BIN\$IV21EL5.xlsx</t>
  </si>
  <si>
    <t>$IYMAE7J.xlsx</t>
  </si>
  <si>
    <t>\\acsfs\profiles$\jalilebds\Downloads\$RECYCLE.BIN\$IYMAE7J.xlsx</t>
  </si>
  <si>
    <t>eeafed0f-1a77-4edb-8fef-691a73124521.tmp</t>
  </si>
  <si>
    <t>\\acsfs\profiles$\jalilebds\Downloads\eeafed0f-1a77-4edb-8fef-691a73124521.tmp</t>
  </si>
  <si>
    <t>.~lock.filas 1721 1725 e 1724 JA TRATADOS.xlsx#</t>
  </si>
  <si>
    <t>\\acsfs\profiles$\jalilebds\Downloads\.~lock.filas 1721 1725 e 1724 JA TRATADOS.xlsx#</t>
  </si>
  <si>
    <t>$INSIAIZ.xlsx</t>
  </si>
  <si>
    <t>\\acsfs\profiles$\jalilebds\Downloads\$RECYCLE.BIN\$INSIAIZ.xlsx</t>
  </si>
  <si>
    <t>1265008f-6957-4b77-97f5-f3e745d5c781.tmp</t>
  </si>
  <si>
    <t>\\acsfs\profiles$\ROBERTM\Downloads\1265008f-6957-4b77-97f5-f3e745d5c781.tmp</t>
  </si>
  <si>
    <t>21cc2e68-4fe9-40a3-83ad-dd81570d6651.tmp</t>
  </si>
  <si>
    <t>\\acsfs\profiles$\ROBERTM\Downloads\21cc2e68-4fe9-40a3-83ad-dd81570d6651.tmp</t>
  </si>
  <si>
    <t>63b78ce5-e42a-4208-b787-fcefcca7f440.tmp</t>
  </si>
  <si>
    <t>\\acsfs\profiles$\rogeriofd\Downloads\63b78ce5-e42a-4208-b787-fcefcca7f440.tmp</t>
  </si>
  <si>
    <t>a5694e1e-148a-4264-9846-b6c2ddffcc12.tmp</t>
  </si>
  <si>
    <t>\\acsfs\profiles$\marlyannegdls\Downloads\a5694e1e-148a-4264-9846-b6c2ddffcc12.tmp</t>
  </si>
  <si>
    <t>ef5a5e31-6b4b-4232-8a52-5f9ecb2ec1c0.tmp</t>
  </si>
  <si>
    <t>\\acsfs\profiles$\ROBERTM\Downloads\ef5a5e31-6b4b-4232-8a52-5f9ecb2ec1c0.tmp</t>
  </si>
  <si>
    <t>578846e3-3e08-4d10-8320-39371055ea3a.tmp</t>
  </si>
  <si>
    <t>\\acsfs\profiles$\ROZENCAM\Downloads\578846e3-3e08-4d10-8320-39371055ea3a.tmp</t>
  </si>
  <si>
    <t>e19a6b45-03ad-48e9-8a9e-fc323ac4a812.tmp</t>
  </si>
  <si>
    <t>\\acsfs\profiles$\ROZENCAM\Downloads\e19a6b45-03ad-48e9-8a9e-fc323ac4a812.tmp</t>
  </si>
  <si>
    <t>c42ae7a8-7a1a-4724-8394-018349a849c9.tmp</t>
  </si>
  <si>
    <t>\\acsfs\profiles$\marlyannegdls\Downloads\c42ae7a8-7a1a-4724-8394-018349a849c9.tmp</t>
  </si>
  <si>
    <t>b3d99f6f-b13c-4c38-9468-f3e770acbf52.tmp</t>
  </si>
  <si>
    <t>\\acsfs\profiles$\ROBERTM\Downloads\b3d99f6f-b13c-4c38-9468-f3e770acbf52.tmp</t>
  </si>
  <si>
    <t>2c7d9872-9ce3-4e94-a7d3-b57e0d41fa4e.tmp</t>
  </si>
  <si>
    <t>\\acsfs\profiles$\lucasqdss\Downloads\2c7d9872-9ce3-4e94-a7d3-b57e0d41fa4e.tmp</t>
  </si>
  <si>
    <t>351713be-97f0-4344-aff8-f6c32a0d77c6.tmp</t>
  </si>
  <si>
    <t>\\acsfs\profiles$\lucasqdss\Downloads\351713be-97f0-4344-aff8-f6c32a0d77c6.tmp</t>
  </si>
  <si>
    <t>9c9c179d-c928-465d-9706-553da8e422c8.tmp</t>
  </si>
  <si>
    <t>\\acsfs\profiles$\BRUNAAR\Downloads\9c9c179d-c928-465d-9706-553da8e422c8.tmp</t>
  </si>
  <si>
    <t>a14273a0-2ee3-43ad-9e31-de7c54b75480.tmp</t>
  </si>
  <si>
    <t>\\acsfs\profiles$\danielac\Downloads\a14273a0-2ee3-43ad-9e31-de7c54b75480.tmp</t>
  </si>
  <si>
    <t>92d75162-8868-4d24-b6ba-dcb039702c7d.tmp</t>
  </si>
  <si>
    <t>\\acsfs\profiles$\BRUNAAR\Downloads\92d75162-8868-4d24-b6ba-dcb039702c7d.tmp</t>
  </si>
  <si>
    <t>a327cb62-894f-41bd-89c3-676c4bc3f27f.tmp</t>
  </si>
  <si>
    <t>\\acsfs\profiles$\danielac\Downloads\a327cb62-894f-41bd-89c3-676c4bc3f27f.tmp</t>
  </si>
  <si>
    <t>39f40f04-d40b-48b8-a399-c74e48f8d5fd.tmp</t>
  </si>
  <si>
    <t>\\acsfs\profiles$\danielac\Downloads\39f40f04-d40b-48b8-a399-c74e48f8d5fd.tmp</t>
  </si>
  <si>
    <t>29ce8fc2-d23d-4aed-8159-345671c9f60f.tmp</t>
  </si>
  <si>
    <t>\\acsfs\profiles$\ALYNYA\Downloads\29ce8fc2-d23d-4aed-8159-345671c9f60f.tmp</t>
  </si>
  <si>
    <t>02c6590c-cc9e-41c9-a7d5-395cd253c521.tmp</t>
  </si>
  <si>
    <t>\\acsfs\profiles$\ALYNYA\Downloads\02c6590c-cc9e-41c9-a7d5-395cd253c521.tmp</t>
  </si>
  <si>
    <t>e36b99a8-ba9c-4d1d-a1fe-51b6fef23f6a.tmp</t>
  </si>
  <si>
    <t>\\acsfs\profiles$\sarahbal\Downloads\e36b99a8-ba9c-4d1d-a1fe-51b6fef23f6a.tmp</t>
  </si>
  <si>
    <t>10.200.66.155</t>
  </si>
  <si>
    <t>34-E6-D7-FC-B8-73</t>
  </si>
  <si>
    <t>VOTORANT-MB016</t>
  </si>
  <si>
    <t>esterasg</t>
  </si>
  <si>
    <t>\\acsfs\profiles$\esterasg\Contacts\</t>
  </si>
  <si>
    <t>ESTER APARECIDA SILVA GOULART (30470).contact</t>
  </si>
  <si>
    <t>\\acsfs\profiles$\esterasg\Contacts\ESTER APARECIDA SILVA GOULART (30470).contact</t>
  </si>
  <si>
    <t>\\acsfs\profiles$\esterasg\My Documents\My Videos\</t>
  </si>
  <si>
    <t>\\acsfs\profiles$\esterasg\My Documents\My Videos\desktop.ini</t>
  </si>
  <si>
    <t>\\acsfs\profiles$\esterasg\My Documents\My Pictures\</t>
  </si>
  <si>
    <t>\\acsfs\profiles$\esterasg\My Documents\My Pictures\desktop.ini</t>
  </si>
  <si>
    <t>\\acsfs\profiles$\esterasg\Contacts\desktop.ini</t>
  </si>
  <si>
    <t>\\acsfs\profiles$\esterasg\Favorites\</t>
  </si>
  <si>
    <t>\\acsfs\profiles$\esterasg\Favorites\desktop.ini</t>
  </si>
  <si>
    <t>\\acsfs\profiles$\esterasg\My Documents\My Music\</t>
  </si>
  <si>
    <t>\\acsfs\profiles$\esterasg\My Documents\My Music\desktop.ini</t>
  </si>
  <si>
    <t>\\acsfs\profiles$\esterasg\Searches\</t>
  </si>
  <si>
    <t>\\acsfs\profiles$\esterasg\Searches\desktop.ini</t>
  </si>
  <si>
    <t>\\acsfs\profiles$\esterasg\Downloads\</t>
  </si>
  <si>
    <t>\\acsfs\profiles$\esterasg\Downloads\desktop.ini</t>
  </si>
  <si>
    <t>\\acsfs\profiles$\esterasg\My Documents\</t>
  </si>
  <si>
    <t>\\acsfs\profiles$\esterasg\My Documents\desktop.ini</t>
  </si>
  <si>
    <t>\\acsfs\profiles$\esterasg\Saved Games\</t>
  </si>
  <si>
    <t>\\acsfs\profiles$\esterasg\Saved Games\desktop.ini</t>
  </si>
  <si>
    <t>\\acsfs\profiles$\esterasg\Favorites\Links for Brasil\</t>
  </si>
  <si>
    <t>\\acsfs\profiles$\esterasg\Favorites\Links for Brasil\desktop.ini</t>
  </si>
  <si>
    <t>\\acsfs\profiles$\esterasg\Favorites\Links for Brasil\Microsoft Brasil.url</t>
  </si>
  <si>
    <t>\\acsfs\profiles$\esterasg\Favorites\Links for Brasil\Windows Brasil.url</t>
  </si>
  <si>
    <t>\\acsfs\profiles$\esterasg\Favorites\Links for Brasil\MSN Brasil.url</t>
  </si>
  <si>
    <t>2c6a792e-c054-4c29-826d-d27f58f649dd.tmp</t>
  </si>
  <si>
    <t>\\acsfs\profiles$\anafsb\Downloads\2c6a792e-c054-4c29-826d-d27f58f649dd.tmp</t>
  </si>
  <si>
    <t>a1e55b6a-003b-41aa-91f0-004d8f69af59.tmp</t>
  </si>
  <si>
    <t>\\acsfs\profiles$\anafsb\Downloads\a1e55b6a-003b-41aa-91f0-004d8f69af59.tmp</t>
  </si>
  <si>
    <t>8d423a78-b6c1-43fd-ac23-8ce922083c91.tmp</t>
  </si>
  <si>
    <t>\\acsfs\profiles$\anafsb\Downloads\8d423a78-b6c1-43fd-ac23-8ce922083c91.tmp</t>
  </si>
  <si>
    <t>10.200.67.130</t>
  </si>
  <si>
    <t>78-2B-CB-C1-07-45</t>
  </si>
  <si>
    <t>VOTORANT-PB007</t>
  </si>
  <si>
    <t>46b928ab-d1db-4df9-8cc1-2bde9a3493a2.tmp</t>
  </si>
  <si>
    <t>\\acsfs\profiles$\sarahbal\Downloads\46b928ab-d1db-4df9-8cc1-2bde9a3493a2.tmp</t>
  </si>
  <si>
    <t>a06455ba-f607-4e7c-a3ae-312a24805c2f.tmp</t>
  </si>
  <si>
    <t>\\acsfs\profiles$\ALYNYA\Downloads\a06455ba-f607-4e7c-a3ae-312a24805c2f.tmp</t>
  </si>
  <si>
    <t>10ad303f-ab84-4592-bbd0-aabc9738473e.tmp</t>
  </si>
  <si>
    <t>\\acsfs\profiles$\vivianealda\Downloads\10ad303f-ab84-4592-bbd0-aabc9738473e.tmp</t>
  </si>
  <si>
    <t>06051b4d-5537-4ce0-a5e9-a996eb1b9c4d.tmp</t>
  </si>
  <si>
    <t>\\acsfs\profiles$\vivianealda\Downloads\06051b4d-5537-4ce0-a5e9-a996eb1b9c4d.tmp</t>
  </si>
  <si>
    <t>10daa1fc-76eb-4ab3-8e2d-77b5cb5b4d92.tmp</t>
  </si>
  <si>
    <t>\\acsfs\profiles$\vivianealda\Downloads\10daa1fc-76eb-4ab3-8e2d-77b5cb5b4d92.tmp</t>
  </si>
  <si>
    <t>13abbb27-9f47-4c66-affc-b2e64834efce.tmp</t>
  </si>
  <si>
    <t>\\acsfs\profiles$\sarahbal\Downloads\13abbb27-9f47-4c66-affc-b2e64834efce.tmp</t>
  </si>
  <si>
    <t>3ac0c1ce-57d7-4a20-845c-0965cd923462.tmp</t>
  </si>
  <si>
    <t>\\acsfs\profiles$\sarahbal\Downloads\3ac0c1ce-57d7-4a20-845c-0965cd923462.tmp</t>
  </si>
  <si>
    <t>d0143675-f514-4d44-b197-30aba285d0bc.tmp</t>
  </si>
  <si>
    <t>\\acsfs\profiles$\sarahbal\Downloads\d0143675-f514-4d44-b197-30aba285d0bc.tmp</t>
  </si>
  <si>
    <t>5c2e48c4-ee00-42b5-87a8-cfc1fe33fcb7.tmp</t>
  </si>
  <si>
    <t>\\acsfs\profiles$\sarahbal\Downloads\5c2e48c4-ee00-42b5-87a8-cfc1fe33fcb7.tmp</t>
  </si>
  <si>
    <t>c2085096-64fb-4c4a-8661-323044e15a80.tmp</t>
  </si>
  <si>
    <t>\\acsfs\profiles$\sarahbal\Downloads\c2085096-64fb-4c4a-8661-323044e15a80.tmp</t>
  </si>
  <si>
    <t>2ca43641-99d6-420a-949e-4271946a49c8.tmp</t>
  </si>
  <si>
    <t>\\acsfs\profiles$\claudiajca\Downloads\2ca43641-99d6-420a-949e-4271946a49c8.tmp</t>
  </si>
  <si>
    <t>8f5c6a17-f2a0-4a82-b04a-e839ddb9fd10.tmp</t>
  </si>
  <si>
    <t>\\acsfs\profiles$\claudiajca\Downloads\8f5c6a17-f2a0-4a82-b04a-e839ddb9fd10.tmp</t>
  </si>
  <si>
    <t>59246e45-207d-4497-9ba1-a34d2d64ed6b.tmp</t>
  </si>
  <si>
    <t>\\acsfs\profiles$\cintiadcf\Downloads\59246e45-207d-4497-9ba1-a34d2d64ed6b.tmp</t>
  </si>
  <si>
    <t>72118abd-80b4-4ec0-99d9-4bf9882cca41.tmp</t>
  </si>
  <si>
    <t>\\acsfs\profiles$\cintiadcf\Downloads\72118abd-80b4-4ec0-99d9-4bf9882cca41.tmp</t>
  </si>
  <si>
    <t>3ead35d8-24a4-4fda-bdbb-baafc3c59a21.tmp</t>
  </si>
  <si>
    <t>\\acsfs\profiles$\cintiadcf\Downloads\3ead35d8-24a4-4fda-bdbb-baafc3c59a21.tmp</t>
  </si>
  <si>
    <t>34291092-5806-42cd-b863-2b5be53e5805.tmp</t>
  </si>
  <si>
    <t>\\acsfs\profiles$\anafsb\Downloads\34291092-5806-42cd-b863-2b5be53e5805.tmp</t>
  </si>
  <si>
    <t>78f4b68e-46e9-41ca-9ecc-074c9bc63d85.tmp</t>
  </si>
  <si>
    <t>\\acsfs\profiles$\anafsb\Downloads\78f4b68e-46e9-41ca-9ecc-074c9bc63d85.tmp</t>
  </si>
  <si>
    <t>joaogvc@algartech.com;katia.cardoso@bv.com.br;marianadjc@algartech.com;rafaelggs@algartech.com;taysdss@algartech.com;viniciussg@algartech.com;</t>
  </si>
  <si>
    <t>joaogvc@algartech.com,katia.cardoso@bv.com.br,marianadjc@algartech.com,rafaelggs@algartech.com,taysdss@algartech.com,viniciussg@algartech.com</t>
  </si>
  <si>
    <t>1d9a1b40-7fe3-4e45-8b54-610b0a8a0340.tmp</t>
  </si>
  <si>
    <t>\\acsfs\profiles$\lucasgpe\Downloads\1d9a1b40-7fe3-4e45-8b54-610b0a8a0340.tmp</t>
  </si>
  <si>
    <t>8d1a5a0f-5ff8-47ee-a6ff-8f5ff0e3d136.tmp</t>
  </si>
  <si>
    <t>\\acsfs\profiles$\lucasgpe\Downloads\8d1a5a0f-5ff8-47ee-a6ff-8f5ff0e3d136.tmp</t>
  </si>
  <si>
    <t>d1541d0b-58c4-42cd-8db8-6acf0b19917c.tmp</t>
  </si>
  <si>
    <t>\\acsfs\profiles$\lucasgpe\Downloads\d1541d0b-58c4-42cd-8db8-6acf0b19917c.tmp</t>
  </si>
  <si>
    <t>382051f9-a628-4890-bb02-060ab9e42151.tmp</t>
  </si>
  <si>
    <t>\\acsfs\profiles$\vivianealda\Downloads\382051f9-a628-4890-bb02-060ab9e42151.tmp</t>
  </si>
  <si>
    <t>98c43286-873e-4702-a983-4d42bc22edfa.tmp</t>
  </si>
  <si>
    <t>\\acsfs\profiles$\anafsb\Downloads\98c43286-873e-4702-a983-4d42bc22edfa.tmp</t>
  </si>
  <si>
    <t>lu11816xel64.tmp</t>
  </si>
  <si>
    <t>\\acsfs\profiles$\CLAUDIAJCA\lu11816xel64.tmp</t>
  </si>
  <si>
    <t>\\acsfs\profiles$\CLAUDIAJCA\lu11816xel64.tmp\</t>
  </si>
  <si>
    <t>\\acsfs\profiles$\CLAUDIAJCA\lu11816xel64.tmp\META-INF\</t>
  </si>
  <si>
    <t>\\acsfs\profiles$\CLAUDIAJCA\lu11816xel64.tmp\Thumbnails\</t>
  </si>
  <si>
    <t>lu261206l55r1.tmp</t>
  </si>
  <si>
    <t>\\acsfs\profiles$\CINTIADCF\lu261206l55r1.tmp</t>
  </si>
  <si>
    <t>\\acsfs\profiles$\CINTIADCF\lu261206l55r1.tmp\</t>
  </si>
  <si>
    <t>\\acsfs\profiles$\CINTIADCF\lu261206l55r1.tmp\META-INF\</t>
  </si>
  <si>
    <t>\\acsfs\profiles$\CINTIADCF\lu261206l55r1.tmp\Thumbnails\</t>
  </si>
  <si>
    <t>10.200.66.13</t>
  </si>
  <si>
    <t>c56614a2-c345-4734-ac58-60aee6cf0dde.tmp</t>
  </si>
  <si>
    <t>\\acsfs\profiles$\inarajst\Downloads\c56614a2-c345-4734-ac58-60aee6cf0dde.tmp</t>
  </si>
  <si>
    <t>6e064d08-e312-49ea-adfd-656632e3e26e.tmp</t>
  </si>
  <si>
    <t>\\acsfs\profiles$\inarajst\Downloads\6e064d08-e312-49ea-adfd-656632e3e26e.tmp</t>
  </si>
  <si>
    <t>07b51033-9315-4ee4-8e84-2c2a79045fa6.tmp</t>
  </si>
  <si>
    <t>\\acsfs\profiles$\inarajst\Downloads\07b51033-9315-4ee4-8e84-2c2a79045fa6.tmp</t>
  </si>
  <si>
    <t>a4b39a92-bfc1-4552-ac8c-c35ec0272c79.tmp</t>
  </si>
  <si>
    <t>\\acsfs\profiles$\inarajst\Downloads\a4b39a92-bfc1-4552-ac8c-c35ec0272c79.tmp</t>
  </si>
  <si>
    <t>4904ce5d-64cd-480c-8bb7-a0c3c160ac8c.tmp</t>
  </si>
  <si>
    <t>\\acsfs\profiles$\inarajst\Downloads\4904ce5d-64cd-480c-8bb7-a0c3c160ac8c.tmp</t>
  </si>
  <si>
    <t>lu261206l55r4.tmp</t>
  </si>
  <si>
    <t>\\acsfs\profiles$\CINTIADCF\lu261206l55r4.tmp</t>
  </si>
  <si>
    <t>\\acsfs\profiles$\CINTIADCF\lu261206l55r4.tmp\</t>
  </si>
  <si>
    <t>\\acsfs\profiles$\CINTIADCF\lu261206l55r4.tmp\META-INF\</t>
  </si>
  <si>
    <t>\\acsfs\profiles$\CINTIADCF\lu261206l55r4.tmp\Thumbnails\</t>
  </si>
  <si>
    <t>lu261206l55r7.tmp</t>
  </si>
  <si>
    <t>\\acsfs\profiles$\CINTIADCF\lu261206l55r7.tmp</t>
  </si>
  <si>
    <t>\\acsfs\profiles$\CINTIADCF\lu261206l55r7.tmp\</t>
  </si>
  <si>
    <t>\\acsfs\profiles$\CINTIADCF\lu261206l55r7.tmp\META-INF\</t>
  </si>
  <si>
    <t>\\acsfs\profiles$\CINTIADCF\lu261206l55r7.tmp\Thumbnails\</t>
  </si>
  <si>
    <t>lu261206l55ra.tmp</t>
  </si>
  <si>
    <t>\\acsfs\profiles$\CINTIADCF\lu261206l55ra.tmp</t>
  </si>
  <si>
    <t>\\acsfs\profiles$\CINTIADCF\lu261206l55ra.tmp\</t>
  </si>
  <si>
    <t>\\acsfs\profiles$\CINTIADCF\lu261206l55ra.tmp\META-INF\</t>
  </si>
  <si>
    <t>\\acsfs\profiles$\CINTIADCF\lu261206l55ra.tmp\Thumbnails\</t>
  </si>
  <si>
    <t>379cfd7a-9bbd-49da-97bb-256e949a930f.tmp</t>
  </si>
  <si>
    <t>\\acsfs\profiles$\websondsa\Downloads\379cfd7a-9bbd-49da-97bb-256e949a930f.tmp</t>
  </si>
  <si>
    <t>fee06a1f-8707-40aa-8c54-5e2d2a9aaab6.tmp</t>
  </si>
  <si>
    <t>\\acsfs\profiles$\websondsa\Downloads\fee06a1f-8707-40aa-8c54-5e2d2a9aaab6.tmp</t>
  </si>
  <si>
    <t>6cf07170-eb4a-4aaf-b063-e9063f87ecfe.tmp</t>
  </si>
  <si>
    <t>\\acsfs\profiles$\websondsa\Downloads\6cf07170-eb4a-4aaf-b063-e9063f87ecfe.tmp</t>
  </si>
  <si>
    <t>32e12f64-4fdc-4f3b-9591-8f8c16b7ec44.tmp</t>
  </si>
  <si>
    <t>\\acsfs\profiles$\websondsa\Downloads\32e12f64-4fdc-4f3b-9591-8f8c16b7ec44.tmp</t>
  </si>
  <si>
    <t>e3246bb6-ee1b-403a-a62a-4bd43cf0fa72.tmp</t>
  </si>
  <si>
    <t>\\acsfs\profiles$\websondsa\Downloads\e3246bb6-ee1b-403a-a62a-4bd43cf0fa72.tmp</t>
  </si>
  <si>
    <t>5e317370-5d04-4065-a66c-980b2aa71d60.tmp</t>
  </si>
  <si>
    <t>\\acsfs\profiles$\mariajra\Downloads\5e317370-5d04-4065-a66c-980b2aa71d60.tmp</t>
  </si>
  <si>
    <t>lu261206l55rd.tmp</t>
  </si>
  <si>
    <t>\\acsfs\profiles$\CINTIADCF\lu261206l55rd.tmp</t>
  </si>
  <si>
    <t>\\acsfs\profiles$\CINTIADCF\lu261206l55rd.tmp\</t>
  </si>
  <si>
    <t>\\acsfs\profiles$\CINTIADCF\lu261206l55rd.tmp\META-INF\</t>
  </si>
  <si>
    <t>\\acsfs\profiles$\CINTIADCF\lu261206l55rd.tmp\Thumbnails\</t>
  </si>
  <si>
    <t>lu261206l55rg.tmp</t>
  </si>
  <si>
    <t>\\acsfs\profiles$\CINTIADCF\lu261206l55rg.tmp</t>
  </si>
  <si>
    <t>\\acsfs\profiles$\CINTIADCF\lu261206l55rg.tmp\</t>
  </si>
  <si>
    <t>\\acsfs\profiles$\CINTIADCF\lu261206l55rg.tmp\META-INF\</t>
  </si>
  <si>
    <t>\\acsfs\profiles$\CINTIADCF\lu261206l55rg.tmp\Thumbnails\</t>
  </si>
  <si>
    <t>lu111788tsw38f.tmp</t>
  </si>
  <si>
    <t>\\acsfs\profiles$\BRUNAAR\Numero\lu111788tsw38f.tmp</t>
  </si>
  <si>
    <t>d09ca2ae-ecf4-4e83-89c2-9c1cc472dda7.tmp</t>
  </si>
  <si>
    <t>\\acsfs\profiles$\mariajra\Downloads\d09ca2ae-ecf4-4e83-89c2-9c1cc472dda7.tmp</t>
  </si>
  <si>
    <t>cfa9c333-dbce-435b-83f7-7d5903b0a733.tmp</t>
  </si>
  <si>
    <t>\\acsfs\profiles$\mariajra\Downloads\cfa9c333-dbce-435b-83f7-7d5903b0a733.tmp</t>
  </si>
  <si>
    <t>15cb0d2d-f822-4b51-9b9e-14a7033d5f9f.tmp</t>
  </si>
  <si>
    <t>\\acsfs\profiles$\mariajra\Downloads\15cb0d2d-f822-4b51-9b9e-14a7033d5f9f.tmp</t>
  </si>
  <si>
    <t>28ca7807-edbd-4ac9-b992-6912d767e67d.tmp</t>
  </si>
  <si>
    <t>\\acsfs\profiles$\mariajra\Downloads\28ca7807-edbd-4ac9-b992-6912d767e67d.tmp</t>
  </si>
  <si>
    <t>.~lock.Layout TV Vendas 2.2.ppt#</t>
  </si>
  <si>
    <t>\\acsfs\DEPTOS\Operacao\Banco_Votorantim\Supervisao\SUPERS BV CARTÕES\.~lock.Layout TV Vendas 2.2.ppt#</t>
  </si>
  <si>
    <t>e3013d1d-6365-43a2-a912-5d7c87f2c3aa.tmp</t>
  </si>
  <si>
    <t>\\acsfs\profiles$\vivianalds\Downloads\e3013d1d-6365-43a2-a912-5d7c87f2c3aa.tmp</t>
  </si>
  <si>
    <t>88de39d4-af24-4c1b-8b0f-b20329b02a92.tmp</t>
  </si>
  <si>
    <t>\\acsfs\profiles$\vivianalds\Downloads\88de39d4-af24-4c1b-8b0f-b20329b02a92.tmp</t>
  </si>
  <si>
    <t>366aafe3-24b8-4290-81d3-bdfdc4f53f1f.tmp</t>
  </si>
  <si>
    <t>\\acsfs\profiles$\lucasgpe\Downloads\366aafe3-24b8-4290-81d3-bdfdc4f53f1f.tmp</t>
  </si>
  <si>
    <t>fbe09b2c-0bee-43d4-b9f4-67301c40f14e.tmp</t>
  </si>
  <si>
    <t>\\acsfs\profiles$\inarajst\Downloads\fbe09b2c-0bee-43d4-b9f4-67301c40f14e.tmp</t>
  </si>
  <si>
    <t>luizffn</t>
  </si>
  <si>
    <t>\\acsfs\profiles$\luizffn\Downloads\</t>
  </si>
  <si>
    <t>1c8d47bb-21a0-46e5-9a0e-4c7016c981aa.tmp</t>
  </si>
  <si>
    <t>\\acsfs\profiles$\luizffn\Downloads\1c8d47bb-21a0-46e5-9a0e-4c7016c981aa.tmp</t>
  </si>
  <si>
    <t>Cópia_de_Dados_consolidados_Laylla_28-12_(1)_(1).xlsx:Zone.Identifier</t>
  </si>
  <si>
    <t>\\acsfs\profiles$\luizffn\Downloads\Cópia_de_Dados_consolidados_Laylla_28-12_(1)_(1).xlsx:Zone.Identifier</t>
  </si>
  <si>
    <t>46fe4a43-02db-4cc8-af97-8dffd008b931.tmp</t>
  </si>
  <si>
    <t>\\acsfs\profiles$\dhiulliananads\Downloads\46fe4a43-02db-4cc8-af97-8dffd008b931.tmp</t>
  </si>
  <si>
    <t>d3a260f0-6d4e-4360-a424-fab003ae93bf.tmp</t>
  </si>
  <si>
    <t>\\acsfs\profiles$\dhiulliananads\Downloads\d3a260f0-6d4e-4360-a424-fab003ae93bf.tmp</t>
  </si>
  <si>
    <t>Backup de Cópia_de_Dados_consolidados_Laylla 06-01.xlk</t>
  </si>
  <si>
    <t>\\acsfs\profiles$\luizffn\Downloads\Backup de Cópia_de_Dados_consolidados_Laylla 06-01.xlk</t>
  </si>
  <si>
    <t>luizffn@algartech.com</t>
  </si>
  <si>
    <t>lu11816xel69.tmp</t>
  </si>
  <si>
    <t>\\acsfs\profiles$\CLAUDIAJCA\lu11816xel69.tmp</t>
  </si>
  <si>
    <t>\\acsfs\profiles$\CLAUDIAJCA\lu11816xel69.tmp\</t>
  </si>
  <si>
    <t>\\acsfs\profiles$\CLAUDIAJCA\lu11816xel69.tmp\META-INF\</t>
  </si>
  <si>
    <t>\\acsfs\profiles$\CLAUDIAJCA\lu11816xel69.tmp\Thumbnails\</t>
  </si>
  <si>
    <t>lu11816xel6e.tmp</t>
  </si>
  <si>
    <t>\\acsfs\profiles$\CLAUDIAJCA\lu11816xel6e.tmp</t>
  </si>
  <si>
    <t>\\acsfs\profiles$\CLAUDIAJCA\lu11816xel6e.tmp\</t>
  </si>
  <si>
    <t>\\acsfs\profiles$\CLAUDIAJCA\lu11816xel6e.tmp\META-INF\</t>
  </si>
  <si>
    <t>\\acsfs\profiles$\CLAUDIAJCA\lu11816xel6e.tmp\Thumbnails\</t>
  </si>
  <si>
    <t>a6d2bd75-d7c5-4687-9ae3-fd2d8dda1ae3.tmp</t>
  </si>
  <si>
    <t>\\acsfs\profiles$\dhiulliananads\Downloads\a6d2bd75-d7c5-4687-9ae3-fd2d8dda1ae3.tmp</t>
  </si>
  <si>
    <t>d7a6bdec-8ca3-4337-b20d-5603a8bf9d05.tmp</t>
  </si>
  <si>
    <t>\\acsfs\profiles$\nayarasds\Downloads\d7a6bdec-8ca3-4337-b20d-5603a8bf9d05.tmp</t>
  </si>
  <si>
    <t>200a693b-c164-471f-b2e0-dc1122264e65.tmp</t>
  </si>
  <si>
    <t>\\acsfs\profiles$\nayarasds\Downloads\200a693b-c164-471f-b2e0-dc1122264e65.tmp</t>
  </si>
  <si>
    <t>131ae8b2-3e39-4158-a9a1-47d5db088b93.tmp</t>
  </si>
  <si>
    <t>\\acsfs\profiles$\nayarasds\Downloads\131ae8b2-3e39-4158-a9a1-47d5db088b93.tmp</t>
  </si>
  <si>
    <t>a7e88920-e797-4e5c-aa74-5d4c225b7a52.tmp</t>
  </si>
  <si>
    <t>\\acsfs\profiles$\nayarasds\Downloads\a7e88920-e797-4e5c-aa74-5d4c225b7a52.tmp</t>
  </si>
  <si>
    <t>09730f49-7291-46f3-b0d5-856afc4bb084.tmp</t>
  </si>
  <si>
    <t>\\acsfs\profiles$\marcellewdl\Downloads\09730f49-7291-46f3-b0d5-856afc4bb084.tmp</t>
  </si>
  <si>
    <t>ba5588fd-dd75-4d64-9ac4-15d1b0a4cdf2.tmp</t>
  </si>
  <si>
    <t>\\acsfs\profiles$\marcellewdl\Downloads\ba5588fd-dd75-4d64-9ac4-15d1b0a4cdf2.tmp</t>
  </si>
  <si>
    <t>LEYDIANE APARECIDA MOREIRA DUARTE (34).contact</t>
  </si>
  <si>
    <t>\\acsfs\profiles$\leydianeamd\Contacts\LEYDIANE APARECIDA MOREIRA DUARTE (34).contact</t>
  </si>
  <si>
    <t>7e75230b-eb2a-480a-8743-9ff0bb7b5ba7.tmp</t>
  </si>
  <si>
    <t>\\acsfs\profiles$\luanarda\Downloads\7e75230b-eb2a-480a-8743-9ff0bb7b5ba7.tmp</t>
  </si>
  <si>
    <t>fcbbe283-33a6-4f98-9c41-9de10dbb3c15.tmp</t>
  </si>
  <si>
    <t>\\acsfs\profiles$\nayarasds\Downloads\fcbbe283-33a6-4f98-9c41-9de10dbb3c15.tmp</t>
  </si>
  <si>
    <t>a09eae98-7814-4d2a-9490-37baf0e356e4.tmp</t>
  </si>
  <si>
    <t>\\acsfs\profiles$\antoniosva\Downloads\a09eae98-7814-4d2a-9490-37baf0e356e4.tmp</t>
  </si>
  <si>
    <t>0298517f-f6f1-4ebe-a30f-ad5d6c628594.tmp</t>
  </si>
  <si>
    <t>\\acsfs\profiles$\antoniosva\Downloads\0298517f-f6f1-4ebe-a30f-ad5d6c628594.tmp</t>
  </si>
  <si>
    <t>85319cdd-d7e6-4925-88ce-94ceabd98f87.tmp</t>
  </si>
  <si>
    <t>\\acsfs\profiles$\wenderbnm\Downloads\85319cdd-d7e6-4925-88ce-94ceabd98f87.tmp</t>
  </si>
  <si>
    <t>a87f7f73-076a-4aa7-bba0-c1cb228cb278.tmp</t>
  </si>
  <si>
    <t>\\acsfs\profiles$\wenderbnm\Downloads\a87f7f73-076a-4aa7-bba0-c1cb228cb278.tmp</t>
  </si>
  <si>
    <t>10.200.66.56</t>
  </si>
  <si>
    <t>D0-67-E5-FF-1B-D2</t>
  </si>
  <si>
    <t>VOTORANT-AFB004</t>
  </si>
  <si>
    <t>ec418587-fb87-4070-af1e-00ffd455983c.tmp</t>
  </si>
  <si>
    <t>\\acsfs\profiles$\rafaelahpn\Downloads\ec418587-fb87-4070-af1e-00ffd455983c.tmp</t>
  </si>
  <si>
    <t>96005781-48a3-4301-9e40-ba06ef13718f.tmp</t>
  </si>
  <si>
    <t>\\acsfs\profiles$\luanarda\Downloads\96005781-48a3-4301-9e40-ba06ef13718f.tmp</t>
  </si>
  <si>
    <t>55968f0a-37a5-46f2-b5ec-c5a4bf215313.tmp</t>
  </si>
  <si>
    <t>\\acsfs\profiles$\valeriasda\Downloads\55968f0a-37a5-46f2-b5ec-c5a4bf215313.tmp</t>
  </si>
  <si>
    <t>869196d4-4083-4713-ab32-ac05145043a1.tmp</t>
  </si>
  <si>
    <t>\\acsfs\profiles$\valeriasda\Downloads\869196d4-4083-4713-ab32-ac05145043a1.tmp</t>
  </si>
  <si>
    <t>56b5cd04-2532-4b71-959f-e44828672352.tmp</t>
  </si>
  <si>
    <t>\\acsfs\profiles$\valeriasda\Downloads\56b5cd04-2532-4b71-959f-e44828672352.tmp</t>
  </si>
  <si>
    <t>10.200.66.45</t>
  </si>
  <si>
    <t>ulog_AcroARM2_Reader_22bb18ef-a0cc-4985-b2f1-d8449a05e1d0_9be42d93-33c0-4a90-9c65-9a109672263d_0.log</t>
  </si>
  <si>
    <t>C:\Users\Jordanarb\AppData\Roaming\Adobe\LogTransport2\Logs\ulog_AcroARM2_Reader_22bb18ef-a0cc-4985-b2f1-d8449a05e1d0_9be42d93-33c0-4a90-9c65-9a109672263d_0.log\</t>
  </si>
  <si>
    <t>lu111788tsw38j.tmp</t>
  </si>
  <si>
    <t>\\acsfs\profiles$\BRUNAAR\Numero\lu111788tsw38j.tmp</t>
  </si>
  <si>
    <t>lu111788tsw38n.tmp</t>
  </si>
  <si>
    <t>\\acsfs\profiles$\BRUNAAR\Numero\lu111788tsw38n.tmp</t>
  </si>
  <si>
    <t>lu111788tsw38r.tmp</t>
  </si>
  <si>
    <t>\\acsfs\profiles$\BRUNAAR\Numero\lu111788tsw38r.tmp</t>
  </si>
  <si>
    <t>0cdf4dcd-2330-462e-8207-f458a506a935.tmp</t>
  </si>
  <si>
    <t>\\acsfs\profiles$\antoniosva\Downloads\0cdf4dcd-2330-462e-8207-f458a506a935.tmp</t>
  </si>
  <si>
    <t>8043c647-9da0-4209-9e31-901df8b62afe.tmp</t>
  </si>
  <si>
    <t>\\acsfs\profiles$\antoniosva\Downloads\8043c647-9da0-4209-9e31-901df8b62afe.tmp</t>
  </si>
  <si>
    <t>2d566064-536a-49ea-9301-51c4a836a6f7.tmp</t>
  </si>
  <si>
    <t>\\acsfs\profiles$\rafaelahpn\Downloads\2d566064-536a-49ea-9301-51c4a836a6f7.tmp</t>
  </si>
  <si>
    <t>6a9b8968-af75-4525-aef3-0b062096f1fe.tmp</t>
  </si>
  <si>
    <t>\\acsfs\profiles$\rafaelahpn\Downloads\6a9b8968-af75-4525-aef3-0b062096f1fe.tmp</t>
  </si>
  <si>
    <t>d843f11b-1523-4876-8841-a99059fecb21.tmp</t>
  </si>
  <si>
    <t>\\acsfs\profiles$\rafaelahpn\Downloads\d843f11b-1523-4876-8841-a99059fecb21.tmp</t>
  </si>
  <si>
    <t>74cc2fdb-1871-4e86-8c88-af4e28102841.tmp</t>
  </si>
  <si>
    <t>\\acsfs\profiles$\rafaelahpn\Downloads\74cc2fdb-1871-4e86-8c88-af4e28102841.tmp</t>
  </si>
  <si>
    <t>1f8ad738-b261-4e2a-b2af-08aa0e45864e.tmp</t>
  </si>
  <si>
    <t>\\acsfs\profiles$\rafaelahpn\Downloads\1f8ad738-b261-4e2a-b2af-08aa0e45864e.tmp</t>
  </si>
  <si>
    <t>XLOG_leydianeamd_03012020_180103.log</t>
  </si>
  <si>
    <t>\\acsfs\profiles$\leydianeamd\My Documents\xworkcenter\logs\XLOG_leydianeamd_03012020_180103.log</t>
  </si>
  <si>
    <t>505cc0a1-bfde-4e2d-9ba1-ed93d743f8b2.tmp</t>
  </si>
  <si>
    <t>\\acsfs\profiles$\cintiadcf\Downloads\505cc0a1-bfde-4e2d-9ba1-ed93d743f8b2.tmp</t>
  </si>
  <si>
    <t>a100b16c-4f8a-49e8-9132-b8559fac119b.tmp</t>
  </si>
  <si>
    <t>\\acsfs\profiles$\THYAGOSP\Downloads\a100b16c-4f8a-49e8-9132-b8559fac119b.tmp</t>
  </si>
  <si>
    <t>69ec9011-e3ce-49d3-a4b2-4fcba3470cbb.tmp</t>
  </si>
  <si>
    <t>\\acsfs\profiles$\antoniosva\Downloads\69ec9011-e3ce-49d3-a4b2-4fcba3470cbb.tmp</t>
  </si>
  <si>
    <t>6655cca7-8cc2-4b3a-a0c3-e4cc96d61172.tmp</t>
  </si>
  <si>
    <t>\\acsfs\profiles$\antoniosva\Downloads\6655cca7-8cc2-4b3a-a0c3-e4cc96d61172.tmp</t>
  </si>
  <si>
    <t>10.12.242.91</t>
  </si>
  <si>
    <t>54-BF-64-F5-7E-FE</t>
  </si>
  <si>
    <t>NB-RODRIGOMBU</t>
  </si>
  <si>
    <t>rodrigombu</t>
  </si>
  <si>
    <t>C:\Users\rodrigombu\OneDrive - Grupo Algar\Whirlpool\2019\12 - Dezembro\Arquivos\NPS\5 Star\</t>
  </si>
  <si>
    <t>Base 5 Star.xlsx</t>
  </si>
  <si>
    <t>1d06025a-0547-456a-86b7-8b33c138c5cb.tmp</t>
  </si>
  <si>
    <t>\\acsfs\profiles$\paulovadc\Downloads\1d06025a-0547-456a-86b7-8b33c138c5cb.tmp</t>
  </si>
  <si>
    <t>f79156c0-c767-4506-a130-5b7613b179ea.tmp</t>
  </si>
  <si>
    <t>\\acsfs\profiles$\paulovadc\Downloads\f79156c0-c767-4506-a130-5b7613b179ea.tmp</t>
  </si>
  <si>
    <t>55ff52a8-3e98-4dc9-a0fd-314cefd705f1.tmp</t>
  </si>
  <si>
    <t>\\acsfs\profiles$\inarajst\Downloads\55ff52a8-3e98-4dc9-a0fd-314cefd705f1.tmp</t>
  </si>
  <si>
    <t>lu261206l55rj.tmp</t>
  </si>
  <si>
    <t>\\acsfs\profiles$\CINTIADCF\lu261206l55rj.tmp</t>
  </si>
  <si>
    <t>\\acsfs\profiles$\CINTIADCF\lu261206l55rj.tmp\</t>
  </si>
  <si>
    <t>\\acsfs\profiles$\CINTIADCF\lu261206l55rj.tmp\META-INF\</t>
  </si>
  <si>
    <t>\\acsfs\profiles$\CINTIADCF\lu261206l55rj.tmp\Thumbnails\</t>
  </si>
  <si>
    <t>lu261206l55rm.tmp</t>
  </si>
  <si>
    <t>\\acsfs\profiles$\CINTIADCF\lu261206l55rm.tmp</t>
  </si>
  <si>
    <t>\\acsfs\profiles$\CINTIADCF\lu261206l55rm.tmp\</t>
  </si>
  <si>
    <t>\\acsfs\profiles$\CINTIADCF\lu261206l55rm.tmp\META-INF\</t>
  </si>
  <si>
    <t>\\acsfs\profiles$\CINTIADCF\lu261206l55rm.tmp\Thumbnails\</t>
  </si>
  <si>
    <t>3a9b4289-bf38-48fb-b5f4-ab145aad6393.tmp</t>
  </si>
  <si>
    <t>\\acsfs\profiles$\ANAPDSB\Downloads\3a9b4289-bf38-48fb-b5f4-ab145aad6393.tmp</t>
  </si>
  <si>
    <t>c1304cea-863e-44fc-a668-a4f5643f006b.tmp</t>
  </si>
  <si>
    <t>\\acsfs\profiles$\ANAPDSB\Downloads\c1304cea-863e-44fc-a668-a4f5643f006b.tmp</t>
  </si>
  <si>
    <t>d364e8fc-861a-45a8-a8f0-a4ff270434b8.tmp</t>
  </si>
  <si>
    <t>\\acsfs\profiles$\felipetds\Downloads\d364e8fc-861a-45a8-a8f0-a4ff270434b8.tmp</t>
  </si>
  <si>
    <t>8897b68a-37df-4a95-892c-f70918979cae.tmp</t>
  </si>
  <si>
    <t>\\acsfs\profiles$\felipetds\Downloads\8897b68a-37df-4a95-892c-f70918979cae.tmp</t>
  </si>
  <si>
    <t>b8f5f762-5e5c-4505-849b-d9503378d644.tmp</t>
  </si>
  <si>
    <t>\\acsfs\profiles$\THYAGOSP\Downloads\b8f5f762-5e5c-4505-849b-d9503378d644.tmp</t>
  </si>
  <si>
    <t>1d3d923a-4dfe-4dac-8cf1-8d0fc75301f6.tmp</t>
  </si>
  <si>
    <t>\\acsfs\profiles$\THYAGOSP\Downloads\1d3d923a-4dfe-4dac-8cf1-8d0fc75301f6.tmp</t>
  </si>
  <si>
    <t>WHIRLPOOL SAC</t>
  </si>
  <si>
    <t>camillaleb</t>
  </si>
  <si>
    <t>\\acsfs\profiles$\camillaleb\Contacts\</t>
  </si>
  <si>
    <t>Camila Lemos Borges (1).contact</t>
  </si>
  <si>
    <t>\\acsfs\profiles$\camillaleb\Contacts\Camila Lemos Borges (1).contact</t>
  </si>
  <si>
    <t>\\acsfs\profiles$\camillaleb\My Documents\My Videos\</t>
  </si>
  <si>
    <t>\\acsfs\profiles$\camillaleb\My Documents\My Videos\desktop.ini</t>
  </si>
  <si>
    <t>\\acsfs\profiles$\camillaleb\My Documents\My Pictures\</t>
  </si>
  <si>
    <t>\\acsfs\profiles$\camillaleb\My Documents\My Pictures\desktop.ini</t>
  </si>
  <si>
    <t>\\acsfs\profiles$\camillaleb\Contacts\desktop.ini</t>
  </si>
  <si>
    <t>\\acsfs\profiles$\camillaleb\Favorites\</t>
  </si>
  <si>
    <t>\\acsfs\profiles$\camillaleb\Favorites\desktop.ini</t>
  </si>
  <si>
    <t>\\acsfs\profiles$\camillaleb\My Documents\My Music\</t>
  </si>
  <si>
    <t>\\acsfs\profiles$\camillaleb\My Documents\My Music\desktop.ini</t>
  </si>
  <si>
    <t>\\acsfs\profiles$\camillaleb\Searches\</t>
  </si>
  <si>
    <t>\\acsfs\profiles$\camillaleb\Searches\desktop.ini</t>
  </si>
  <si>
    <t>\\acsfs\profiles$\camillaleb\Downloads\</t>
  </si>
  <si>
    <t>\\acsfs\profiles$\camillaleb\Downloads\desktop.ini</t>
  </si>
  <si>
    <t>\\acsfs\profiles$\camillaleb\My Documents\</t>
  </si>
  <si>
    <t>\\acsfs\profiles$\camillaleb\My Documents\desktop.ini</t>
  </si>
  <si>
    <t>\\acsfs\profiles$\camillaleb\Saved Games\</t>
  </si>
  <si>
    <t>\\acsfs\profiles$\camillaleb\Saved Games\desktop.ini</t>
  </si>
  <si>
    <t>\\acsfs\profiles$\camillaleb\Favorites\Links for Brasil\</t>
  </si>
  <si>
    <t>\\acsfs\profiles$\camillaleb\Favorites\Links for Brasil\desktop.ini</t>
  </si>
  <si>
    <t>\\acsfs\profiles$\camillaleb\Favorites\Links for Brasil\Microsoft Brasil.url</t>
  </si>
  <si>
    <t>\\acsfs\profiles$\camillaleb\Favorites\Links for Brasil\Windows Brasil.url</t>
  </si>
  <si>
    <t>\\acsfs\profiles$\camillaleb\Favorites\Links for Brasil\MSN Brasil.url</t>
  </si>
  <si>
    <t>gabrielaff</t>
  </si>
  <si>
    <t>\\acsfs\profiles$\gabrielaff\Downloads\</t>
  </si>
  <si>
    <t>f5303574-1f5e-4f04-8cab-1551b0996f6a.tmp</t>
  </si>
  <si>
    <t>\\acsfs\profiles$\gabrielaff\Downloads\f5303574-1f5e-4f04-8cab-1551b0996f6a.tmp</t>
  </si>
  <si>
    <t>6bd2c52d-54ee-440b-bd6f-e0c5dc085887.tmp</t>
  </si>
  <si>
    <t>\\acsfs\profiles$\ERICALSR\Downloads\6bd2c52d-54ee-440b-bd6f-e0c5dc085887.tmp</t>
  </si>
  <si>
    <t>b2738696-8b6b-4ef3-915e-323019dbdfa9.tmp</t>
  </si>
  <si>
    <t>\\acsfs\profiles$\ERICALSR\Downloads\b2738696-8b6b-4ef3-915e-323019dbdfa9.tmp</t>
  </si>
  <si>
    <t>19e8e3fb-a69b-4541-8915-12e003f52dc5.tmp</t>
  </si>
  <si>
    <t>\\acsfs\profiles$\quindaizaagds\Downloads\19e8e3fb-a69b-4541-8915-12e003f52dc5.tmp</t>
  </si>
  <si>
    <t>20cdea26-3062-4079-bdda-ddcd7e8eac62.tmp</t>
  </si>
  <si>
    <t>\\acsfs\profiles$\quindaizaagds\Downloads\20cdea26-3062-4079-bdda-ddcd7e8eac62.tmp</t>
  </si>
  <si>
    <t>f63a0cab-6fcb-4306-93ab-b25afb8b6e23.tmp</t>
  </si>
  <si>
    <t>\\acsfs\profiles$\websondsa\Downloads\f63a0cab-6fcb-4306-93ab-b25afb8b6e23.tmp</t>
  </si>
  <si>
    <t>e01b0c26-3527-4ec1-bf51-b9f18e4db37b.tmp</t>
  </si>
  <si>
    <t>\\acsfs\profiles$\laianear\Downloads\e01b0c26-3527-4ec1-bf51-b9f18e4db37b.tmp</t>
  </si>
  <si>
    <t>de69342d-4d6c-4e94-b871-67a10de5a8e2.tmp</t>
  </si>
  <si>
    <t>\\acsfs\profiles$\laianear\Downloads\de69342d-4d6c-4e94-b871-67a10de5a8e2.tmp</t>
  </si>
  <si>
    <t>88403afb-6339-49ca-a982-ac3e7b31e2ea.tmp</t>
  </si>
  <si>
    <t>\\acsfs\profiles$\laianear\Downloads\88403afb-6339-49ca-a982-ac3e7b31e2ea.tmp</t>
  </si>
  <si>
    <t>lu201881fq93s.tmp</t>
  </si>
  <si>
    <t>\\acsfs\profiles$\VIVIANALDS\My Documents\lu201881fq93s.tmp</t>
  </si>
  <si>
    <t>\\acsfs\profiles$\VIVIANALDS\My Documents\lu201881fq93s.tmp\</t>
  </si>
  <si>
    <t>\\acsfs\profiles$\VIVIANALDS\My Documents\lu201881fq93s.tmp\META-INF\</t>
  </si>
  <si>
    <t>\\acsfs\profiles$\VIVIANALDS\My Documents\lu201881fq93s.tmp\Thumbnails\</t>
  </si>
  <si>
    <t>lu201881fq93w.tmp</t>
  </si>
  <si>
    <t>\\acsfs\profiles$\VIVIANALDS\My Documents\lu201881fq93w.tmp</t>
  </si>
  <si>
    <t>\\acsfs\profiles$\VIVIANALDS\My Documents\lu201881fq93w.tmp\</t>
  </si>
  <si>
    <t>\\acsfs\profiles$\VIVIANALDS\My Documents\lu201881fq93w.tmp\META-INF\</t>
  </si>
  <si>
    <t>\\acsfs\profiles$\VIVIANALDS\My Documents\lu201881fq93w.tmp\Thumbnails\</t>
  </si>
  <si>
    <t>lu19764596hgm.tmp</t>
  </si>
  <si>
    <t>\\acsfs\profiles$\dhiulliananads\My Documents\lu19764596hgm.tmp</t>
  </si>
  <si>
    <t>\\acsfs\profiles$\dhiulliananads\My Documents\lu19764596hgm.tmp\</t>
  </si>
  <si>
    <t>\\acsfs\profiles$\dhiulliananads\My Documents\lu19764596hgm.tmp\META-INF\</t>
  </si>
  <si>
    <t>\\acsfs\profiles$\dhiulliananads\My Documents\lu19764596hgm.tmp\Thumbnails\</t>
  </si>
  <si>
    <t>\\acsfs\profiles$\vanessacgs\Favorites\citrix.url:favicon</t>
  </si>
  <si>
    <t>10.200.66.11</t>
  </si>
  <si>
    <t>74-86-7A-FC-2A-B1</t>
  </si>
  <si>
    <t>VOTORANT-ACB005</t>
  </si>
  <si>
    <t>dennerldr</t>
  </si>
  <si>
    <t>https://parceiro.metlife.com.br/cotadorml/cotacoes/cadcotacao.aspx?novo=1</t>
  </si>
  <si>
    <t>__/__/____;</t>
  </si>
  <si>
    <t>https://__/__/____</t>
  </si>
  <si>
    <t>rafaeldsn</t>
  </si>
  <si>
    <t>31cfc9ba-3916-4c71-8555-702d77f2ac1d.tmp</t>
  </si>
  <si>
    <t>\\acsfs\profiles$\laianear\Downloads\31cfc9ba-3916-4c71-8555-702d77f2ac1d.tmp</t>
  </si>
  <si>
    <t>\\acsfs\profiles$\vivianalds\My Documents\My Pictures\</t>
  </si>
  <si>
    <t>\\acsfs\profiles$\vivianalds\My Documents\My Videos\desktop.ini</t>
  </si>
  <si>
    <t>\\acsfs\profiles$\vivianalds\My Documents\My Videos\</t>
  </si>
  <si>
    <t>\\acsfs\profiles$\vivianalds\My Documents\My Music\</t>
  </si>
  <si>
    <t>\\acsfs\profiles$\vivianalds\My Documents\My Pictures\desktop.ini</t>
  </si>
  <si>
    <t>\\acsfs\profiles$\vivianalds\Contacts\</t>
  </si>
  <si>
    <t>\\acsfs\profiles$\vivianalds\Contacts\desktop.ini</t>
  </si>
  <si>
    <t>\\acsfs\profiles$\vivianalds\My Documents\</t>
  </si>
  <si>
    <t>\\acsfs\profiles$\vivianalds\Favorites\desktop.ini</t>
  </si>
  <si>
    <t>\\acsfs\profiles$\vivianalds\My Documents\My Music\desktop.ini</t>
  </si>
  <si>
    <t>\\acsfs\profiles$\vivianalds\Searches\</t>
  </si>
  <si>
    <t>\\acsfs\profiles$\vivianalds\Searches\desktop.ini</t>
  </si>
  <si>
    <t>\\acsfs\profiles$\vivianalds\Downloads\desktop.ini</t>
  </si>
  <si>
    <t>\\acsfs\profiles$\vivianalds\Favorites\</t>
  </si>
  <si>
    <t>\\acsfs\profiles$\vivianalds\My Documents\desktop.ini</t>
  </si>
  <si>
    <t>\\acsfs\profiles$\vivianalds\Saved Games\desktop.ini</t>
  </si>
  <si>
    <t>winrt--{S-1-5-21-602162358-764733703-839522115-330444}-.searchconnector-ms</t>
  </si>
  <si>
    <t>\\acsfs\profiles$\vivianalds\Searches\winrt--{S-1-5-21-602162358-764733703-839522115-330444}-.searchconnector-ms</t>
  </si>
  <si>
    <t>10.207.12.70</t>
  </si>
  <si>
    <t>C:\Users\jefersonfo\Documents\Natura\</t>
  </si>
  <si>
    <t>RFI_Callcenter 2019 - Natura - Algar Tech.xlsx</t>
  </si>
  <si>
    <t>a7abce7d-8908-4d91-bf5a-a577ab6c8893.tmp</t>
  </si>
  <si>
    <t>\\acsfs\profiles$\vivianealda\Downloads\a7abce7d-8908-4d91-bf5a-a577ab6c8893.tmp</t>
  </si>
  <si>
    <t>381610b4-b6db-4040-866b-eb989af2ed26.tmp</t>
  </si>
  <si>
    <t>\\acsfs\profiles$\sarahbal\Downloads\381610b4-b6db-4040-866b-eb989af2ed26.tmp</t>
  </si>
  <si>
    <t>cb53a74f-7546-4858-867b-0b14616c83e6.tmp</t>
  </si>
  <si>
    <t>\\acsfs\profiles$\gabrielaff\Downloads\cb53a74f-7546-4858-867b-0b14616c83e6.tmp</t>
  </si>
  <si>
    <t>8c3f1a56-6f97-470b-add0-ed8f22dd41ed.tmp</t>
  </si>
  <si>
    <t>\\acsfs\profiles$\gabrielarb\Downloads\8c3f1a56-6f97-470b-add0-ed8f22dd41ed.tmp</t>
  </si>
  <si>
    <t>c4c779fa-32ef-4f34-9e3f-4a0bae5e2418.tmp</t>
  </si>
  <si>
    <t>\\acsfs\profiles$\gabrielarb\Downloads\c4c779fa-32ef-4f34-9e3f-4a0bae5e2418.tmp</t>
  </si>
  <si>
    <t>20dd69d8-bae5-4467-9699-37b78ea7f5a4.tmp</t>
  </si>
  <si>
    <t>\\acsfs\profiles$\gabrielarb\Downloads\20dd69d8-bae5-4467-9699-37b78ea7f5a4.tmp</t>
  </si>
  <si>
    <t>aa351b15-6b62-4181-9a54-b7e83b307858.tmp</t>
  </si>
  <si>
    <t>\\acsfs\profiles$\gabrielarb\Downloads\aa351b15-6b62-4181-9a54-b7e83b307858.tmp</t>
  </si>
  <si>
    <t>5fc2d2d6-af10-41ea-8fc5-bff3c1c24015.tmp</t>
  </si>
  <si>
    <t>\\acsfs\profiles$\gabrielarb\Downloads\5fc2d2d6-af10-41ea-8fc5-bff3c1c24015.tmp</t>
  </si>
  <si>
    <t>007f1d9d-d593-45cf-8549-a888b2695040.tmp</t>
  </si>
  <si>
    <t>\\acsfs\profiles$\gabrielarb\Downloads\007f1d9d-d593-45cf-8549-a888b2695040.tmp</t>
  </si>
  <si>
    <t>ce496331-08e5-4705-a402-bf0d48ac4f07.tmp</t>
  </si>
  <si>
    <t>\\acsfs\profiles$\marcellewdl\Downloads\ce496331-08e5-4705-a402-bf0d48ac4f07.tmp</t>
  </si>
  <si>
    <t>https://udpmailboxap01.acs.com.br:8443/h/search;jsessionid=yyf4cla4ws01jimqkte4v3id?si=0&amp;so=0&amp;sc=62410&amp;st=conversation&amp;action=compose</t>
  </si>
  <si>
    <t>e6ee4d50-2812-4d15-b49b-b09991ae02a4.tmp</t>
  </si>
  <si>
    <t>\\acsfs\profiles$\sarahbal\Downloads\e6ee4d50-2812-4d15-b49b-b09991ae02a4.tmp</t>
  </si>
  <si>
    <t>lu112632ts2a7t.tmp</t>
  </si>
  <si>
    <t>\\acsfs\DEPTOS\Operacao\Banco_Votorantim\Supervisao\SUPERS BV CARTÕES\ANA VITORIA\APOIO\lu112632ts2a7t.tmp</t>
  </si>
  <si>
    <t>\\acsfs\DEPTOS\Operacao\Banco_Votorantim\Supervisao\SUPERS BV CARTÕES\ANA VITORIA\APOIO\lu112632ts2a7t.tmp\</t>
  </si>
  <si>
    <t>\\acsfs\DEPTOS\Operacao\Banco_Votorantim\Supervisao\SUPERS BV CARTÕES\ANA VITORIA\APOIO\lu112632ts2a7t.tmp\META-INF\</t>
  </si>
  <si>
    <t>\\acsfs\DEPTOS\Operacao\Banco_Votorantim\Supervisao\SUPERS BV CARTÕES\ANA VITORIA\APOIO\lu112632ts2a7t.tmp\Thumbnails\</t>
  </si>
  <si>
    <t>C:\Users\rodrigombu\OneDrive - Grupo Algar\Whirlpool\2019\11 - Novembro\Arquivo\N3\</t>
  </si>
  <si>
    <t>Acompanhamento - Segurança do Produto - 201911 - Fechamento.xlsx</t>
  </si>
  <si>
    <t>1dbc2e81-7ec4-4494-948f-429741c1363c.tmp</t>
  </si>
  <si>
    <t>\\acsfs\profiles$\cintiadcf\Downloads\1dbc2e81-7ec4-4494-948f-429741c1363c.tmp</t>
  </si>
  <si>
    <t>a2a9e1c1-a13c-4efa-a5b8-f463cc0cc65c.tmp</t>
  </si>
  <si>
    <t>\\acsfs\profiles$\LUCASNS\Downloads\a2a9e1c1-a13c-4efa-a5b8-f463cc0cc65c.tmp</t>
  </si>
  <si>
    <t>2fc06668-448d-4a60-900d-dcf30a8ba26b.tmp</t>
  </si>
  <si>
    <t>\\acsfs\profiles$\LUCASNS\Downloads\2fc06668-448d-4a60-900d-dcf30a8ba26b.tmp</t>
  </si>
  <si>
    <t>c72fa3e7-8087-4346-82f4-afe30340e6a2.tmp</t>
  </si>
  <si>
    <t>\\acsfs\profiles$\LUCASNS\Downloads\c72fa3e7-8087-4346-82f4-afe30340e6a2.tmp</t>
  </si>
  <si>
    <t>67bb9f77-5efe-49d1-bafe-83c9845f4a59.tmp</t>
  </si>
  <si>
    <t>\\acsfs\profiles$\ALYNYA\Downloads\67bb9f77-5efe-49d1-bafe-83c9845f4a59.tmp</t>
  </si>
  <si>
    <t>b138ee5d-cfce-4126-a859-c0f1b347eb70.tmp</t>
  </si>
  <si>
    <t>\\acsfs\profiles$\larissaad\Downloads\b138ee5d-cfce-4126-a859-c0f1b347eb70.tmp</t>
  </si>
  <si>
    <t>37d5095e-3f20-426f-bf86-19c3a0f38b5a.tmp</t>
  </si>
  <si>
    <t>\\acsfs\profiles$\larissaad\Downloads\37d5095e-3f20-426f-bf86-19c3a0f38b5a.tmp</t>
  </si>
  <si>
    <t>lu307362wqyk4.tmp</t>
  </si>
  <si>
    <t>\\acsfs\profiles$\VIVIANALDS\My Documents\lu307362wqyk4.tmp</t>
  </si>
  <si>
    <t>\\acsfs\profiles$\VIVIANALDS\My Documents\lu307362wqyk4.tmp\</t>
  </si>
  <si>
    <t>f922bfc8-e855-4b57-a9d1-96903053eb65.tmp</t>
  </si>
  <si>
    <t>\\acsfs\profiles$\geovannasm\Downloads\f922bfc8-e855-4b57-a9d1-96903053eb65.tmp</t>
  </si>
  <si>
    <t>133018f8-adb9-48af-acba-741c089d9617.tmp</t>
  </si>
  <si>
    <t>\\acsfs\profiles$\geovannasm\Downloads\133018f8-adb9-48af-acba-741c089d9617.tmp</t>
  </si>
  <si>
    <t>52a111e4-37ac-404d-880c-6188beb73b78.tmp</t>
  </si>
  <si>
    <t>\\acsfs\profiles$\gabrielarb\Downloads\52a111e4-37ac-404d-880c-6188beb73b78.tmp</t>
  </si>
  <si>
    <t>6856f793-91e8-491d-8ee6-943343e1a64e.tmp</t>
  </si>
  <si>
    <t>\\acsfs\profiles$\larissaad\Downloads\6856f793-91e8-491d-8ee6-943343e1a64e.tmp</t>
  </si>
  <si>
    <t>\\acsfs\Deptos\Operacao\Banco_Votorantim\Qualidade\Print's contestações TSA\</t>
  </si>
  <si>
    <t>\\acsfs\Deptos\Operacao\Banco_Votorantim\Qualidade\Print's contestações TSA\Thumbs.db</t>
  </si>
  <si>
    <t>0155efc5-174f-4159-8abd-92130983c5fd.tmp</t>
  </si>
  <si>
    <t>\\acsfs\profiles$\milenaas\Downloads\0155efc5-174f-4159-8abd-92130983c5fd.tmp</t>
  </si>
  <si>
    <t>a0042a40-b9a7-412b-b3b9-211a564a7aab.tmp</t>
  </si>
  <si>
    <t>\\acsfs\profiles$\milenaas\Downloads\a0042a40-b9a7-412b-b3b9-211a564a7aab.tmp</t>
  </si>
  <si>
    <t>30e0aa0b-e576-46f1-8c89-0c40fddc0e26.tmp</t>
  </si>
  <si>
    <t>\\acsfs\profiles$\lorrainerdl\Downloads\30e0aa0b-e576-46f1-8c89-0c40fddc0e26.tmp</t>
  </si>
  <si>
    <t>cb896038-386c-4aaf-ad02-f37158c58ac4.tmp</t>
  </si>
  <si>
    <t>\\acsfs\profiles$\lorrainerdl\Downloads\cb896038-386c-4aaf-ad02-f37158c58ac4.tmp</t>
  </si>
  <si>
    <t>df9a5031-e625-4b74-b205-e7fc5bad42c9.tmp</t>
  </si>
  <si>
    <t>\\acsfs\profiles$\lorrainerdl\Downloads\df9a5031-e625-4b74-b205-e7fc5bad42c9.tmp</t>
  </si>
  <si>
    <t>\\acsfs\profiles$\nathaliarmr\Contacts\</t>
  </si>
  <si>
    <t>NATHALIA RIOS MODESTO RODRIGUES (12).contact</t>
  </si>
  <si>
    <t>\\acsfs\profiles$\nathaliarmr\Contacts\NATHALIA RIOS MODESTO RODRIGUES (12).contact</t>
  </si>
  <si>
    <t>\\acsfs\profiles$\nathaliarmr\My Documents\My Videos\</t>
  </si>
  <si>
    <t>\\acsfs\profiles$\nathaliarmr\My Documents\My Videos\desktop.ini</t>
  </si>
  <si>
    <t>\\acsfs\profiles$\nathaliarmr\My Documents\My Pictures\</t>
  </si>
  <si>
    <t>\\acsfs\profiles$\nathaliarmr\My Documents\My Pictures\desktop.ini</t>
  </si>
  <si>
    <t>\\acsfs\profiles$\nathaliarmr\Contacts\desktop.ini</t>
  </si>
  <si>
    <t>\\acsfs\profiles$\nathaliarmr\Favorites\</t>
  </si>
  <si>
    <t>\\acsfs\profiles$\nathaliarmr\Favorites\desktop.ini</t>
  </si>
  <si>
    <t>\\acsfs\profiles$\nathaliarmr\My Documents\My Music\</t>
  </si>
  <si>
    <t>\\acsfs\profiles$\nathaliarmr\My Documents\My Music\desktop.ini</t>
  </si>
  <si>
    <t>\\acsfs\profiles$\nathaliarmr\Searches\</t>
  </si>
  <si>
    <t>\\acsfs\profiles$\nathaliarmr\Searches\desktop.ini</t>
  </si>
  <si>
    <t>\\acsfs\profiles$\nathaliarmr\Downloads\desktop.ini</t>
  </si>
  <si>
    <t>\\acsfs\profiles$\nathaliarmr\My Documents\</t>
  </si>
  <si>
    <t>\\acsfs\profiles$\nathaliarmr\My Documents\desktop.ini</t>
  </si>
  <si>
    <t>\\acsfs\profiles$\nathaliarmr\Saved Games\</t>
  </si>
  <si>
    <t>\\acsfs\profiles$\nathaliarmr\Saved Games\desktop.ini</t>
  </si>
  <si>
    <t>\\acsfs\profiles$\nathaliarmr\Favorites\Links for Brasil\</t>
  </si>
  <si>
    <t>\\acsfs\profiles$\nathaliarmr\Favorites\Links for Brasil\desktop.ini</t>
  </si>
  <si>
    <t>\\acsfs\profiles$\nathaliarmr\Favorites\Links for Brasil\Microsoft Brasil.url</t>
  </si>
  <si>
    <t>\\acsfs\profiles$\nathaliarmr\Favorites\Links for Brasil\Windows Brasil.url</t>
  </si>
  <si>
    <t>\\acsfs\profiles$\nathaliarmr\Favorites\Links for Brasil\MSN Brasil.url</t>
  </si>
  <si>
    <t>43e986ca-08b2-4ad7-ba20-59822d5f386a.tmp</t>
  </si>
  <si>
    <t>\\acsfs\profiles$\nathaliarmr\Downloads\43e986ca-08b2-4ad7-ba20-59822d5f386a.tmp</t>
  </si>
  <si>
    <t>Q29udHJvbGxlci5QYXl3YXJl (23).ica</t>
  </si>
  <si>
    <t>\\acsfs\profiles$\nathaliarmr\Downloads\Q29udHJvbGxlci5QYXl3YXJl (23).ica</t>
  </si>
  <si>
    <t>fb456cfe-f824-4c6b-bf66-b23cba888a21.tmp</t>
  </si>
  <si>
    <t>\\acsfs\profiles$\laianear\Downloads\fb456cfe-f824-4c6b-bf66-b23cba888a21.tmp</t>
  </si>
  <si>
    <t>06c42ab6-0adc-4402-a938-782247de5d07.tmp</t>
  </si>
  <si>
    <t>\\acsfs\profiles$\vivianalds\Downloads\06c42ab6-0adc-4402-a938-782247de5d07.tmp</t>
  </si>
  <si>
    <t>4733bbf2-a2a9-4e44-8049-ba02e7088b34.tmp</t>
  </si>
  <si>
    <t>\\acsfs\profiles$\vivianalds\Downloads\4733bbf2-a2a9-4e44-8049-ba02e7088b34.tmp</t>
  </si>
  <si>
    <t>\\acsfs\profiles$\VIVIANALDS\My Documents\lu307362wqyk4.tmp\META-INF\</t>
  </si>
  <si>
    <t>\\acsfs\profiles$\VIVIANALDS\My Documents\lu307362wqyk4.tmp\Thumbnails\</t>
  </si>
  <si>
    <t>lu307362wqyk8.tmp</t>
  </si>
  <si>
    <t>\\acsfs\profiles$\VIVIANALDS\My Documents\lu307362wqyk8.tmp</t>
  </si>
  <si>
    <t>\\acsfs\profiles$\VIVIANALDS\My Documents\lu307362wqyk8.tmp\</t>
  </si>
  <si>
    <t>\\acsfs\profiles$\VIVIANALDS\My Documents\lu307362wqyk8.tmp\META-INF\</t>
  </si>
  <si>
    <t>\\acsfs\profiles$\VIVIANALDS\My Documents\lu307362wqyk8.tmp\Thumbnails\</t>
  </si>
  <si>
    <t>45799cc8-67f7-40e5-acab-0f0a38fe28b2.tmp</t>
  </si>
  <si>
    <t>\\acsfs\profiles$\KARENDSR\Downloads\45799cc8-67f7-40e5-acab-0f0a38fe28b2.tmp</t>
  </si>
  <si>
    <t>37d029bd-4432-4670-8150-dec47a4e9d81.tmp</t>
  </si>
  <si>
    <t>\\acsfs\profiles$\KARENDSR\Downloads\37d029bd-4432-4670-8150-dec47a4e9d81.tmp</t>
  </si>
  <si>
    <t>a4a4bbdf-266f-4067-b940-642825570ea5.tmp</t>
  </si>
  <si>
    <t>\\acsfs\profiles$\KARENDSR\Downloads\a4a4bbdf-266f-4067-b940-642825570ea5.tmp</t>
  </si>
  <si>
    <t>c0d75121-bda4-4349-96cf-df15854ed612.tmp</t>
  </si>
  <si>
    <t>\\acsfs\profiles$\paulovadc\Downloads\c0d75121-bda4-4349-96cf-df15854ed612.tmp</t>
  </si>
  <si>
    <t>78122967-1e73-413c-a838-51b35ebd0089.tmp</t>
  </si>
  <si>
    <t>\\acsfs\profiles$\lucasgpe\Downloads\78122967-1e73-413c-a838-51b35ebd0089.tmp</t>
  </si>
  <si>
    <t>lu19764596hgr.tmp</t>
  </si>
  <si>
    <t>\\acsfs\profiles$\dhiulliananads\My Documents\lu19764596hgr.tmp</t>
  </si>
  <si>
    <t>\\acsfs\profiles$\dhiulliananads\My Documents\lu19764596hgr.tmp\</t>
  </si>
  <si>
    <t>\\acsfs\profiles$\dhiulliananads\My Documents\lu19764596hgr.tmp\META-INF\</t>
  </si>
  <si>
    <t>\\acsfs\profiles$\dhiulliananads\My Documents\lu19764596hgr.tmp\Thumbnails\</t>
  </si>
  <si>
    <t>8224f8d1-b135-45ba-8613-fb9910faeed4.tmp</t>
  </si>
  <si>
    <t>\\acsfs\profiles$\milenaas\Downloads\8224f8d1-b135-45ba-8613-fb9910faeed4.tmp</t>
  </si>
  <si>
    <t>a059864f-23c6-44e7-9f2d-7434cb5bf6d9.tmp</t>
  </si>
  <si>
    <t>\\acsfs\profiles$\milenaas\Downloads\a059864f-23c6-44e7-9f2d-7434cb5bf6d9.tmp</t>
  </si>
  <si>
    <t>4efc7183-e82b-4e8c-a96d-6146caedd0cd.tmp</t>
  </si>
  <si>
    <t>\\acsfs\profiles$\lorrainerdl\Downloads\4efc7183-e82b-4e8c-a96d-6146caedd0cd.tmp</t>
  </si>
  <si>
    <t>7a2ca877-209f-49f2-895c-57acc43b256b.tmp</t>
  </si>
  <si>
    <t>\\acsfs\profiles$\nathaliarmr\Downloads\7a2ca877-209f-49f2-895c-57acc43b256b.tmp</t>
  </si>
  <si>
    <t>Q29udHJvbGxlci5DYWxjdWxhZG9yYURlVmVuY2lt (15).ica</t>
  </si>
  <si>
    <t>\\acsfs\profiles$\nathaliarmr\Downloads\Q29udHJvbGxlci5DYWxjdWxhZG9yYURlVmVuY2lt (15).ica</t>
  </si>
  <si>
    <t>8e70e5f7-6334-4666-bd09-fb6766d148d0.tmp</t>
  </si>
  <si>
    <t>\\acsfs\profiles$\nathaliarmr\Downloads\8e70e5f7-6334-4666-bd09-fb6766d148d0.tmp</t>
  </si>
  <si>
    <t>\\acsfs\profiles$\nathaliarmr\</t>
  </si>
  <si>
    <t>\\acsfs\profiles$\nathaliarmr\Thumbs.db</t>
  </si>
  <si>
    <t>30579bc1-5ec7-42c9-808c-3afb21a7afa1.tmp</t>
  </si>
  <si>
    <t>\\acsfs\profiles$\vivianalds\Downloads\30579bc1-5ec7-42c9-808c-3afb21a7afa1.tmp</t>
  </si>
  <si>
    <t>8a1e50d4-4269-446a-87d3-28fb428c7173.tmp</t>
  </si>
  <si>
    <t>\\acsfs\profiles$\vivianalds\Downloads\8a1e50d4-4269-446a-87d3-28fb428c7173.tmp</t>
  </si>
  <si>
    <t>77985192-49bb-494e-8962-0f67555e6532.tmp</t>
  </si>
  <si>
    <t>\\acsfs\profiles$\vivianalds\Downloads\77985192-49bb-494e-8962-0f67555e6532.tmp</t>
  </si>
  <si>
    <t>8f2618fb-5ed9-44c5-8921-dc2102babf1a.tmp</t>
  </si>
  <si>
    <t>\\acsfs\profiles$\rafaelamsv\Downloads\8f2618fb-5ed9-44c5-8921-dc2102babf1a.tmp</t>
  </si>
  <si>
    <t>10.200.60.44</t>
  </si>
  <si>
    <t>D8-9C-67-6F-27-0D</t>
  </si>
  <si>
    <t>NB-CARLOSRCOS</t>
  </si>
  <si>
    <t>carlosrcos@algartech.com</t>
  </si>
  <si>
    <t>C:\Users\carlosrcos\Desktop\</t>
  </si>
  <si>
    <t>Objetivos 1º semestre 2020_V01.xlsx</t>
  </si>
  <si>
    <t>f87f13f5-9f08-4f89-892c-66cada86de74.tmp</t>
  </si>
  <si>
    <t>\\acsfs\profiles$\ERICALSR\Downloads\f87f13f5-9f08-4f89-892c-66cada86de74.tmp</t>
  </si>
  <si>
    <t>C:\Users\mariannacsm\Downloads\TEMPLATE.pptx\</t>
  </si>
  <si>
    <t>d11b6773-2846-4645-a4da-9f9da492b8df.tmp</t>
  </si>
  <si>
    <t>\\acsfs\profiles$\LUCASBS\Downloads\d11b6773-2846-4645-a4da-9f9da492b8df.tmp</t>
  </si>
  <si>
    <t>f81df371-d36f-4c6d-8738-333f0a7e95ed.tmp</t>
  </si>
  <si>
    <t>\\acsfs\profiles$\LUCASBS\Downloads\f81df371-d36f-4c6d-8738-333f0a7e95ed.tmp</t>
  </si>
  <si>
    <t>164314e1-5959-41b9-9699-5d35a3e34575.tmp</t>
  </si>
  <si>
    <t>\\acsfs\profiles$\nataliacsl\Downloads\164314e1-5959-41b9-9699-5d35a3e34575.tmp</t>
  </si>
  <si>
    <t>96ec4be6-685d-4ef7-bad7-fb7975917a72.tmp</t>
  </si>
  <si>
    <t>\\acsfs\profiles$\nataliacsl\Downloads\96ec4be6-685d-4ef7-bad7-fb7975917a72.tmp</t>
  </si>
  <si>
    <t>8447dc42-8601-4c18-9ae7-8bfa004d3892.tmp</t>
  </si>
  <si>
    <t>\\acsfs\profiles$\gabrielarb\Downloads\8447dc42-8601-4c18-9ae7-8bfa004d3892.tmp</t>
  </si>
  <si>
    <t>e562f12d-952b-45ce-a0e8-6ef8d0b8b0f8.tmp</t>
  </si>
  <si>
    <t>\\acsfs\profiles$\larissaad\Downloads\e562f12d-952b-45ce-a0e8-6ef8d0b8b0f8.tmp</t>
  </si>
  <si>
    <t>0dc0b21a-42b4-48e9-89ef-c5226232ea6a.tmp</t>
  </si>
  <si>
    <t>\\acsfs\profiles$\lorraynevam\Downloads\0dc0b21a-42b4-48e9-89ef-c5226232ea6a.tmp</t>
  </si>
  <si>
    <t>ec85c38c-f08c-4bd7-9f73-b9ec375bfcc2.tmp</t>
  </si>
  <si>
    <t>\\acsfs\profiles$\lorraynevam\Downloads\ec85c38c-f08c-4bd7-9f73-b9ec375bfcc2.tmp</t>
  </si>
  <si>
    <t>485e5d53-8971-4731-a1e9-d118394922d5.tmp</t>
  </si>
  <si>
    <t>\\acsfs\profiles$\lorraynevam\Downloads\485e5d53-8971-4731-a1e9-d118394922d5.tmp</t>
  </si>
  <si>
    <t>68280882-9ad4-4d47-b062-f0bc54262029.tmp</t>
  </si>
  <si>
    <t>\\acsfs\profiles$\luanaagl\Downloads\68280882-9ad4-4d47-b062-f0bc54262029.tmp</t>
  </si>
  <si>
    <t>18588c71-2399-4a9e-add1-6f41565f9133.tmp</t>
  </si>
  <si>
    <t>\\acsfs\profiles$\luanaagl\Downloads\18588c71-2399-4a9e-add1-6f41565f9133.tmp</t>
  </si>
  <si>
    <t>7b285994-2e22-40b1-b6af-1c72f45a4a0b.tmp</t>
  </si>
  <si>
    <t>\\acsfs\profiles$\luanaagl\Downloads\7b285994-2e22-40b1-b6af-1c72f45a4a0b.tmp</t>
  </si>
  <si>
    <t>pausas.url:favicon</t>
  </si>
  <si>
    <t>\\acsfs\profiles$\vanessacgs\Favorites\pausas.url:favicon</t>
  </si>
  <si>
    <t>c:\users\gustavodsil\appdata\local\google\chrome\user data\default\databases\https_mail.google.com_0\</t>
  </si>
  <si>
    <t>553bd284-4042-444a-a019-fdee251793c2.tmp</t>
  </si>
  <si>
    <t>\\acsfs\profiles$\antoniosva\Downloads\553bd284-4042-444a-a019-fdee251793c2.tmp</t>
  </si>
  <si>
    <t>fd528dde-e736-409f-b9f6-ac2b522b5ea9.tmp</t>
  </si>
  <si>
    <t>\\acsfs\profiles$\victoriaksr\Downloads\fd528dde-e736-409f-b9f6-ac2b522b5ea9.tmp</t>
  </si>
  <si>
    <t>cc8656f6-5a18-44e8-9f82-f0f2ab01734f.tmp</t>
  </si>
  <si>
    <t>\\acsfs\profiles$\victoriaksr\Downloads\cc8656f6-5a18-44e8-9f82-f0f2ab01734f.tmp</t>
  </si>
  <si>
    <t>C:\Users\yuriifd\Downloads\</t>
  </si>
  <si>
    <t>Budget 2020 v1.xlsx</t>
  </si>
  <si>
    <t>ancestorhasaugmentedp,containsunsubscribedchildren,displayname,domain,emailaddre,emailaddress,filesize,id),lastmodifyinguser(kind,lastviewedbymedate,modifiedbymedate,ontainsunsubscribedchildren,owners(kind,permissionid,picture,qu1fzanikwkufootzh8ehx4vb15eujw1vdnvk4k0_sr-y-fixxfphf20bvzruhgl-mggzy2raytgh-njbukyurj9nvfrm0_dui1-vwcf5ub_ryyklelp7gsg__taqh3lzrqjnx2olmxyzaqfh62mt_zpateyfzxohs2htt__qbcpii9zdramzlhl3roqkcn-ikqc4qyjwr2infezo7-j79vd75oqt6lgy9438ki2f6yytdj-aohqcds,rpermissions</t>
  </si>
  <si>
    <t>ancestorhasaugmentedp,containsunsubscribedchildren,displayname,domain,emailaddre,emailaddress,filesize,id),lastmodifyinguser(kind,lastviewedbymedate,modifiedbymedate,ontainsunsubscribedchildren,owners(kind,permissionid,picture,rpermissions</t>
  </si>
  <si>
    <t>ancestorhasaugmentedp,ancestorhasaugmentedpermissions,containsunsubscribedchildren,displa,displayname,domain,emailaddre,emailaddress,explicitlytrashed�,file(kind,fileid,filesize,hasthumbnail,hasvisitorpermissions,id,id),items(deleted,ken,kind,lastmodifyinguser(kind,lastviewedbymedate,modifiedbymedate,modifieddate,ontainsunsubscribedchildren,owners(kind,permissionid,picture,rpermissions,shared,sharedwithmedate,thumbnailversion,title,userpermission(role)</t>
  </si>
  <si>
    <t>cb00ba12-b03e-470c-8784-dd72e7096cc3.tmp</t>
  </si>
  <si>
    <t>\\acsfs\profiles$\geovannasm\Downloads\cb00ba12-b03e-470c-8784-dd72e7096cc3.tmp</t>
  </si>
  <si>
    <t>a8ef4881-0f3e-4b15-b2f9-0a6d96a2a663.tmp</t>
  </si>
  <si>
    <t>\\acsfs\profiles$\geovannasm\Downloads\a8ef4881-0f3e-4b15-b2f9-0a6d96a2a663.tmp</t>
  </si>
  <si>
    <t>mail.google.com/_/upload?authuser=0&amp;dcp=asu-n&amp;upload_id=AEnB2UrCKZ0b-tqzAw43ugsAeHMrDen6Dv_4lU24OSafaz9aLAmzbiRA87Hh9wRVaMwJlwLHehtlD0wMmwsB6xmH4bW3R4F4u0YFisocjPC8UF9gjjKX3rc&amp;upload_protocol=resumable</t>
  </si>
  <si>
    <t>4e37fbaf-b026-4c75-9acc-9d7ad3ad48a6.tmp</t>
  </si>
  <si>
    <t>\\acsfs\profiles$\nataliacsl\Downloads\4e37fbaf-b026-4c75-9acc-9d7ad3ad48a6.tmp</t>
  </si>
  <si>
    <t>3e159012-5003-41b7-8c4f-4758537c1aae.tmp</t>
  </si>
  <si>
    <t>\\acsfs\profiles$\wedersonbadr\My Documents\My Music\3e159012-5003-41b7-8c4f-4758537c1aae.tmp</t>
  </si>
  <si>
    <t>63ba2ca7-ac83-4c60-ae73-c95370af3888.tmp</t>
  </si>
  <si>
    <t>\\acsfs\profiles$\wedersonbadr\My Documents\My Music\63ba2ca7-ac83-4c60-ae73-c95370af3888.tmp</t>
  </si>
  <si>
    <t>17e8e2fd-70ab-4f82-9dce-c5e7d233c739.tmp</t>
  </si>
  <si>
    <t>\\acsfs\profiles$\paulovadc\Downloads\17e8e2fd-70ab-4f82-9dce-c5e7d233c739.tmp</t>
  </si>
  <si>
    <t>.~lock.Novo(a) Planilha do Microsoft Excel.xlsx#</t>
  </si>
  <si>
    <t>\\acsfs\profiles$\LUCASBS\Planilhas\.~lock.Novo(a) Planilha do Microsoft Excel.xlsx#</t>
  </si>
  <si>
    <t>\\acsfs\DEPTOS\Operacao\PCP\5 - Comum\ACOMPANHAMENTO TOYOTA\01 - INTRADIÁRIO\2020\01 - JANEIRO\CRC\</t>
  </si>
  <si>
    <t>TOYOTA FRONT - INTRADIARIO - JANEIRO.xlsm</t>
  </si>
  <si>
    <t>\\acsfs\DEPTOS\Operacao\PCP\5 - Comum\ACOMPANHAMENTO TOYOTA\01 - INTRADIÁRIO\2020\01 - JANEIRO\CRC\TOYOTA FRONT - INTRADIARIO - JANEIRO.xlsm</t>
  </si>
  <si>
    <t>10.200.61.19</t>
  </si>
  <si>
    <t>5C-EA-1D-CF-BF-01</t>
  </si>
  <si>
    <t>C:\Users\hugooc\OneDrive\Imagens\Desktop\Excel\User ID Não Encontrado.zip\</t>
  </si>
  <si>
    <t>User ID NÆo Encontrado.xlsx</t>
  </si>
  <si>
    <t>C:\Users\hugooc\OneDrive\Imagens\Desktop\Excel\</t>
  </si>
  <si>
    <t>User ID Não Encontrado.xlsx</t>
  </si>
  <si>
    <t>Treinamentos on cop e securty.xls</t>
  </si>
  <si>
    <t>Treinamento Seguradora.xls</t>
  </si>
  <si>
    <t>Treinamento Mr Brand.xls</t>
  </si>
  <si>
    <t>Treinamento Juliana.xlsx</t>
  </si>
  <si>
    <t>Treinamento Educação Continuada.xls</t>
  </si>
  <si>
    <t>Treinamento Club Celular.xls</t>
  </si>
  <si>
    <t>Tradução de Musicas.xlsx</t>
  </si>
  <si>
    <t>Teste_Conhecimento_Individual_Trafego.xls</t>
  </si>
  <si>
    <t>Teste Tradutor.xls</t>
  </si>
  <si>
    <t>Termo de Aceite - Tatiana - .xls</t>
  </si>
  <si>
    <t>Termo de Aceite - Kelly - .xls</t>
  </si>
  <si>
    <t>Tempo de casa X AHT.xls</t>
  </si>
  <si>
    <t>Template Entrevista - HUGO DE OLIVEIRA CAMARGO - 13 de Junho de 2012.xls</t>
  </si>
  <si>
    <t>Template Algar Tecnologia 31 07 2011.xls</t>
  </si>
  <si>
    <t>Template Algar Tecnologia 15 09 2011.xls</t>
  </si>
  <si>
    <t>Tatiana Mr Brand.xls</t>
  </si>
  <si>
    <t>Tarefas.xls</t>
  </si>
  <si>
    <t>Tabelas de Remuneracao RFP.xls</t>
  </si>
  <si>
    <t>Tabela Dinamica.xlsx</t>
  </si>
  <si>
    <t>SLC Kele.xls</t>
  </si>
  <si>
    <t>Skill operação Bradesco.xlsx</t>
  </si>
  <si>
    <t>Skill Agências VM.xlsx</t>
  </si>
  <si>
    <t>Security.xls</t>
  </si>
  <si>
    <t>rptEspelhoPonto(1).xls</t>
  </si>
  <si>
    <t>Reunião.xls</t>
  </si>
  <si>
    <t>Reunião Vanessa.xls</t>
  </si>
  <si>
    <t>Reunião Igor.xls</t>
  </si>
  <si>
    <t>Reunião com Vanessa.xlsx</t>
  </si>
  <si>
    <t>RETENÇÃO.xls</t>
  </si>
  <si>
    <t>Resultado pede Bis.xls</t>
  </si>
  <si>
    <t>Resultado fora da base.xlsx</t>
  </si>
  <si>
    <t>Resultado até o dia 11.xls</t>
  </si>
  <si>
    <t>Relatório_Plan x Real_25_06.xlsx</t>
  </si>
  <si>
    <t>Relatório_Plan x Real_06_06.xlsx</t>
  </si>
  <si>
    <t>relatórios cms.xls</t>
  </si>
  <si>
    <t>Redesenho.xlsx</t>
  </si>
  <si>
    <t>Rastreamento_New.xls</t>
  </si>
  <si>
    <t>Prova Potencial Assistentes.xlsx</t>
  </si>
  <si>
    <t>Prova Potencial Assistentes (1).xlsx</t>
  </si>
  <si>
    <t>Prova (3).xls</t>
  </si>
  <si>
    <t>Prototico Analise D-1.xls</t>
  </si>
  <si>
    <t>Prototico Analise D-1-2.xls</t>
  </si>
  <si>
    <t>C:\Users\hugooc\OneDrive\Imagens\Desktop\Excel\Prospect's Não Trabalhado.zip\</t>
  </si>
  <si>
    <t>Prospect's NÆo Trabalhado.xlsx</t>
  </si>
  <si>
    <t>Proposta.xlsx</t>
  </si>
  <si>
    <t>Proposta Bônus.xlsx</t>
  </si>
  <si>
    <t>Proposta - Validação_Meta_Julho_Recebíveis_V2.xls</t>
  </si>
  <si>
    <t>C:\Users\hugooc\OneDrive\Imagens\Desktop\Excel\Projeção de Trabalho 26.zip\</t>
  </si>
  <si>
    <t>Proje‡Æo de Trabalho 26.xls</t>
  </si>
  <si>
    <t>Projeção de Trabalho 26.xls</t>
  </si>
  <si>
    <t>C:\Users\hugooc\OneDrive\Imagens\Desktop\Excel\Projeção de Trabalho 26 V2.zip\</t>
  </si>
  <si>
    <t>Proje‡Æo de Trabalho 26 V2.xls</t>
  </si>
  <si>
    <t>Projeção de Trabalho 26 V2.xls</t>
  </si>
  <si>
    <t>Projeção de Trabalho 17 e 18.xls</t>
  </si>
  <si>
    <t>Projeção de NS2.xls</t>
  </si>
  <si>
    <t>Programa Final de semana.xls</t>
  </si>
  <si>
    <t>Produtos Financeiros.xls</t>
  </si>
  <si>
    <t>Preço Coffe Shop.xls</t>
  </si>
  <si>
    <t>Previsão.xls</t>
  </si>
  <si>
    <t>Previsão Financeira.xls</t>
  </si>
  <si>
    <t>Previsão Financeira Outubro.xls</t>
  </si>
  <si>
    <t>Previsão Financeira Outubro - Chat .xls</t>
  </si>
  <si>
    <t>Previsão Financeira Julho.xls</t>
  </si>
  <si>
    <t>Previsão Financeira Dezembro.xls</t>
  </si>
  <si>
    <t>Previsão Financeira Agosto.xls</t>
  </si>
  <si>
    <t>Previsão de NS_hoje.xls</t>
  </si>
  <si>
    <t>Previsão de NS_Back up.xls</t>
  </si>
  <si>
    <t>Previsão de NS.xls</t>
  </si>
  <si>
    <t>Previsão de NS - Inicial.xls</t>
  </si>
  <si>
    <t>Previsão de Bônus.xlsx</t>
  </si>
  <si>
    <t>Previsão Financeira Estabelecimentos - 9 Agosto.xls</t>
  </si>
  <si>
    <t>PREMIO.xls</t>
  </si>
  <si>
    <t>PREMIO 2011.xls</t>
  </si>
  <si>
    <t>Preenchimento de HC.xls</t>
  </si>
  <si>
    <t>Preenchimento de Analise Critica.xls</t>
  </si>
  <si>
    <t>Preencher HC.xls</t>
  </si>
  <si>
    <t>POL´s ABRIL 20122.xlsx</t>
  </si>
  <si>
    <t>Plano de Treinamento.xls</t>
  </si>
  <si>
    <t>Planilha de Comissão Antecipação Recebíveis Junho_2012 ok.xls</t>
  </si>
  <si>
    <t>Planilha de comissionamento.xls</t>
  </si>
  <si>
    <t>Performance Janeiro até Abril.xlsx</t>
  </si>
  <si>
    <t>Performance Jan até Abr.xls</t>
  </si>
  <si>
    <t>Performance Jan até Abr - .xls</t>
  </si>
  <si>
    <t>Performance Extratificado.xlsm</t>
  </si>
  <si>
    <t>Performance Extratificado.xls</t>
  </si>
  <si>
    <t>Performance Extratificado MAI - primeiro maling -.xlsx</t>
  </si>
  <si>
    <t>Perda Financeira Mr Brand.xls</t>
  </si>
  <si>
    <t>Perda Financeira - Tatiana.xls</t>
  </si>
  <si>
    <t>Pausas PL.xlsx</t>
  </si>
  <si>
    <t>Pasta2.xlsx</t>
  </si>
  <si>
    <t>Pasta2.xls</t>
  </si>
  <si>
    <t>Pasta1.xlsx</t>
  </si>
  <si>
    <t>Pasta1.xls</t>
  </si>
  <si>
    <t>Panorama Anual 2010 ALGAR(1).xls</t>
  </si>
  <si>
    <t>Palavras em Inglês.xls</t>
  </si>
  <si>
    <t>Painel_Gestao_a_Vista.xls</t>
  </si>
  <si>
    <t>Oportunidades 25-07.xlsx</t>
  </si>
  <si>
    <t>Oportunidades 25-07 com Categorização.xlsx</t>
  </si>
  <si>
    <t>Ofensores.xls</t>
  </si>
  <si>
    <t>Objetivos nivelamento PCP.xlsx</t>
  </si>
  <si>
    <t>Mr Bônus.xls</t>
  </si>
  <si>
    <t>Mr Brand.xls</t>
  </si>
  <si>
    <t>Meta Chat.xls</t>
  </si>
  <si>
    <t>Meta Back Up.xlsx</t>
  </si>
  <si>
    <t>Meta Back Up Cristina.xlsx</t>
  </si>
  <si>
    <t>Mensuração de Resultados.xlsx</t>
  </si>
  <si>
    <t>Maling Aurio - Junho -.csv</t>
  </si>
  <si>
    <t>Maling Aurio - Julho -.csv</t>
  </si>
  <si>
    <t>login logout lei sac.xlsx</t>
  </si>
  <si>
    <t>Lista de Supervisores e Agentes.xls</t>
  </si>
  <si>
    <t>Lista de Associado - Algar.xls</t>
  </si>
  <si>
    <t>Liberações Donation.xls</t>
  </si>
  <si>
    <t>Liberação Donations.xls</t>
  </si>
  <si>
    <t>Levantamento_Amex_Recebíveis_11.05.2012.xls</t>
  </si>
  <si>
    <t>Levantamento_Acessos Cancelados.xls</t>
  </si>
  <si>
    <t>Levantamento Convenção 2012 - Amex.xlsx</t>
  </si>
  <si>
    <t>Lei Sac.xls</t>
  </si>
  <si>
    <t>Lei Sac..xls</t>
  </si>
  <si>
    <t>Lei Sac AHT.xls</t>
  </si>
  <si>
    <t>Lei Sac 2011 até 2012.xls</t>
  </si>
  <si>
    <t>Lançamentos.xls</t>
  </si>
  <si>
    <t>Justificativa Private Label.xlsx</t>
  </si>
  <si>
    <t>Informações Treinamento.xlsx</t>
  </si>
  <si>
    <t>Informações D-1.xls</t>
  </si>
  <si>
    <t>Informações Apresentação TEMPO .xlsx</t>
  </si>
  <si>
    <t>Informação previsão financeira.xls</t>
  </si>
  <si>
    <t>Indicadores comerciais Hugo.xls</t>
  </si>
  <si>
    <t>Improdutividade.xls</t>
  </si>
  <si>
    <t>Hugo.xlsx</t>
  </si>
  <si>
    <t>HPU.xls</t>
  </si>
  <si>
    <t>Histórico UTI.xls</t>
  </si>
  <si>
    <t>Historico carnaval.xlsx</t>
  </si>
  <si>
    <t>Grupos de Emails.xlsx</t>
  </si>
  <si>
    <t>GRID_PARA 21.08.2012 - Prospect -.xlsx</t>
  </si>
  <si>
    <t>GRID_PARA 20.03.2012 Projeto.xls</t>
  </si>
  <si>
    <t>GRID_PARA 20.03.2012 Projeto - Cópia.xlsm</t>
  </si>
  <si>
    <t>GRID_PARA 18.07.2012.xlsx</t>
  </si>
  <si>
    <t>GRID_PARA 18.07.2012 - Supervisão -.xlsx</t>
  </si>
  <si>
    <t>GRID_PARA 08.08.2012 - Supervisão -.xlsx</t>
  </si>
  <si>
    <t>GRID_PARA 05.10.2012.xlsx</t>
  </si>
  <si>
    <t>Grid com categorizações.xlsx</t>
  </si>
  <si>
    <t>Grid com categorizações - Prospect -.xlsx</t>
  </si>
  <si>
    <t>Grafico.xls</t>
  </si>
  <si>
    <t>GERENTE X OPERAÇÕES x ANALISTAS 28 12.xlsx</t>
  </si>
  <si>
    <t>Formulários KPI's para previsão e provisão - Hugo de Oliveira Camargo22.xls</t>
  </si>
  <si>
    <t>Formulários KPI's para previsão e provisão - Hugo de Oliveira Camargo.xls</t>
  </si>
  <si>
    <t>Formulário de Inserção de Skills.xls</t>
  </si>
  <si>
    <t>Forca tarefa prospects acima de R$ 35.000.xlsx</t>
  </si>
  <si>
    <t>Forca tarefa prospects acima de R$ 35.000 - Carteira Atual.xlsx</t>
  </si>
  <si>
    <t>Forca tarefa prospects acima de R$ 35.000 - Carteira Atual Agosto.xlsx</t>
  </si>
  <si>
    <t>Folgar Ag VM.xls</t>
  </si>
  <si>
    <t>Financeiro Chat.xls</t>
  </si>
  <si>
    <t>Fim de semana Bônus.xlsx</t>
  </si>
  <si>
    <t>FAZER TFL.xls</t>
  </si>
  <si>
    <t>FAZER TFL - Antigo -.xls</t>
  </si>
  <si>
    <t>FAZER ESTRUTURA.xls</t>
  </si>
  <si>
    <t>Faturamento Mr Brand.xls</t>
  </si>
  <si>
    <t>C:\Users\hugooc\OneDrive\Imagens\Desktop\Excel\Extratificado solicitação cliente.zip\</t>
  </si>
  <si>
    <t>Extratificado solicita‡Æo cliente.xlsx</t>
  </si>
  <si>
    <t>Extratificado solicitação cliente.xlsx</t>
  </si>
  <si>
    <t>C:\Users\hugooc\OneDrive\Imagens\Desktop\Excel\Extratificado JAN até MAI.zip\</t>
  </si>
  <si>
    <t>Extratificado JAN at‚ MAI.xlsx</t>
  </si>
  <si>
    <t>Extratificado JAN até MAI.xlsx</t>
  </si>
  <si>
    <t>Extratificado Abril.xlsx</t>
  </si>
  <si>
    <t>Evolução Prospecção.xlsx</t>
  </si>
  <si>
    <t>ESTRUTURA DE GESTÃO BRADESCO.xls</t>
  </si>
  <si>
    <t>Estrutura Carteiras Jun-20122.xls</t>
  </si>
  <si>
    <t>Estrutura Canal Interno.xls</t>
  </si>
  <si>
    <t>Estratégias AMEX.xls</t>
  </si>
  <si>
    <t>C:\Users\hugooc\OneDrive\Imagens\Desktop\Excel\Estratégia Prospect saldo de 1500 até 70000.zip\</t>
  </si>
  <si>
    <t>Estrat‚gia Prospect saldo de 1500 at‚ 70000.xlsx</t>
  </si>
  <si>
    <t>Estratégia Prospect saldo de 1500 até 70000.xlsx</t>
  </si>
  <si>
    <t>Enviado pelo aurio.xlsx</t>
  </si>
  <si>
    <t>Elis.xls</t>
  </si>
  <si>
    <t>Distribuição_Meta_Julho 2012.xls</t>
  </si>
  <si>
    <t>Distribuição_Meta_Julho 2012 - Proposta -.xls</t>
  </si>
  <si>
    <t>Distribuição_Meta_Julho 2012 - distribuição.xls</t>
  </si>
  <si>
    <t>DIMENS_Seguradora_45 Dias_PICO.xlsx</t>
  </si>
  <si>
    <t>DIMENS_ATENDIMENTO PROCON - FEVEREIRO.xlsx</t>
  </si>
  <si>
    <t>Dimensionamento de Pausas Setembro - CHAT - 30 Pessoas .xls</t>
  </si>
  <si>
    <t>Dicionario de Dados - ECH.xls</t>
  </si>
  <si>
    <t>Desconecção de Chat.xlsm</t>
  </si>
  <si>
    <t>Desconecção de Chat.xls</t>
  </si>
  <si>
    <t>5759;</t>
  </si>
  <si>
    <t>https://5759</t>
  </si>
  <si>
    <t>e9d54719-9db3-4671-a29c-d1c0be91bf06.tmp</t>
  </si>
  <si>
    <t>\\acsfs\profiles$\luanaagl\Downloads\e9d54719-9db3-4671-a29c-d1c0be91bf06.tmp</t>
  </si>
  <si>
    <t>121ff51d-b82c-4c9c-be37-27583ee7903f.tmp</t>
  </si>
  <si>
    <t>\\acsfs\profiles$\wedersonbadr\My Documents\My Music\121ff51d-b82c-4c9c-be37-27583ee7903f.tmp</t>
  </si>
  <si>
    <t>8112e5c0-d3e0-4ae4-bbea-1a9ce8133d67.tmp</t>
  </si>
  <si>
    <t>\\acsfs\profiles$\isabellegtds\Downloads\8112e5c0-d3e0-4ae4-bbea-1a9ce8133d67.tmp</t>
  </si>
  <si>
    <t>10fbb24f-b5f7-4967-837e-96de0e0f672c.tmp</t>
  </si>
  <si>
    <t>\\acsfs\profiles$\isabellegtds\Downloads\10fbb24f-b5f7-4967-837e-96de0e0f672c.tmp</t>
  </si>
  <si>
    <t>\\acsfs\profiles$\pamelamcmdsg\Contacts\</t>
  </si>
  <si>
    <t>PAMELA MARIA CRISTINA MACEDO DA SILVA GUEDES (7).contact</t>
  </si>
  <si>
    <t>\\acsfs\profiles$\pamelamcmdsg\Contacts\PAMELA MARIA CRISTINA MACEDO DA SILVA GUEDES (7).contact</t>
  </si>
  <si>
    <t>\\acsfs\profiles$\pamelamcmdsg\My Documents\My Videos\</t>
  </si>
  <si>
    <t>\\acsfs\profiles$\pamelamcmdsg\My Documents\My Videos\desktop.ini</t>
  </si>
  <si>
    <t>\\acsfs\profiles$\pamelamcmdsg\My Documents\My Pictures\</t>
  </si>
  <si>
    <t>\\acsfs\profiles$\pamelamcmdsg\My Documents\My Pictures\desktop.ini</t>
  </si>
  <si>
    <t>\\acsfs\profiles$\pamelamcmdsg\Contacts\desktop.ini</t>
  </si>
  <si>
    <t>\\acsfs\profiles$\pamelamcmdsg\Favorites\</t>
  </si>
  <si>
    <t>\\acsfs\profiles$\pamelamcmdsg\Favorites\desktop.ini</t>
  </si>
  <si>
    <t>\\acsfs\profiles$\pamelamcmdsg\My Documents\My Music\</t>
  </si>
  <si>
    <t>\\acsfs\profiles$\pamelamcmdsg\My Documents\My Music\desktop.ini</t>
  </si>
  <si>
    <t>\\acsfs\profiles$\pamelamcmdsg\Searches\</t>
  </si>
  <si>
    <t>\\acsfs\profiles$\pamelamcmdsg\Searches\desktop.ini</t>
  </si>
  <si>
    <t>\\acsfs\profiles$\pamelamcmdsg\Downloads\desktop.ini</t>
  </si>
  <si>
    <t>\\acsfs\profiles$\pamelamcmdsg\My Documents\desktop.ini</t>
  </si>
  <si>
    <t>\\acsfs\profiles$\pamelamcmdsg\Saved Games\</t>
  </si>
  <si>
    <t>\\acsfs\profiles$\pamelamcmdsg\Saved Games\desktop.ini</t>
  </si>
  <si>
    <t>\\acsfs\profiles$\pamelamcmdsg\Favorites\Links for Brasil\</t>
  </si>
  <si>
    <t>\\acsfs\profiles$\pamelamcmdsg\Favorites\Links for Brasil\desktop.ini</t>
  </si>
  <si>
    <t>\\acsfs\profiles$\pamelamcmdsg\Favorites\Links for Brasil\Microsoft Brasil.url</t>
  </si>
  <si>
    <t>\\acsfs\profiles$\pamelamcmdsg\Favorites\Links for Brasil\Windows Brasil.url</t>
  </si>
  <si>
    <t>\\acsfs\profiles$\pamelamcmdsg\Favorites\Links for Brasil\MSN Brasil.url</t>
  </si>
  <si>
    <t>.~lock.Novo(a) Documento do Microsoft Word.docx#</t>
  </si>
  <si>
    <t>\\acsfs\profiles$\LUCASBS\Planilhas\.~lock.Novo(a) Documento do Microsoft Word.docx#</t>
  </si>
  <si>
    <t>.~lock.Contatos Reneg 19.12.2019.rtf#</t>
  </si>
  <si>
    <t>\\acsfs\profiles$\LUCASBS\Planilhas\.~lock.Contatos Reneg 19.12.2019.rtf#</t>
  </si>
  <si>
    <t>.~lock.Vendas - Copia.xlsx#</t>
  </si>
  <si>
    <t>\\acsfs\profiles$\LUCASBS\Planilhas\.~lock.Vendas - Copia.xlsx#</t>
  </si>
  <si>
    <t>.~lock.Vendas Dezembro.xlsx#</t>
  </si>
  <si>
    <t>\\acsfs\profiles$\LUCASBS\Planilhas\.~lock.Vendas Dezembro.xlsx#</t>
  </si>
  <si>
    <t>\\acsfs\profiles$\LUCASBS\Planilhas\.~lock.Vendas.xlsx#</t>
  </si>
  <si>
    <t>10.200.61.24</t>
  </si>
  <si>
    <t>C:\Users\hugooc\OneDrive\</t>
  </si>
  <si>
    <t>comparativo.xlsx</t>
  </si>
  <si>
    <t>C:\Users\hugooc\OneDrive\Documentos\</t>
  </si>
  <si>
    <t>Pasta (1).xlsx</t>
  </si>
  <si>
    <t>C:\Users\hugooc\OneDrive\Documentos\FINANCEIRO\2019\10 - OUTUBRO\</t>
  </si>
  <si>
    <t>EXTRATO CARTÃO 10.xlsx</t>
  </si>
  <si>
    <t>HUGO_ORÇAMENTO_2019-NB-HUGOOC 3.xlsm</t>
  </si>
  <si>
    <t>C:\Users\hugooc\OneDrive\Área de Trabalho\</t>
  </si>
  <si>
    <t>Conferidor Mega Sena 5.xlsm</t>
  </si>
  <si>
    <t>C:\Users\hugooc\OneDrive\Documentos\Análises\KPI FÊNIX HISTORICO\</t>
  </si>
  <si>
    <t>12 - KPI FÊNIX_Oficial_Dezembro.xlsm</t>
  </si>
  <si>
    <t>C:\Users\hugooc\OneDrive\Imagens\BACKUP2\</t>
  </si>
  <si>
    <t>HMM.xlsx</t>
  </si>
  <si>
    <t>CONTAS.xlsx</t>
  </si>
  <si>
    <t>Avaliação de Volume Abril vs Maio 2014.xlsx</t>
  </si>
  <si>
    <t>Aderência Enviada vs Atual pelo NS.xlsx</t>
  </si>
  <si>
    <t>Aderência - GRCC 7000 - Outubro2.xlsx</t>
  </si>
  <si>
    <t>04-Distribuição de Meta Carteira vs OP Diária UAR 2014.xlsx</t>
  </si>
  <si>
    <t>12 - KPI FÊNIX_DADOS_Dezembro.xlsm</t>
  </si>
  <si>
    <t>10 - KPI FÊNIX_Oficial_Outubro.xlsm</t>
  </si>
  <si>
    <t>10 - KPI FÊNIX_DADOS_Outubro.xlsm</t>
  </si>
  <si>
    <t>09 - KPI FÊNIX_DADOS_Setembro.xlsm</t>
  </si>
  <si>
    <t>09 - KPI FÊNIX_Oficial_Setembro.xlsm</t>
  </si>
  <si>
    <t>C:\Users\hugooc\OneDrive\Documentos\Mapeamentos\Mapas\</t>
  </si>
  <si>
    <t>Mapeamento Nível 3.xlsm</t>
  </si>
  <si>
    <t>C:\Users\hugooc\OneDrive\Documentos\FINANCEIRO\2019\07 - JULHO\</t>
  </si>
  <si>
    <t>HUGO_ORÇAMENTO_2019-NB-HUGOOC 2.xlsm</t>
  </si>
  <si>
    <t>HUGO_ORÇAMENTO_2019-NB-RENAN.xlsm</t>
  </si>
  <si>
    <t>C:\Users\hugooc\OneDrive\Documentos\FINANCEIRO\2019\09 - SETEMBRO\</t>
  </si>
  <si>
    <t>ControlePatrimonio.xlsm</t>
  </si>
  <si>
    <t>financeiro.xlsx</t>
  </si>
  <si>
    <t>v4.2.04 Controle de Investimentos.xlsm</t>
  </si>
  <si>
    <t>Conferidor Mega Sena 3.xlsm</t>
  </si>
  <si>
    <t>EXTRATO CARTÃO 09.xlsx</t>
  </si>
  <si>
    <t>Conferidor Mega Sena 4.xlsm</t>
  </si>
  <si>
    <t>C:\Users\hugooc\OneDrive\Documentos\FINANCEIRO\2019\08 - AGOSTO\</t>
  </si>
  <si>
    <t>EXTRATO CARTÃO 08.xlsx</t>
  </si>
  <si>
    <t>Pasta (1) (1).xlsx</t>
  </si>
  <si>
    <t>C:\Users\hugooc\OneDrive\Documentos\FINANCEIRO\2019\06 - JUNHO\</t>
  </si>
  <si>
    <t>EXTRATO CARTÃO 06.xlsx</t>
  </si>
  <si>
    <t>HUGO_ORÇAMENTO_2019-NB-HUGOOC.xlsm</t>
  </si>
  <si>
    <t>EXTRATO CARTÃO 07.xlsx</t>
  </si>
  <si>
    <t>HUGO_ORÇAMENTO_2019-NB-RENAN-NB-HUGOOC.xlsm</t>
  </si>
  <si>
    <t>HUGO_ORÇAMENTO_2019-NB-RENAN_v2.xlsm</t>
  </si>
  <si>
    <t>Ausências Mr Brand.xls</t>
  </si>
  <si>
    <t>C:\Users\hugooc\OneDrive\Imagens\Desktop\Excel\Carga de Dados Aurio.zip\</t>
  </si>
  <si>
    <t>C:\Users\hugooc\OneDrive\Imagens\Desktop\TREINAMENTO CONTROL DESK\</t>
  </si>
  <si>
    <t>Compartilhamento.xlsx</t>
  </si>
  <si>
    <t>Priorização SKILL - Antecipação de Recebíveis.xlsx</t>
  </si>
  <si>
    <t>Priorização SKILL - Cobrança.xlsx</t>
  </si>
  <si>
    <t>Priorização SKILL - Corporate, OPC.xlsx</t>
  </si>
  <si>
    <t>Priorização SKILL - Desbloqueios, Produtos e Estabelecimentos.xls</t>
  </si>
  <si>
    <t>FAQ Supervisão.xls</t>
  </si>
  <si>
    <t>Priorização SKILL Fraude Amex.xlsx</t>
  </si>
  <si>
    <t>topicos.xlsx</t>
  </si>
  <si>
    <t>TREINAMENTO CONTROL DESK.xlsx</t>
  </si>
  <si>
    <t>C:\Users\hugooc\OneDrive\Imagens\Desktop\Pawer Point\Modelos de Diagramas.pptx\</t>
  </si>
  <si>
    <t>C:\Users\hugooc\OneDrive\Imagens\Desktop\Pawer Point\Proposta de UTI.pptx\</t>
  </si>
  <si>
    <t>oleObject1.dat</t>
  </si>
  <si>
    <t>oleObject2.dat</t>
  </si>
  <si>
    <t>oleObject3.dat</t>
  </si>
  <si>
    <t>oleObject4.dat</t>
  </si>
  <si>
    <t>oleObject5.dat</t>
  </si>
  <si>
    <t>C:\Users\hugooc\OneDrive\Imagens\Desktop\Pawer Point\top - discussão de faixas v5.ppt\s4\</t>
  </si>
  <si>
    <t>Gráfico do Microsoft Graph.dat</t>
  </si>
  <si>
    <t>Gráfico do Microsoft Graph1.dat</t>
  </si>
  <si>
    <t>Gráfico do Microsoft Graph2.dat</t>
  </si>
  <si>
    <t>Gráfico do Microsoft Graph3.dat</t>
  </si>
  <si>
    <t>Gráfico do Microsoft Graph4.dat</t>
  </si>
  <si>
    <t>Gráfico do Microsoft Graph5.dat</t>
  </si>
  <si>
    <t>Gráfico do Microsoft Graph6.dat</t>
  </si>
  <si>
    <t>think-cell Slide11.dat</t>
  </si>
  <si>
    <t>C:\Users\hugooc\OneDrive\Imagens\Desktop\Pawer Point\Slides\3D-Chart-Collection-Data-Driven.ppt\s4\</t>
  </si>
  <si>
    <t>Microsoft Excel Chart.dat</t>
  </si>
  <si>
    <t>think-cell Slide8.dat</t>
  </si>
  <si>
    <t>C:\Users\hugooc\OneDrive\Imagens\Desktop\Pawer Point\Slides\3D-Charts-Data-Driven.ppt\s4\</t>
  </si>
  <si>
    <t>C:\Users\hugooc\OneDrive\Imagens\Desktop\Pawer Point\Slides\SlideShop.com_3D-Chart-Collection-Data-Driven.ppt\s4\</t>
  </si>
  <si>
    <t>C:\Users\hugooc\OneDrive\Imagens\Desktop\Pawer Point\Slides\SlideShop.com_3D-Charts-Data-Driven.ppt\s4\</t>
  </si>
  <si>
    <t>C:\Users\hugooc\OneDrive\Imagens\Desktop\Pawer Point\Slides\SlideShop_free_slide_-_Data-driven-column-and-bar-graphs.ppt\s2\</t>
  </si>
  <si>
    <t>Chart.dat</t>
  </si>
  <si>
    <t>C:\Users\hugooc\OneDrive\Imagens\Desktop\Pawer Point\PCP\</t>
  </si>
  <si>
    <t>CONTROLE 2.xls</t>
  </si>
  <si>
    <t>CONTROLE 2.xlsx</t>
  </si>
  <si>
    <t>Pasta.xlsx</t>
  </si>
  <si>
    <t>Pasta (2).xlsx</t>
  </si>
  <si>
    <t>1_4947572548536631336.xlsx</t>
  </si>
  <si>
    <t>DUE DILIGENCE.xlsx</t>
  </si>
  <si>
    <t>C:\Users\hugooc\OneDrive\Documentos\Análises\</t>
  </si>
  <si>
    <t>KPI FÊNIX_Oficial_Dezembro.xlsm</t>
  </si>
  <si>
    <t>KPI FÊNIX_Oficial.xlsm</t>
  </si>
  <si>
    <t>Cópia de AHT Negócio x Transacional.xlsx</t>
  </si>
  <si>
    <t>AHT Negócio x Transacional x SS.xlsx</t>
  </si>
  <si>
    <t>AHT Negócio x Transacional x SS.xlsm</t>
  </si>
  <si>
    <t>C:\Users\hugooc\OneDrive\Documentos\CDV\</t>
  </si>
  <si>
    <t>EXTRATOR_ACS_PRODUÇÃO_DIARIO_CTBC.xls</t>
  </si>
  <si>
    <t>CDV_V3.xlsx</t>
  </si>
  <si>
    <t>Resultados.xlsx</t>
  </si>
  <si>
    <t>CDV_V2.xlsx</t>
  </si>
  <si>
    <t>CDV_CTBC.xlsx</t>
  </si>
  <si>
    <t>CDV_AVON.xlsx</t>
  </si>
  <si>
    <t>CDV_AMEX-WRP.xlsx</t>
  </si>
  <si>
    <t>CDV.xlsx</t>
  </si>
  <si>
    <t>CDV A.xlsx</t>
  </si>
  <si>
    <t>CALLVIEW.XLSX</t>
  </si>
  <si>
    <t>C:\Users\hugooc\OneDrive\Documentos\PESSOAL\</t>
  </si>
  <si>
    <t>historico endomondo.xlsx</t>
  </si>
  <si>
    <t>DESAFIO_PESSOAL_HUGO_17.xlsx</t>
  </si>
  <si>
    <t>Desafio endomondo OUTUBRO 17_V2.xlsx</t>
  </si>
  <si>
    <t>Academia e corrida.xlsx</t>
  </si>
  <si>
    <t>Volume para faturamento.xlsx</t>
  </si>
  <si>
    <t>Volume Faturamento Outubro.xlsx</t>
  </si>
  <si>
    <t>VENDAS VS EFICIÊNCIA.xls</t>
  </si>
  <si>
    <t>Treta.xlsx</t>
  </si>
  <si>
    <t>treinamento.xls</t>
  </si>
  <si>
    <t>Treinamento Excel.xlsx</t>
  </si>
  <si>
    <t>TREINAMENTO DE EXCEL.xlsx</t>
  </si>
  <si>
    <t>Trabalho Eng. Materias.xlsm</t>
  </si>
  <si>
    <t>Trabalho de Qualidade.xlsx</t>
  </si>
  <si>
    <t>Teste (LIMPA).xls</t>
  </si>
  <si>
    <t>Template Algar Tecnologia 23 04 2014.xlsm</t>
  </si>
  <si>
    <t>Template Algar Tecnologia 25 08 2014.xls</t>
  </si>
  <si>
    <t>Template Algar Tecnologia 18 09 20142.csv</t>
  </si>
  <si>
    <t>Template Algar Tecnologia 18 09 2014.csv</t>
  </si>
  <si>
    <t>Template Algar Tecnologia 14 09 2014.xlsm</t>
  </si>
  <si>
    <t>Tabela Dinamica.xls</t>
  </si>
  <si>
    <t>Skills.xlsx</t>
  </si>
  <si>
    <t>Resultados URA_Abril.2014.xls</t>
  </si>
  <si>
    <t>Racional GRCC.xlsx</t>
  </si>
  <si>
    <t>Prova Excel.xlsx</t>
  </si>
  <si>
    <t>Prova.xls</t>
  </si>
  <si>
    <t>Proposta de Relatorio.xlsx</t>
  </si>
  <si>
    <t>PROJEÇÃO PROPOSTA VISA.xlsm</t>
  </si>
  <si>
    <t>Projeto Vendas GRCC.xlsx</t>
  </si>
  <si>
    <t>PLAN NOVEMBRO.xlsx</t>
  </si>
  <si>
    <t>PLAN JANEIRO_1.xlsx</t>
  </si>
  <si>
    <t>PLAN DEZEMBRO_3.xlsx</t>
  </si>
  <si>
    <t>PLAN DEZEMBRO_2.xlsx</t>
  </si>
  <si>
    <t>PLAN DEZEMBRO.xlsx</t>
  </si>
  <si>
    <t>Pessoas julho_V1.xlsx</t>
  </si>
  <si>
    <t>Pessoas julho.xlsx</t>
  </si>
  <si>
    <t>Periódo de Greve.xlsx</t>
  </si>
  <si>
    <t>Pendencia Reunião Fabio.xlsx</t>
  </si>
  <si>
    <t>Pasta3.csv</t>
  </si>
  <si>
    <t>PARTE2.xlsx</t>
  </si>
  <si>
    <t>PAINEL GERENCIAL_DMM_HMM.xlsx</t>
  </si>
  <si>
    <t>PAINEL GERENCIAL_BK.xlsx</t>
  </si>
  <si>
    <t>Painel Financeiro PF Abril.xlsx</t>
  </si>
  <si>
    <t>Orçamento familiar HUGO.xlsx</t>
  </si>
  <si>
    <t>Orçamento familiar CASAMENTO.xlsx</t>
  </si>
  <si>
    <t>NS Intradiario..xlsx</t>
  </si>
  <si>
    <t>NS 55.xlsx</t>
  </si>
  <si>
    <t>Novas Tabela Validas 112014.xlsx</t>
  </si>
  <si>
    <t>Modelo Painel de Controle - CDV.xls</t>
  </si>
  <si>
    <t>Modelo Mapa de Férias HIGH VALUE.xlsx</t>
  </si>
  <si>
    <t>MINUTO OP_V1.xlsx</t>
  </si>
  <si>
    <t>MINUTO OP.xlsx</t>
  </si>
  <si>
    <t>Minutagem Plan por operador.xlsx</t>
  </si>
  <si>
    <t>Mega Sena da Virada 2012-2013.xlsx</t>
  </si>
  <si>
    <t>Matérias Produção.xlsx</t>
  </si>
  <si>
    <t>Matriz Nivelamento Atividades_Murilo.xlsx</t>
  </si>
  <si>
    <t>Mascara DMM.xlsx</t>
  </si>
  <si>
    <t>Maling.xlsx</t>
  </si>
  <si>
    <t>Levantamento_Premissas_Precificação_14.05.2012.xls</t>
  </si>
  <si>
    <t>Levantamento Receita Liquida por Operador - BKO.xlsx</t>
  </si>
  <si>
    <t>Leakage_Out_2014.xlsm</t>
  </si>
  <si>
    <t>Intra Platinum e Retenção.xlsx</t>
  </si>
  <si>
    <t>Incremento Volume High Value - Estudo _ v2.xlsx</t>
  </si>
  <si>
    <t>Impro - CH.xls</t>
  </si>
  <si>
    <t>HUGO ORÇAMENTO.xlsm</t>
  </si>
  <si>
    <t>HUGO CAMARGO - Matriz Nivelamento Atividades.xlsx</t>
  </si>
  <si>
    <t>Horas logadas 132..xlsx</t>
  </si>
  <si>
    <t>HMM.xlsm</t>
  </si>
  <si>
    <t>Histórico de Greve.xlsx</t>
  </si>
  <si>
    <t>Historico de Improdutividade.xls</t>
  </si>
  <si>
    <t>HE SEXTA.xls</t>
  </si>
  <si>
    <t>Gastos.xlsx</t>
  </si>
  <si>
    <t>FATURAMENTO POR OPERAÇÃO.xlsx</t>
  </si>
  <si>
    <t>EXTRATOR_CURVA_INTRADIÁRIA_DEVOLUTIVA_NS.xls</t>
  </si>
  <si>
    <t>EXTRATOR AHT.xls</t>
  </si>
  <si>
    <t>EXTRATOR AHT OUTRO.xls</t>
  </si>
  <si>
    <t>EXTRATOR AHT DIA.xlsm</t>
  </si>
  <si>
    <t>EXTRATOR AHT DIA.xls</t>
  </si>
  <si>
    <t>ESTRUTURA_V1.xlsx</t>
  </si>
  <si>
    <t>ESTRUTURA NECESSÁRIA X ESTRUTURA ATUAL - DE PARA OPERACOES_V2.xlsx</t>
  </si>
  <si>
    <t>ESTRUTURA NECESSÁRIA X ESTRUTURA ATUAL - DE PARA OPERACOES.xlsx</t>
  </si>
  <si>
    <t>Eng Mat_RESOLVIDO.xlsx</t>
  </si>
  <si>
    <t>Eng Mat.xlsx</t>
  </si>
  <si>
    <t>Dimens_Sem_Curva_Setembro (45 dias Novembro 2014)_ILHA PF - G3.xlsx</t>
  </si>
  <si>
    <t>DIMENS_HIGH VALUE_12_2014_COM_DESBLO_HV.xlsm</t>
  </si>
  <si>
    <t>DESCONEXÃO.xlsm</t>
  </si>
  <si>
    <t>Cópia de Template Algar Tecnologia_Atual 30 09 20143.csv</t>
  </si>
  <si>
    <t>Cópia de Template Algar Tecnologia_Atual 30 09 20142.csv</t>
  </si>
  <si>
    <t>Cópia de Template Algar Tecnologia_Atual 30 09 2014.csv</t>
  </si>
  <si>
    <t>Cópia de Skills (2) (2).xlsx</t>
  </si>
  <si>
    <t>Cópia de Grafico.xlsx</t>
  </si>
  <si>
    <t>Cópia de Comparativo2.xlsx</t>
  </si>
  <si>
    <t>Cópia de Algar_Tech_Planejamento e Controle_ CPC_Operação_.xls</t>
  </si>
  <si>
    <t>Cópia de Acompanhamento Intradiário AMEX MR BRAND CONS.xlsm</t>
  </si>
  <si>
    <t>Cópia de Acompanhamento Intradiário AMEX MR BRAND CONS.xls</t>
  </si>
  <si>
    <t>CRONOGRAMA - PLANEJAMENTO BRADESCO - MARÇO - ABRIL.xlsx</t>
  </si>
  <si>
    <t>CRONOGRAMA - PLANEJAMENTO BRADESCO - MARÇO - ABRIL - Repasse Hugo.xlsx</t>
  </si>
  <si>
    <t>CRONOGRAMA - PLANEJAMENTO BRADESCO - Maio - Junho.xlsx</t>
  </si>
  <si>
    <t>CRONOGRAMA - PLANEJAMENTO BRADESCO - Junho - Julho.xlsx</t>
  </si>
  <si>
    <t>CRONOGRAMA - PLANEJAMENTO BRADESCO - ABRIL - MAIO.xlsx</t>
  </si>
  <si>
    <t>Correção Horario de verao.xlsx</t>
  </si>
  <si>
    <t>Controle de HeadCount - AMEX ILHA BRAND PF.xlsx</t>
  </si>
  <si>
    <t>Controle de HeadCount - AMEX ILHA BRAND PF V2.xlsx</t>
  </si>
  <si>
    <t>Controle de HeadCount - AMEX ILHA BRAND PF - NEW.xlsx</t>
  </si>
  <si>
    <t>Comparativo.xlsx</t>
  </si>
  <si>
    <t>CH466_20140715_155106.xls</t>
  </si>
  <si>
    <t>Calculadora.xlsx</t>
  </si>
  <si>
    <t>Calculadora Score.xlsm</t>
  </si>
  <si>
    <t>Calculadora Score.xla</t>
  </si>
  <si>
    <t>BOLAO PALPITES FECHADO.xlsm</t>
  </si>
  <si>
    <t>BOLAO PALPITES CPC.xlsm</t>
  </si>
  <si>
    <t>Blending.xlsx</t>
  </si>
  <si>
    <t>Baseline - OFICIAL2.xlsx</t>
  </si>
  <si>
    <t>Atividades CPC_PLN.xlsx</t>
  </si>
  <si>
    <t>Análise de Greve.xlsx</t>
  </si>
  <si>
    <t>Análise CDV_V6.xlsm</t>
  </si>
  <si>
    <t>ANALISE_CURVA_INTRADIÁRIA_CARNAVAL_V1.xlsm</t>
  </si>
  <si>
    <t>ANALISE_CURVA_INTRADIÁRIA_CARNAVAL.xlsm</t>
  </si>
  <si>
    <t>Analise Feriado Fevereiro.xlsx</t>
  </si>
  <si>
    <t>Analise desconexão3.xlsx</t>
  </si>
  <si>
    <t>Analise desconexão2.xlsx</t>
  </si>
  <si>
    <t>Analise de Curva.xlsx</t>
  </si>
  <si>
    <t>ALTERAÇÃO DE NIVEIS.xlsx</t>
  </si>
  <si>
    <t>ALI EXPRESS.xlsx</t>
  </si>
  <si>
    <t>AHT.xlsx</t>
  </si>
  <si>
    <t>Aderência RCP-MR-HIGH VALUE recebido - Comaprativo.xls</t>
  </si>
  <si>
    <t>Acompanhamento Programada ABR14.xlsx</t>
  </si>
  <si>
    <t>ACOMPANHAMENTO MINUTOS POR OP2.xlsx</t>
  </si>
  <si>
    <t>ACOMPANHAMENTO MINUTOS POR OP.xlsm</t>
  </si>
  <si>
    <t>Acompanhamento Intradiário AMEX Crédito GRCC - com Skill 97.xls</t>
  </si>
  <si>
    <t>10 - EXPORTAÇÃO FORECAST E AHT OFICIAL2.xlsm</t>
  </si>
  <si>
    <t>08 - Checklist_Planejamento.V1.2 - BRAND GRCC.xls</t>
  </si>
  <si>
    <t>07 - Checklist_Planejamento.V1.2 - BRAND GRCC.xls</t>
  </si>
  <si>
    <t>03 - Formalização Volumetria - 2015_Faturamento.xlsx</t>
  </si>
  <si>
    <t>YTD_ILHA_PF_V2.xlsm</t>
  </si>
  <si>
    <t>YTD_ILHA_PF.xlsm</t>
  </si>
  <si>
    <t>11 - KPI FÊNIX_Oficial_Novembro.xlsm</t>
  </si>
  <si>
    <t>11 - KPI FÊNIX_DADOS_Novembro.xlsm</t>
  </si>
  <si>
    <t>C:\Users\hugooc\OneDrive\Documentos\Análises\Reincidência TMA\</t>
  </si>
  <si>
    <t>Reincidência TMA_V4_Enviar.xlsm</t>
  </si>
  <si>
    <t>Reincidência TMA_V4.xlsx</t>
  </si>
  <si>
    <t>Reincidência TMA_V4.xlsm</t>
  </si>
  <si>
    <t>Reincidência TMA_V3.xlsx</t>
  </si>
  <si>
    <t>Reincidência TMA_Dezembro_14.xlsm</t>
  </si>
  <si>
    <t>Ligações Maiores que 50 Minutos.xlsx</t>
  </si>
  <si>
    <t>C:\Users\hugooc\OneDrive\Documentos\CDV\CDV_WEB\</t>
  </si>
  <si>
    <t>Controle_Ponto_CDV_WEB.xlsx</t>
  </si>
  <si>
    <t>C:\Users\hugooc\OneDrive\Documentos\FACULDADE\2015 - 2°\</t>
  </si>
  <si>
    <t>Matérias e Notas.xlsx</t>
  </si>
  <si>
    <t>C:\Users\hugooc\OneDrive\Documentos\FACULDADE\2016 - 2°\</t>
  </si>
  <si>
    <t>FACULDADE_6.xlsx</t>
  </si>
  <si>
    <t>C:\Users\hugooc\OneDrive\Documentos\FACULDADE\2017 - 1°\</t>
  </si>
  <si>
    <t>C:\Users\hugooc\OneDrive\Documentos\FINANCEIRO\BASE\</t>
  </si>
  <si>
    <t>Bradesco_26012019_160331.csv</t>
  </si>
  <si>
    <t>C:\Users\hugooc\OneDrive\Documentos\FINANCEIRO\VIAGEM\</t>
  </si>
  <si>
    <t>Planejamento Da Viagem.xlsx</t>
  </si>
  <si>
    <t>Mapeamento TSC SE e Outras.xls</t>
  </si>
  <si>
    <t>Mapeamento Sau e Agências.xls</t>
  </si>
  <si>
    <t>Mapeamento Mr Brand, Card, Produtos, HPU, Lei Sac, Retenção, TSC RCP, Canal Int, EBTA, Antecipação.xls</t>
  </si>
  <si>
    <t>Mapeamento GRCC.xlsm</t>
  </si>
  <si>
    <t>Mapeamento Canal Int, EBTA, Antecipação.xls</t>
  </si>
  <si>
    <t>C:\Users\hugooc\OneDrive\Documentos\PESSOAL\OLD\</t>
  </si>
  <si>
    <t>MATERIAL.xlsx</t>
  </si>
  <si>
    <t>DESAFIO_PESSOAL_HUGO_17 - Cópia.xlsx</t>
  </si>
  <si>
    <t>Desafio endomondo out 16.xlsx</t>
  </si>
  <si>
    <t>Desafio endomondo dez 16.xlsx</t>
  </si>
  <si>
    <t>Desafio endomondo ABRIL 17_V2.xlsx</t>
  </si>
  <si>
    <t>Desafio endomondo AGOSTO 17_V2.xlsx</t>
  </si>
  <si>
    <t>Desafio endomondo ABRIL 17.xlsx</t>
  </si>
  <si>
    <t>C:\Users\hugooc\OneDrive\Imagens\DCIM\Download\</t>
  </si>
  <si>
    <t>carrorama_hugoacs2008@gmail.com_02-10-2014_21h54min.xlsx</t>
  </si>
  <si>
    <t>Volume MR Brand.xls</t>
  </si>
  <si>
    <t>Volume MR Brand (Reparado).xls</t>
  </si>
  <si>
    <t>Verificar Antecipações.xlsx</t>
  </si>
  <si>
    <t>verificar resultado JUNHO 2012.xls</t>
  </si>
  <si>
    <t>Demandas Hugo - Cópia.xlsm</t>
  </si>
  <si>
    <t>Dados para termo de aceite Maio.xlsx</t>
  </si>
  <si>
    <t>Dados operacionais.xlsx</t>
  </si>
  <si>
    <t>Dados operacionais(Mascara).xls</t>
  </si>
  <si>
    <t>Dados operacionais Agosto.xls</t>
  </si>
  <si>
    <t>Dados Lei Sac.xls</t>
  </si>
  <si>
    <t>Dados AHT FV1 _ Jun a Mar..xls</t>
  </si>
  <si>
    <t>Cópia de Informações Apresentação TEMPO .xlsx</t>
  </si>
  <si>
    <t>Cópia de DIMENS AGENCIAS VMC- Dezembro -.xlsx</t>
  </si>
  <si>
    <t>Cópia de Cópia de Script's.xls</t>
  </si>
  <si>
    <t>Cópia de Curva ABC PARA APRESENTAÇÃO Abril.xlsx</t>
  </si>
  <si>
    <t>Cópia de Card Apresentação - Semanal.xls</t>
  </si>
  <si>
    <t>C:\Users\hugooc\OneDrive\Imagens\Desktop\Excel\Cálculo do TFL.zip\</t>
  </si>
  <si>
    <t>C lculo do TFL.xls</t>
  </si>
  <si>
    <t>Cálculo do TFL.xls</t>
  </si>
  <si>
    <t>Curvas Mr Brand.xls</t>
  </si>
  <si>
    <t>Cupon's Biz.xlsx</t>
  </si>
  <si>
    <t>Cruzamento Categorização X Dados Analíticos.xlsx</t>
  </si>
  <si>
    <t>Cruzamento Categorização x Dados Analíticos - Sexta Avaliar -.xlsx</t>
  </si>
  <si>
    <t>Cruzamento Categorização X Dados Analíticos - Resposta -.xlsx</t>
  </si>
  <si>
    <t>Cruzamento Categorização X Dados Analíticos - Resposta - Conclusão.xlsx</t>
  </si>
  <si>
    <t>Cruzamento Categorização x Dados Analíticos - Fechamento Junho -.xlsx</t>
  </si>
  <si>
    <t>Cruzamento Categorização x Dados Analíticos - Avaliar -.xlsx</t>
  </si>
  <si>
    <t>Cruzamento Categorização x Dados Analíticos - Avaliar - Junho.xlsx</t>
  </si>
  <si>
    <t>Cruzamento Categorização x Dados Analíticos - Avaliar - (2).xlsx</t>
  </si>
  <si>
    <t>Conversão.xlsx</t>
  </si>
  <si>
    <t>Conversão Inbound.xlsx</t>
  </si>
  <si>
    <t>Controle de HeadCount - CHAT.xls</t>
  </si>
  <si>
    <t>Control Desk - Diario de Bordo.xls</t>
  </si>
  <si>
    <t>Control Desk - Diario de Bordo (2).xls</t>
  </si>
  <si>
    <t>Contingencias Operação Algar Agências e CHAT.xls</t>
  </si>
  <si>
    <t>Contas.xlsx</t>
  </si>
  <si>
    <t>Conta assiduidade.xls</t>
  </si>
  <si>
    <t>CONSOLIDADO AUTOMÁTICAS.xlsx</t>
  </si>
  <si>
    <t>Comite Janeiro.xlsx</t>
  </si>
  <si>
    <t>Comite Fevereiro.xlsx</t>
  </si>
  <si>
    <t>Comissão Executiva.xlsx</t>
  </si>
  <si>
    <t>Comissão Algar.xls</t>
  </si>
  <si>
    <t>Comissionamento antecipação de recebiveis.xlsx</t>
  </si>
  <si>
    <t>CLIENTES_SAIRAM_JUNHO 2012.xls</t>
  </si>
  <si>
    <t>Clientes que saíram da base.xls</t>
  </si>
  <si>
    <t>Chat.xls</t>
  </si>
  <si>
    <t>Chat Curva.xlsx</t>
  </si>
  <si>
    <t>Chamadas.xls</t>
  </si>
  <si>
    <t>Chamadas Retenção.xls</t>
  </si>
  <si>
    <t>Chamadas out.xlsx</t>
  </si>
  <si>
    <t>Chamadas de aten. de Retenção.xls</t>
  </si>
  <si>
    <t>CH435_20120530_162738.xls</t>
  </si>
  <si>
    <t>CH410_20120530_163351.xlsx</t>
  </si>
  <si>
    <t>CH410_20120417_092815.xls</t>
  </si>
  <si>
    <t>CH399_20120727_093337.xls</t>
  </si>
  <si>
    <t>CATEGORIAS.xlsx</t>
  </si>
  <si>
    <t>Carteiras.xlsx</t>
  </si>
  <si>
    <t>CARTEIRAS JULHO12.xls ATUALIZADO.xls</t>
  </si>
  <si>
    <t>Card.xls</t>
  </si>
  <si>
    <t>Card Apresentação - Semanal.xls</t>
  </si>
  <si>
    <t>Campanha Biz Canal Interno.xlsx</t>
  </si>
  <si>
    <t>Campanha Biz Antecipação de Recebíveis.xlsx</t>
  </si>
  <si>
    <t>Calculo Prêmio.xls</t>
  </si>
  <si>
    <t>Calculadora.xls</t>
  </si>
  <si>
    <t>Café da manha.xls</t>
  </si>
  <si>
    <t>Bônus Junho.xlsx</t>
  </si>
  <si>
    <t>Base Dados INBOUND Acomp - Comite.xlsx</t>
  </si>
  <si>
    <t>Ações BRAND GRCC e RCP.xlsx</t>
  </si>
  <si>
    <t>Avaliação Previão Do prospect maior que 35 mil.xlsx</t>
  </si>
  <si>
    <t>Avaliação Força Tarefa.xlsx</t>
  </si>
  <si>
    <t>Avaliação de Maling - Cópia.xlsx</t>
  </si>
  <si>
    <t>Automáticas que saíram da base.xls</t>
  </si>
  <si>
    <t>Automáticas que sairam da base de Abril-2011 até Julho-2012.xlsx</t>
  </si>
  <si>
    <t>Atualizar HC com KPI.xls</t>
  </si>
  <si>
    <t>Atualizar Curvas - Virada de Mês.xls</t>
  </si>
  <si>
    <t>Atualizar Curvas - Virada de Mês - Novo Acompanhamento.xls</t>
  </si>
  <si>
    <t>Atendimentos Grcc.xls</t>
  </si>
  <si>
    <t>Atendimento Seguradora.xls</t>
  </si>
  <si>
    <t>Assiduidade.xls</t>
  </si>
  <si>
    <t>Arquivo Tatiana.xls</t>
  </si>
  <si>
    <t>análise taxas Uberlândia.xlsx</t>
  </si>
  <si>
    <t>análise taxas Uberlândia 2.xlsx</t>
  </si>
  <si>
    <t>análise taxas Uberlândia - Qualidade -.xlsx</t>
  </si>
  <si>
    <t>C:\Users\hugooc\OneDrive\Imagens\Desktop\Excel\Análise de Horas.zip\</t>
  </si>
  <si>
    <t>An lise de Horas.xls</t>
  </si>
  <si>
    <t>Análise de Horas.xls</t>
  </si>
  <si>
    <t>Análise de Horas 2.xlsm</t>
  </si>
  <si>
    <t>Análise de Horas - Inicial.xls</t>
  </si>
  <si>
    <t>Antecipações não encontradas - Avaliar -.xlsx</t>
  </si>
  <si>
    <t>Antecipação Junho.xls</t>
  </si>
  <si>
    <t>Antecipação Julho.xls</t>
  </si>
  <si>
    <t>Antecipação Agosto.xls</t>
  </si>
  <si>
    <t>ANALITICO X ANTECIPACAO UAR 05.2012.xlsx</t>
  </si>
  <si>
    <t>Analise.xlsx</t>
  </si>
  <si>
    <t>Analise Elis.xlsx</t>
  </si>
  <si>
    <t>Analise de resultado d-1.xls</t>
  </si>
  <si>
    <t>C:\Users\hugooc\OneDrive\Imagens\Desktop\Excel\Analise de AHT - Chat2 - .zip\</t>
  </si>
  <si>
    <t>Analise de AHT - Chat - .xls</t>
  </si>
  <si>
    <t>C:\Users\hugooc\OneDrive\Imagens\Desktop\Excel\Analise de AHT - Chat.zip\</t>
  </si>
  <si>
    <t>Analise de AHT - Chat - Fevereiro.xls</t>
  </si>
  <si>
    <t>Analise de AHT - Chat - Janeiro.xls</t>
  </si>
  <si>
    <t>C:\Users\hugooc\OneDrive\Imagens\Desktop\Excel\Analise de AHT - Chat - .zip\</t>
  </si>
  <si>
    <t>Amex Campanhas.xls</t>
  </si>
  <si>
    <t>Alteração Pol's.xlsx</t>
  </si>
  <si>
    <t>AHT TSC Chat.xls</t>
  </si>
  <si>
    <t>AHT Retenção e Mr Bônus.xls</t>
  </si>
  <si>
    <t>AHT Lei Sac2.xls</t>
  </si>
  <si>
    <t>AHT Lei Sac.xls</t>
  </si>
  <si>
    <t>AHT de Bônus.xls</t>
  </si>
  <si>
    <t>Agências VM e Privat Label.xlsx</t>
  </si>
  <si>
    <t>Agências VM.xlsx</t>
  </si>
  <si>
    <t>AGENCIAS VMC novo calculo de improdutividade.xlsx</t>
  </si>
  <si>
    <t>Agências 80X20 e 90X10.xlsx</t>
  </si>
  <si>
    <t>Agências com acrecimo de volume.xlsx</t>
  </si>
  <si>
    <t>Acs_Analítico_Fechamento_Maio_2012.xls</t>
  </si>
  <si>
    <t>ACS ANALÍTICO.xls</t>
  </si>
  <si>
    <t>ACS ANALÍTICO - GRID.xlsx</t>
  </si>
  <si>
    <t>Acompanhamento.xlsx</t>
  </si>
  <si>
    <t>Acompanhamento Intradiário AMEX GRCC.xls</t>
  </si>
  <si>
    <t>Acompanhamento Financeiro VISA - Agosto 2011.xls</t>
  </si>
  <si>
    <t>Acompanhamento Financeiro RCP - Agosto 2011.xls</t>
  </si>
  <si>
    <t>Acompanhamento Financeiro GRCC - Agosto 2011.xls</t>
  </si>
  <si>
    <t>Acompanhamento Financeiro CHAT- Novembro 2011.xls</t>
  </si>
  <si>
    <t>Acompanhamento Financeiro CHAT- Dezembro 2011 -1.xls</t>
  </si>
  <si>
    <t>Acompanhamento Financeiro Agências 90 10 - Novembro 2011.xls</t>
  </si>
  <si>
    <t>C:\Users\hugooc\OneDrive\Imagens\Desktop\Excel\Acompanhamento Control Desk 1 (Salvo automaticamente).zip\</t>
  </si>
  <si>
    <t>Acompanhamento Control Desk 1 (Salvo automaticamente).xlsx</t>
  </si>
  <si>
    <t>Planilha de ComissÆo Antecipa‡Æo Receb¡veis Junho_2012 ok.xls</t>
  </si>
  <si>
    <t>20120713_Eborges_Grid.xlsx</t>
  </si>
  <si>
    <t>20120713_Eborges_Carteira_Grid.xlsx</t>
  </si>
  <si>
    <t>20120608_Eborges_Grid_Contato - Qda por carteira -.xlsx</t>
  </si>
  <si>
    <t>12 DEZEMBRO 2010 OCUPACAO E ATENDIMENTO SIMULTANEO CHAT.xls</t>
  </si>
  <si>
    <t>1 - GRID_PROSPECT_CARTEIRAS_JUNHO.xlsm</t>
  </si>
  <si>
    <t>1 - Grid Prospect's JULHO.xlsx</t>
  </si>
  <si>
    <t>% Meta - Canal Interno3.xls</t>
  </si>
  <si>
    <t>% Meta - Canal Interno.xls</t>
  </si>
  <si>
    <t>C:\Users\hugooc\OneDrive\Imagens\Desktop\Extratores\</t>
  </si>
  <si>
    <t>EXTRATOR_WELL.xls</t>
  </si>
  <si>
    <t>EXTRATOR_VDN_TEMPO_URA.xls</t>
  </si>
  <si>
    <t>EXTRATOR_VDN_entrantes_atend_aband_other.xls</t>
  </si>
  <si>
    <t>EXTRATOR_VDN_40.xls</t>
  </si>
  <si>
    <t>EXTRATOR_VDN.xls</t>
  </si>
  <si>
    <t>EXTRATOR_TURACATO_TODOS_NS.xls</t>
  </si>
  <si>
    <t>EXTRATOR_TURACATO_PARA_CURVAS_MEIA_HORA.xls</t>
  </si>
  <si>
    <t>EXTRATOR_TRANSFERIDAS_REALIZADAS_ATENDIDAS_OPERADOR_SKILL.xls</t>
  </si>
  <si>
    <t>EXTRATOR_TRANSFERIDAS_REALIZADAS_ATENDIDAS.xls</t>
  </si>
  <si>
    <t>EXTRATOR_TODOS_NS_AMEX.xls</t>
  </si>
  <si>
    <t>EXTRATOR_TEMPOS_DO_TEMPO_LOGADO_SKILL.xls</t>
  </si>
  <si>
    <t>EXTRATOR_TEMPOS_DO_TEMPO_LOGADO.xls</t>
  </si>
  <si>
    <t>EXTRATOR_TELEVENDAS.xls</t>
  </si>
  <si>
    <t>EXTRATOR_SKILL_MENSAL.xls</t>
  </si>
  <si>
    <t>EXTRATOR_SKILL.xls</t>
  </si>
  <si>
    <t>EXTRATOR_ROGERIO_TMC_NET2.xls</t>
  </si>
  <si>
    <t>EXTRATOR_ROGERIO_TMC_NET.xls</t>
  </si>
  <si>
    <t>EXTRATOR_RECEPTIVO_MENSAL.xls</t>
  </si>
  <si>
    <t>EXTRATOR_RECEPTIVO_LEANDRO.xls</t>
  </si>
  <si>
    <t>EXTRATOR_RECEPTIVO_CE_CA_AHT_CANS_ABN_MAXPA.xls</t>
  </si>
  <si>
    <t>EXTRATOR_RECEPTIVO_MENSAL_NS6_NS8_TMA_AHT.xls</t>
  </si>
  <si>
    <t>EXTRATOR_PRODUTIVIDADE_LOGADA.xls</t>
  </si>
  <si>
    <t>EXTRATOR_PAUSAS_GRUPO_AGENTE.xls</t>
  </si>
  <si>
    <t>EXTRATOR_PARA_CURVAS.xls</t>
  </si>
  <si>
    <t>EXTRATOR_MEDIA_PAS.xls</t>
  </si>
  <si>
    <t>EXTRATOR_LOGIN_LOGOUT_SKILLMAX_MIN.xls</t>
  </si>
  <si>
    <t>EXTRATOR_LOGIN_LOGOUT_SKILL.xls</t>
  </si>
  <si>
    <t>EXTRATOR_LOGIN_LOGOUT_AGENTE.xls</t>
  </si>
  <si>
    <t>EXTRATOR_LOGIN_LOGOUT_AGENTE MUITAS LINHAS.xls</t>
  </si>
  <si>
    <t>EXTRATOR_LOGIN_LOGOUT_AGENTE MUITAS LINHAS COM TEMPO LOGADO.xls</t>
  </si>
  <si>
    <t>EXTRATOR_Lincoln.xls</t>
  </si>
  <si>
    <t>EXTRATOR_leandro antonio.xls</t>
  </si>
  <si>
    <t>EXTRATOR_LOGIN_LOGOUT_SKILL COM TEMPO LOGADO.xls</t>
  </si>
  <si>
    <t>EXTRATOR_JUNIN.xls</t>
  </si>
  <si>
    <t>EXTRATOR_JEAN.xls</t>
  </si>
  <si>
    <t>EXTRATOR_INTERVALO_TEMPOS.xls</t>
  </si>
  <si>
    <t>EXTRATOR_INTERVALO_CE_AHT.xls</t>
  </si>
  <si>
    <t>EXTRATOR_INTERVALO_AMEX_OCC_ACS.xls</t>
  </si>
  <si>
    <t>EXTRATOR_FRANCIELE_PARA_CURVAS_MEIA_HORA.xls</t>
  </si>
  <si>
    <t>EXTRATOR_EVERTON_BA.xls</t>
  </si>
  <si>
    <t>EXTRATOR_EMERSON_TMC_C.OUT_TEMPO_OUT.xls</t>
  </si>
  <si>
    <t>EXTRATOR_EDUARDO_POLICARD_MENSAL.xls</t>
  </si>
  <si>
    <t>EXTRATOR_ECH_SKILL.xls</t>
  </si>
  <si>
    <t>EXTRATOR_ECH_RECHAMADAS.xls</t>
  </si>
  <si>
    <t>EXTRATOR_ECH_POR_SKILL_TRANSFERENCIAS.xls</t>
  </si>
  <si>
    <t>EXTRATOR_ECH_POR_SKILL_DESCONEXÃO.xls</t>
  </si>
  <si>
    <t>EXTRATOR_ECH_SKILL FILTRO POR SEGSTART.xls</t>
  </si>
  <si>
    <t>EXTRATOR_ECH_POR_ID.xls</t>
  </si>
  <si>
    <t>EXTRATOR_ECH_POR_ID (2).xls</t>
  </si>
  <si>
    <t>EXTRATOR_ECH.xls</t>
  </si>
  <si>
    <t>EXTRATOR_DISPONIBILIDADE_ESCALADA.xls</t>
  </si>
  <si>
    <t>EXTRATOR_DIEGO_HUMBERTO_TMA_POR AGENTE USANDO SKILL COMO FILTRO.xls</t>
  </si>
  <si>
    <t>EXTRATOR_DIEGO_HUMBERT(GLS).xls</t>
  </si>
  <si>
    <t>EXTRATOR_DIEGOHG_TME_TMD.xls</t>
  </si>
  <si>
    <t>EXTRATOR_DIEGOHG_MAX_STAFFED.xls</t>
  </si>
  <si>
    <t>EXTRATOR_DIARIO_CE_AHT_MESPERA_NS.xls</t>
  </si>
  <si>
    <t>EXTRATOR_DEYVAO.xls</t>
  </si>
  <si>
    <t>EXTRATOR_DADOS_AMEX_SMS.xlsm</t>
  </si>
  <si>
    <t>Extrator_Curva Intradiáia_.xls</t>
  </si>
  <si>
    <t>EXTRATOR_CONSULTORIA_INTERVALO.xls</t>
  </si>
  <si>
    <t>EXTRATOR_CONSULTORIA_INTERVALO BIASI.xls</t>
  </si>
  <si>
    <t>EXTRATOR_CONSULTORIA.xls</t>
  </si>
  <si>
    <t>EXTRATOR_CTBC.xls</t>
  </si>
  <si>
    <t>EXTRATOR_claro.xls</t>
  </si>
  <si>
    <t>EXTRATOR_claro meia em meia hora.xls</t>
  </si>
  <si>
    <t>EXTRATOR_chamadas, aht e ns dia a dia.xls</t>
  </si>
  <si>
    <t>EXTRATOR_chamadas e aht meia hora.xls</t>
  </si>
  <si>
    <t>EXTRATOR_chamadas e aht dia a dia.xls</t>
  </si>
  <si>
    <t>EXTRATOR_CARLOS_MAX_STAFFED.xls</t>
  </si>
  <si>
    <t>EXTRATOR_BRUNO_MAX PA.xls</t>
  </si>
  <si>
    <t>EXTRATOR_chamadas e aht meia hora (2).xls</t>
  </si>
  <si>
    <t>EXTRATOR_BIO_TEMPOS_OUT.xls</t>
  </si>
  <si>
    <t>EXTRATOR_AMEX.xls</t>
  </si>
  <si>
    <t>EXTRATOR_AMEX ROGER.xls</t>
  </si>
  <si>
    <t>EXTRATOR_AMEX ROGER MEIA HORA.xls</t>
  </si>
  <si>
    <t>EXTRATOR_AGENTE_TMC_C.OUT_TEMPO_OUT.xls</t>
  </si>
  <si>
    <t>EXTRATOR_AGENTE_TEMPO LOGADO.xls</t>
  </si>
  <si>
    <t>EXTRATOR_AGENTE_INTERVALO_TEMPO LOGADO.xls</t>
  </si>
  <si>
    <t>EXTRATOR_AGENTE_INTERVALO_TEMPO LOGADO (2).xls</t>
  </si>
  <si>
    <t>EXTRATOR_AGENTE_INTERVALO.xls</t>
  </si>
  <si>
    <t>EXTRATOR_AGENTE_FATURAMENTO_TIM_LUCIANA.xls</t>
  </si>
  <si>
    <t>EXTRATOR_AGENTE_ESPECIALIDADE_DIARIO.xls</t>
  </si>
  <si>
    <t>EXTRATOR_AGENTE_DIEGO_TRANSFERIDAS.xls</t>
  </si>
  <si>
    <t>EXTRATOR_AGENTE_DIARIO.xls</t>
  </si>
  <si>
    <t>EXTRATOR_AGENTE_CARINA.xls</t>
  </si>
  <si>
    <t>EXTRATOR_AGENTE.xls</t>
  </si>
  <si>
    <t>EXTRATOR_ACS_PRODUÇÃO_DIARIO.xls</t>
  </si>
  <si>
    <t>EXTRATORTRICARD.xls</t>
  </si>
  <si>
    <t>EXTRATOR2.xls</t>
  </si>
  <si>
    <t>EXTRATOR.xls</t>
  </si>
  <si>
    <t>extrator turcato todos NS.xls</t>
  </si>
  <si>
    <t>EXTRATOR SEU JORGE.xls</t>
  </si>
  <si>
    <t>EXTRATOR CARINA.xls</t>
  </si>
  <si>
    <t>ACHADOR DE CHAMADAS_QLD_NOVO_SERVIDOR.xls</t>
  </si>
  <si>
    <t>ACHADOR DE CHAMADAS_QLD_CPS.xls</t>
  </si>
  <si>
    <t>ACHADOR DE CHAMADAS_QLD.xls</t>
  </si>
  <si>
    <t>C:\Users\hugooc\OneDrive\Documentos\CDV\CDV_WEB\CallView\Proposta SaaS.zip\</t>
  </si>
  <si>
    <t>BD TELECOM CallView.xls</t>
  </si>
  <si>
    <t>Volumetria CallView.xls</t>
  </si>
  <si>
    <t>C:\Users\hugooc\OneDrive\Documentos\FACULDADE\2016 - 2°\Engenharia de Métodos\Engenharia de Métodos.zip\</t>
  </si>
  <si>
    <t>APS ENG METODO.xlsx</t>
  </si>
  <si>
    <t>C:\Users\hugooc\OneDrive\Documentos\FACULDADE\2016 - 2°\Engenharia de Métodos\Engenharia de Métodos.zip\MatÃ©ria\</t>
  </si>
  <si>
    <t>Engenharia de metodo 3.xlsx</t>
  </si>
  <si>
    <t>C:\Users\hugooc\OneDrive\Documentos\CDV\CDV_WEB\CallView\</t>
  </si>
  <si>
    <t>Checklist de Piloto e Projetos de Inovação - Algar Tech - v3.xlsx</t>
  </si>
  <si>
    <t>Engenharia de Metodos_T1.xlsx</t>
  </si>
  <si>
    <t>Engenharia de Metodos_V1.xlsx</t>
  </si>
  <si>
    <t>Folga e interverencia.xlsx</t>
  </si>
  <si>
    <t>C:\Users\hugooc\OneDrive\Documentos\FACULDADE\2016 - 2°\Engenharia de Métodos\</t>
  </si>
  <si>
    <t>C:\Users\hugooc\OneDrive\Documentos\FINANCEIRO\2019\01 - JANEIRO\</t>
  </si>
  <si>
    <t>EXTRATO CARTÃO 01.xlsx</t>
  </si>
  <si>
    <t>C:\Users\hugooc\OneDrive\Documentos\FINANCEIRO\2019\02 - FEVEREIRO\</t>
  </si>
  <si>
    <t>EXTRATO CARTÃO 02.xlsx</t>
  </si>
  <si>
    <t>C:\Users\hugooc\OneDrive\Documentos\FINANCEIRO\2019\03 - MARÇO\</t>
  </si>
  <si>
    <t>HUGO_ORÇAMENTO_2019_03.xlsm</t>
  </si>
  <si>
    <t>HUGO_ORÇAMENTO_2019.xlsm</t>
  </si>
  <si>
    <t>EXTRATO CARTÃO 03.xlsx</t>
  </si>
  <si>
    <t>C:\Users\hugooc\OneDrive\Documentos\FINANCEIRO\2019\04 - ABRIL\</t>
  </si>
  <si>
    <t>EXTRATO CARTÃO 04.xlsx</t>
  </si>
  <si>
    <t>C:\Users\hugooc\OneDrive\Documentos\FINANCEIRO\2019\05 - MAIO\</t>
  </si>
  <si>
    <t>EXTRATO CARTÃO 05.xlsx</t>
  </si>
  <si>
    <t>C:\Users\hugooc\OneDrive\Documentos\FINANCEIRO\HISTORICO\2014\</t>
  </si>
  <si>
    <t>HUGO_ORÇAMENTO_2014.xlsm</t>
  </si>
  <si>
    <t>C:\Users\hugooc\OneDrive\Imagens\Desktop\Excel\Prova\Prova_ATJ 02042008.zip\</t>
  </si>
  <si>
    <t>Analise case trafego.xls</t>
  </si>
  <si>
    <t>Calculo de AHT.xls</t>
  </si>
  <si>
    <t>Calculo de assiduidade.xls</t>
  </si>
  <si>
    <t>Calculo de contact rate.xls</t>
  </si>
  <si>
    <t>Calculo de PCA.xls</t>
  </si>
  <si>
    <t>Calculo de volume.xls</t>
  </si>
  <si>
    <t>Calculo NS.xls</t>
  </si>
  <si>
    <t>Calculo tempo medio de abandono.xls</t>
  </si>
  <si>
    <t>Calculo TME.xls</t>
  </si>
  <si>
    <t>Importante.xls</t>
  </si>
  <si>
    <t>Prova Teste.xls</t>
  </si>
  <si>
    <t>Prova_ATJ 02042008.xls</t>
  </si>
  <si>
    <t>C:\Users\hugooc\OneDrive\Imagens\Desktop\Excel\Prova\</t>
  </si>
  <si>
    <t>C:\Users\hugooc\OneDrive\Imagens\Desktop\Excel\Prova\Prova_ATJ 02042008 (2).zip\</t>
  </si>
  <si>
    <t>C:\Users\hugooc\OneDrive\Imagens\Desktop\Excel\Prova\Provas.zip\</t>
  </si>
  <si>
    <t>Alinhamento e Nivelamento.xls</t>
  </si>
  <si>
    <t>Cópia de Prova_ATJ 08042008 _Gabarito.xls</t>
  </si>
  <si>
    <t>Prova Avaliacao do TIME 1 - DOUGLAS ALANN.xls</t>
  </si>
  <si>
    <t>Prova Excel.xls</t>
  </si>
  <si>
    <t>Prova PCP Analista Jan-2010-orig.xls</t>
  </si>
  <si>
    <t>Prova PCP Analista Jan-2010.xls</t>
  </si>
  <si>
    <t>Prova sem resposta.xls</t>
  </si>
  <si>
    <t>Prova-Analist.xls</t>
  </si>
  <si>
    <t>C:\Users\hugooc\OneDrive\Imagens\Desktop\Excel\Prova\Provas.zip\Provas\</t>
  </si>
  <si>
    <t>Prova_Teste.xls</t>
  </si>
  <si>
    <t>Pré-Teste.xls</t>
  </si>
  <si>
    <t>C:\Users\hugooc\OneDrive\Imagens\Desktop\Excel\Prova\Provas.zip\Provas\Provas.rar\</t>
  </si>
  <si>
    <t>CÃ³pia de Prova_ATJ 08042008 _Gabarito.xls</t>
  </si>
  <si>
    <t>C:\Users\hugooc\OneDrive\Imagens\Desktop\Excel\Prova\Provas.rar\</t>
  </si>
  <si>
    <t>C:\Users\hugooc\OneDrive\Imagens\Desktop\Excel\Prova\Provas Praticar.zip\Provas Praticar\</t>
  </si>
  <si>
    <t>C¢pia de Prova Analita de PCP Jr.xls</t>
  </si>
  <si>
    <t>C¢pia de Prova PCP Analista Jan-2010_LORAINE.xls</t>
  </si>
  <si>
    <t>Prova (4).xls</t>
  </si>
  <si>
    <t>Prova Analita de PCP Jr. V2 (2).xls</t>
  </si>
  <si>
    <t>Prova Avalia‡Æo do TIME 1Sem 2010.xls</t>
  </si>
  <si>
    <t>PROVA DE EXCEL - Thomaz Falbo.xls</t>
  </si>
  <si>
    <t>PROVA_APLICAR.xls</t>
  </si>
  <si>
    <t>PROVA.xls</t>
  </si>
  <si>
    <t>Prova-Analist (2).xls</t>
  </si>
  <si>
    <t>prova reciocinio.xlsx</t>
  </si>
  <si>
    <t>Prova PCP Analista Jan-2010 (2).xls</t>
  </si>
  <si>
    <t>PROVA DE EXCEL JOAO V.xls</t>
  </si>
  <si>
    <t>PROVA DE EXCEL (LIMPA).xls</t>
  </si>
  <si>
    <t>PROVA DE EXCEL (FEITA).xls</t>
  </si>
  <si>
    <t>Prova Analita de PCP Jr. V2.xls</t>
  </si>
  <si>
    <t>Prova Analista de PCP Jr.xls</t>
  </si>
  <si>
    <t>PROVA (2).xls</t>
  </si>
  <si>
    <t>Análise de contas_prova.xlsx</t>
  </si>
  <si>
    <t>C:\Users\hugooc\OneDrive\Imagens\Desktop\Legal\Treinamento\Nivelamento.zip\</t>
  </si>
  <si>
    <t>Calculadora - Com Curva.xlsx</t>
  </si>
  <si>
    <t>Calculadora - Sem Curva.xlsx</t>
  </si>
  <si>
    <t>C:\Users\hugooc\OneDrive\Imagens\Desktop\Mapeamentos\Mapas\</t>
  </si>
  <si>
    <t>Mapeamento GRCC.xls</t>
  </si>
  <si>
    <t>C:\Users\hugooc\OneDrive\Documentos\FACULDADE\2016 - 1°\Gestão de Projetos\Materia\</t>
  </si>
  <si>
    <t>RACI.xlsx</t>
  </si>
  <si>
    <t>Projeto - Sequenciamento de atividade.xlsx</t>
  </si>
  <si>
    <t>C:\Users\hugooc\OneDrive\Documentos\FACULDADE\2016 - 2°\Engenharia de Métodos\Matéria\</t>
  </si>
  <si>
    <t>C:\Users\hugooc\OneDrive\Documentos\FACULDADE\2017 - 1°\Gestão de Custos\MATERIA\</t>
  </si>
  <si>
    <t>GESTÃO DE CUSTO - CALCULOS.xlsx</t>
  </si>
  <si>
    <t>C:\Users\hugooc\OneDrive\Documentos\FACULDADE\2017 - 1°\Trabalho de Conclusão de Curso\MATERIAL\</t>
  </si>
  <si>
    <t>Controle.xlsx</t>
  </si>
  <si>
    <t>C:\Users\hugooc\OneDrive\Documentos\FINANCEIRO\HISTORICO\2014\08 AGOSTO\</t>
  </si>
  <si>
    <t>HUGO_ORÇAMENTO_18_08_2014.xlsm</t>
  </si>
  <si>
    <t>C:\Users\hugooc\OneDrive\Documentos\FINANCEIRO\HISTORICO\2014\09 SETEMBRO\</t>
  </si>
  <si>
    <t>HUGO_ORÇAMENTO_13_09_2014.xlsm</t>
  </si>
  <si>
    <t>HUGO_ORÇAMENTO_03_09_2014.xlsm</t>
  </si>
  <si>
    <t>HUGO_ORÇAMENTO_01_09_2014.xlsm</t>
  </si>
  <si>
    <t>C:\Users\hugooc\OneDrive\Documentos\FINANCEIRO\HISTORICO\2014\10 OUTUBRO\</t>
  </si>
  <si>
    <t>HUGO_ORÇAMENTO_30_10_2014.xlsm</t>
  </si>
  <si>
    <t>HUGO_ORÇAMENTO_29_10_2014.xlsm</t>
  </si>
  <si>
    <t>HUGO_ORÇAMENTO_06_10_2014.xlsm</t>
  </si>
  <si>
    <t>HUGO_ORÇAMENTO_01_10_2014.xlsm</t>
  </si>
  <si>
    <t>GASTO_COM_GASOLINA_30_10_14.xlsm</t>
  </si>
  <si>
    <t>GASTO_COM_GASOLINA_29_10_14.xlsm</t>
  </si>
  <si>
    <t>C:\Users\hugooc\OneDrive\Documentos\FINANCEIRO\HISTORICO\2014\11 NOVEMBRO\</t>
  </si>
  <si>
    <t>HUGO_ORÇAMENTO_28_11_2014.xlsm</t>
  </si>
  <si>
    <t>HUGO_ORÇAMENTO_26_11_2014.xlsm</t>
  </si>
  <si>
    <t>HUGO_ORÇAMENTO_04_11_2014.xlsm</t>
  </si>
  <si>
    <t>C:\Users\hugooc\OneDrive\Documentos\FINANCEIRO\HISTORICO\2014\12 DEZEMBRO\</t>
  </si>
  <si>
    <t>HUGO_ORÇAMENTO_19_12_2014.xlsm</t>
  </si>
  <si>
    <t>HUGO_ORÇAMENTO_12_12_2014.xlsm</t>
  </si>
  <si>
    <t>HUGO_ORÇAMENTO_05_12_2014.xlsm</t>
  </si>
  <si>
    <t>GASTO_COM_GASOLINA_12_12_14.xlsm</t>
  </si>
  <si>
    <t>C:\Users\hugooc\OneDrive\Documentos\FINANCEIRO\HISTORICO\2014\2014-PC-SABRINA\</t>
  </si>
  <si>
    <t>C:\Users\hugooc\OneDrive\Documentos\FINANCEIRO\HISTORICO\2015\01 - JANEIRO\</t>
  </si>
  <si>
    <t>HUGO_ORÇAMENTO_27_01_2015.xlsm</t>
  </si>
  <si>
    <t>HUGO_ORÇAMENTO_22_01_2015.xlsm</t>
  </si>
  <si>
    <t>HUGO_ORÇAMENTO_20_01_2015.xlsm</t>
  </si>
  <si>
    <t>HUGO_ORÇAMENTO_14_01_2015.xlsm</t>
  </si>
  <si>
    <t>HUGO_ORÇAMENTO_10_01_2015.xlsm</t>
  </si>
  <si>
    <t>HUGO_ORÇAMENTO_07_01_2015.xlsm</t>
  </si>
  <si>
    <t>HUGO_ORÇAMENTO_05_01_2015.xlsm</t>
  </si>
  <si>
    <t>HUGO_ORÇAMENTO_02_01_2015.xlsm</t>
  </si>
  <si>
    <t>HUGO_ORÇAMENTO_01_01_2015.xlsm</t>
  </si>
  <si>
    <t>C:\Users\hugooc\OneDrive\Documentos\FINANCEIRO\HISTORICO\2015\02 - FEVEREIRO\</t>
  </si>
  <si>
    <t>HUGO_ORÇAMENTO_24_02_2015.xlsm</t>
  </si>
  <si>
    <t>HUGO_ORÇAMENTO_19_02_2015.xlsm</t>
  </si>
  <si>
    <t>HUGO_ORÇAMENTO_18_02_2015.xlsm</t>
  </si>
  <si>
    <t>HUGO_ORÇAMENTO_13_02_2015.xlsm</t>
  </si>
  <si>
    <t>HUGO_ORÇAMENTO_05_02_2015.xlsm</t>
  </si>
  <si>
    <t>C:\Users\hugooc\OneDrive\Documentos\FINANCEIRO\HISTORICO\2015\03 - MARÇO\</t>
  </si>
  <si>
    <t>HUGO_ORÇAMENTO_30_03_2015.xlsm</t>
  </si>
  <si>
    <t>HUGO_ORÇAMENTO_23_03_2015.xlsm</t>
  </si>
  <si>
    <t>HUGO_ORÇAMENTO_19_03_2015.xlsm</t>
  </si>
  <si>
    <t>HUGO_ORÇAMENTO_18_03_2015.xlsm</t>
  </si>
  <si>
    <t>HUGO_ORÇAMENTO_09_03_2015.xlsm</t>
  </si>
  <si>
    <t>HUGO_ORÇAMENTO_02_03_2015.xlsm</t>
  </si>
  <si>
    <t>C:\Users\hugooc\OneDrive\Documentos\FINANCEIRO\HISTORICO\2015\04 - ABRIL\</t>
  </si>
  <si>
    <t>HUGO_ORÇAMENTO_28_04_2015.xlsm</t>
  </si>
  <si>
    <t>HUGO_ORÇAMENTO_21_04_2015.xlsm</t>
  </si>
  <si>
    <t>HUGO_ORÇAMENTO_13_04_2015.xlsm</t>
  </si>
  <si>
    <t>HUGO_ORÇAMENTO_06_04_2015.xlsm</t>
  </si>
  <si>
    <t>C:\Users\hugooc\OneDrive\Documentos\FINANCEIRO\HISTORICO\2015\05 - MAIO\</t>
  </si>
  <si>
    <t>HUGO_ORÇAMENTO_29_05_2015.xlsm</t>
  </si>
  <si>
    <t>HUGO_ORÇAMENTO_25_05_2015.xlsm</t>
  </si>
  <si>
    <t>HUGO_ORÇAMENTO_21_05_2015.xlsm</t>
  </si>
  <si>
    <t>HUGO_ORÇAMENTO_14_05_2015.xlsm</t>
  </si>
  <si>
    <t>HUGO_ORÇAMENTO_12_05_2015.xlsm</t>
  </si>
  <si>
    <t>HUGO_ORÇAMENTO_05_05_2015.xlsm</t>
  </si>
  <si>
    <t>HUGO_ORÇAMENTO_01_05_2015.xlsm</t>
  </si>
  <si>
    <t>CONSTRUÇÃO_21_05_2015.xlsm</t>
  </si>
  <si>
    <t>CONSTRUÇÃO_12_05_2015.xlsm</t>
  </si>
  <si>
    <t>C:\Users\hugooc\OneDrive\Documentos\FINANCEIRO\HISTORICO\2015\06 - JUNHO\</t>
  </si>
  <si>
    <t>HUGO_ORÇAMENTO_21_06_2015.xlsm</t>
  </si>
  <si>
    <t>HUGO_ORÇAMENTO_13_06_2015.xlsm</t>
  </si>
  <si>
    <t>HUGO_ORÇAMENTO_08_06_2015.xlsm</t>
  </si>
  <si>
    <t>CONSTRUÇÃO_01_06_2015.xlsm</t>
  </si>
  <si>
    <t>C:\Users\hugooc\OneDrive\Documentos\FINANCEIRO\HISTORICO\2015\07 - JULHO\</t>
  </si>
  <si>
    <t>HUGO_ORÇAMENTO_26_07_2015.xlsm</t>
  </si>
  <si>
    <t>HUGO_ORÇAMENTO_18_07_2015.xlsm</t>
  </si>
  <si>
    <t>HUGO_ORÇAMENTO_14_07_2015.xlsm</t>
  </si>
  <si>
    <t>HUGO_ORÇAMENTO_09_07_2015.xlsm</t>
  </si>
  <si>
    <t>HUGO_ORÇAMENTO_06_07_2015.xlsm</t>
  </si>
  <si>
    <t>HUGO_ORÇAMENTO_02_07_2015.xlsm</t>
  </si>
  <si>
    <t>CONSTRUÇÃO_26_07_2015.xlsm</t>
  </si>
  <si>
    <t>C:\Users\hugooc\OneDrive\Documentos\FINANCEIRO\HISTORICO\2015\08 - AGOSTO\</t>
  </si>
  <si>
    <t>HUGO_ORÇAMENTO_30_08_2015.xlsm</t>
  </si>
  <si>
    <t>HUGO_ORÇAMENTO_23_08_2015.xlsm</t>
  </si>
  <si>
    <t>HUGO_ORÇAMENTO_14_08_2015.xlsm</t>
  </si>
  <si>
    <t>HUGO_ORÇAMENTO_11_08_2015.xlsm</t>
  </si>
  <si>
    <t>HUGO_ORÇAMENTO_06_08_2015.xlsm</t>
  </si>
  <si>
    <t>HUGO_ORÇAMENTO_01_08_2015.xlsm</t>
  </si>
  <si>
    <t>CONSTRUÇÃO_23_08_2015.xlsm</t>
  </si>
  <si>
    <t>CONSTRUÇÃO_16_08_2015.xlsm</t>
  </si>
  <si>
    <t>CONSTRUÇÃO_01_08_2015.xlsm</t>
  </si>
  <si>
    <t>C:\Users\hugooc\OneDrive\Documentos\FINANCEIRO\HISTORICO\2015\09 - SETEMBRO\</t>
  </si>
  <si>
    <t>HUGO_ORÇAMENTO_27_09_2015.xlsm</t>
  </si>
  <si>
    <t>HUGO_ORÇAMENTO_19_09_2015.xlsm</t>
  </si>
  <si>
    <t>HUGO_ORÇAMENTO_13_09_2015.xlsm</t>
  </si>
  <si>
    <t>HUGO_ORÇAMENTO_08_09_2015.xlsm</t>
  </si>
  <si>
    <t>HUGO_ORÇAMENTO_04_09_2015.xlsm</t>
  </si>
  <si>
    <t>HUGO_ORÇAMENTO_02_09_2015.xlsm</t>
  </si>
  <si>
    <t>CONSTRUÇÃO_27_09_2015.xlsm</t>
  </si>
  <si>
    <t>CONSTRUÇÃO_04_09_2015.xlsm</t>
  </si>
  <si>
    <t>C:\Users\hugooc\OneDrive\Documentos\FINANCEIRO\HISTORICO\2015\10 - OUTUBRO\</t>
  </si>
  <si>
    <t>HUGO_ORÇAMENTO_27_10_2015.xlsm</t>
  </si>
  <si>
    <t>HUGO_ORÇAMENTO_17_10_2015.xlsm</t>
  </si>
  <si>
    <t>HUGO_ORÇAMENTO_09_10_2015.xlsm</t>
  </si>
  <si>
    <t>HUGO_ORÇAMENTO_04_10_2015.xlsm</t>
  </si>
  <si>
    <t>HUGO_ORÇAMENTO_01_10_2015.xlsm</t>
  </si>
  <si>
    <t>CONSTRUÇÃO_04_10_2015.xlsm</t>
  </si>
  <si>
    <t>C:\Users\hugooc\OneDrive\Documentos\FINANCEIRO\HISTORICO\2015\11 - NOVEMBRO\</t>
  </si>
  <si>
    <t>HUGO_ORÇAMENTO_28_11_2015.xlsm</t>
  </si>
  <si>
    <t>HUGO_ORÇAMENTO_08_11_2015.xlsm</t>
  </si>
  <si>
    <t>C:\Users\hugooc\OneDrive\Documentos\FINANCEIRO\HISTORICO\2015\12 - DEZEMBRO\</t>
  </si>
  <si>
    <t>HUGO_ORÇAMENTO_31_12_2015.xlsm</t>
  </si>
  <si>
    <t>HUGO_ORÇAMENTO_24_12_2015.xlsm</t>
  </si>
  <si>
    <t>HUGO_ORÇAMENTO_20_12_2015.xlsm</t>
  </si>
  <si>
    <t>HUGO_ORÇAMENTO_12_12_2015.xlsm</t>
  </si>
  <si>
    <t>HUGO_ORÇAMENTO_10_12_2015.xlsm</t>
  </si>
  <si>
    <t>HUGO_ORÇAMENTO_07_12_2015.xlsm</t>
  </si>
  <si>
    <t>C:\Users\hugooc\OneDrive\Documentos\FINANCEIRO\HISTORICO\2016\01 - JANEIRO\</t>
  </si>
  <si>
    <t>HUGO_ORÇAMENTO_18_01_2016.xlsm</t>
  </si>
  <si>
    <t>HUGO_ORÇAMENTO_08_01_2016.xlsm</t>
  </si>
  <si>
    <t>HUGO_ORÇAMENTO_05_01_2016.xlsm</t>
  </si>
  <si>
    <t>HUGO_ORÇAMENTO_01_01_2016.xlsm</t>
  </si>
  <si>
    <t>HUGO_ORÇAMENTO_03_01_2016.xlsm</t>
  </si>
  <si>
    <t>C:\Users\hugooc\OneDrive\Documentos\FINANCEIRO\HISTORICO\2016\02 - FEVEREIRO\</t>
  </si>
  <si>
    <t>HUGO_ORÇAMENTO_28_02_2016.xlsm</t>
  </si>
  <si>
    <t>HUGO_ORÇAMENTO_17_02_2016.xlsm</t>
  </si>
  <si>
    <t>HUGO_ORÇAMENTO_16_02_2016.xlsm</t>
  </si>
  <si>
    <t>HUGO_ORÇAMENTO_08_02_2016.xlsm</t>
  </si>
  <si>
    <t>HUGO_ORÇAMENTO_01_02_2016.xlsm</t>
  </si>
  <si>
    <t>C:\Users\hugooc\OneDrive\Documentos\FINANCEIRO\HISTORICO\2016\03 - MARÇO\</t>
  </si>
  <si>
    <t>HUGO_ORÇAMENTO_18_03_2016.xlsm</t>
  </si>
  <si>
    <t>HUGO_ORÇAMENTO_27_03_2016.xlsm</t>
  </si>
  <si>
    <t>HUGO_ORÇAMENTO_09_03_2016.xlsm</t>
  </si>
  <si>
    <t>HUGO_ORÇAMENTO_06_03_2016.xlsm</t>
  </si>
  <si>
    <t>C:\Users\hugooc\OneDrive\Documentos\FINANCEIRO\HISTORICO\2016\04 - ABRIL\</t>
  </si>
  <si>
    <t>HUGO_ORÇAMENTO_18_04_2016.xlsm</t>
  </si>
  <si>
    <t>HUGO_ORÇAMENTO_15_04_2016.xlsm</t>
  </si>
  <si>
    <t>HUGO_ORÇAMENTO_10_04_2016.xlsm</t>
  </si>
  <si>
    <t>HUGO_ORÇAMENTO_05_04_2016.xlsm</t>
  </si>
  <si>
    <t>Carro possibilidades.xlsx</t>
  </si>
  <si>
    <t>C:\Users\hugooc\OneDrive\Documentos\FINANCEIRO\HISTORICO\2016\05 - MAIO\</t>
  </si>
  <si>
    <t>HUGO_ORÇAMENTO_27_05_2016.xlsm</t>
  </si>
  <si>
    <t>HUGO_ORÇAMENTO_27_05_2016 - Cópia.xlsm</t>
  </si>
  <si>
    <t>HUGO_ORÇAMENTO_26_05_2016.xlsm</t>
  </si>
  <si>
    <t>HUGO_ORÇAMENTO_09_05_2016.xlsm</t>
  </si>
  <si>
    <t>HUGO_ORÇAMENTO_12_05_2016.xlsm</t>
  </si>
  <si>
    <t>HUGO_ORÇAMENTO_07_05_2016.xlsm</t>
  </si>
  <si>
    <t>HUGO_ORÇAMENTO_03_05_2016.xlsm</t>
  </si>
  <si>
    <t>C:\Users\hugooc\OneDrive\Documentos\FINANCEIRO\HISTORICO\2016\06 - JUNHO\</t>
  </si>
  <si>
    <t>HUGO_ORÇAMENTO_23_06_2016.xlsm</t>
  </si>
  <si>
    <t>HUGO_ORÇAMENTO_23_06_2016 - Cópia.xlsm</t>
  </si>
  <si>
    <t>HUGO_ORÇAMENTO_19_06_2016.xlsm</t>
  </si>
  <si>
    <t>HUGO_ORÇAMENTO_09_06_2016.xlsm</t>
  </si>
  <si>
    <t>C:\Users\hugooc\OneDrive\Documentos\FINANCEIRO\HISTORICO\2016\07 - JULHO\</t>
  </si>
  <si>
    <t>HUGO_ORÇAMENTO_10_07_2016.xlsm</t>
  </si>
  <si>
    <t>HUGO_ORÇAMENTO_03_07_2016.xlsm</t>
  </si>
  <si>
    <t>C:\Users\hugooc\OneDrive\Documentos\FINANCEIRO\HISTORICO\2016\08 - AGOSTO\</t>
  </si>
  <si>
    <t>HUGO_ORÇAMENTO_20_08_2016.xlsm</t>
  </si>
  <si>
    <t>HUGO_ORÇAMENTO_15_08_2016.xlsm</t>
  </si>
  <si>
    <t>HUGO_ORÇAMENTO_01_08_2016.xlsm</t>
  </si>
  <si>
    <t>C:\Users\hugooc\OneDrive\Documentos\FINANCEIRO\HISTORICO\2016\09 - SETEMBRO\</t>
  </si>
  <si>
    <t>HUGO_ORÇAMENTO_24_09_2016.xlsm</t>
  </si>
  <si>
    <t>HUGO_ORÇAMENTO_18_09_2016.xlsm</t>
  </si>
  <si>
    <t>HUGO_ORÇAMENTO_07_09_2016.xlsm</t>
  </si>
  <si>
    <t>HUGO_ORÇAMENTO_05_09_2016.xlsm</t>
  </si>
  <si>
    <t>C:\Users\hugooc\OneDrive\Documentos\FINANCEIRO\HISTORICO\2016\10 - OUTUBRO\</t>
  </si>
  <si>
    <t>HUGO_ORÇAMENTO_14_10_2016.xlsm</t>
  </si>
  <si>
    <t>HUGO_ORÇAMENTO_13_10_2016.xlsm</t>
  </si>
  <si>
    <t>HUGO_ORÇAMENTO_03_10_2016.xlsm</t>
  </si>
  <si>
    <t>CONSTRUÇÃO_14_10_2016.xlsm</t>
  </si>
  <si>
    <t>CONSTRUÇÃO_08_11_2015.xlsm</t>
  </si>
  <si>
    <t>CARRO.xlsx</t>
  </si>
  <si>
    <t>C:\Users\hugooc\OneDrive\Documentos\FINANCEIRO\HISTORICO\2016\11 - NOVEMBRO\</t>
  </si>
  <si>
    <t>HUGO_ORÇAMENTO_17_11_2016.xlsm</t>
  </si>
  <si>
    <t>HUGO_ORÇAMENTO_10_11_2016.xlsm</t>
  </si>
  <si>
    <t>HUGO_ORÇAMENTO_06_11_2016.xlsm</t>
  </si>
  <si>
    <t>HUGO_ORÇAMENTO_01_11_2016.xlsm</t>
  </si>
  <si>
    <t>CONSTRUÇÃO_01_11_2016.xlsm</t>
  </si>
  <si>
    <t>C:\Users\hugooc\OneDrive\Documentos\FINANCEIRO\HISTORICO\2016\12 - DEZEMBRO\</t>
  </si>
  <si>
    <t>HUGO_ORÇAMENTO_2017.xlsm</t>
  </si>
  <si>
    <t>HUGO_ORÇAMENTO_18_12_2016.xlsm</t>
  </si>
  <si>
    <t>HUGO_ORÇAMENTO_15_12_2016.xlsm</t>
  </si>
  <si>
    <t>HUGO_ORÇAMENTO_08_12_2016.xlsm</t>
  </si>
  <si>
    <t>HUGO_ORÇAMENTO_04_12_2016.xlsm</t>
  </si>
  <si>
    <t>EXTRATO CARTÃO12_2016.xlsx</t>
  </si>
  <si>
    <t>EXTRATO CARTÃO.xlsx</t>
  </si>
  <si>
    <t>C:\Users\hugooc\OneDrive\Documentos\FINANCEIRO\HISTORICO\2017\01 - JANEIRO\</t>
  </si>
  <si>
    <t>HUGO_ORÇAMENTO_26_01_2017.xlsm</t>
  </si>
  <si>
    <t>HUGO_ORÇAMENTO_2017_v2.xlsm</t>
  </si>
  <si>
    <t>HUGO_ORÇAMENTO_03_01_2017.xlsm</t>
  </si>
  <si>
    <t>EXTRATO CARTÃO 01_2017.xlsx</t>
  </si>
  <si>
    <t>HUGO_ORÇAMENTO_16_01_2017.xlsm</t>
  </si>
  <si>
    <t>C:\Users\hugooc\OneDrive\Documentos\FINANCEIRO\HISTORICO\2017\02 - FEVEREIRO\</t>
  </si>
  <si>
    <t>HUGO_ORÇAMENTO_22_02_2017.xlsm</t>
  </si>
  <si>
    <t>HUGO_ORÇAMENTO_06_02_2017.xlsm</t>
  </si>
  <si>
    <t>EXTRATO CARTÃO 02_2017.xlsx</t>
  </si>
  <si>
    <t>C:\Users\hugooc\OneDrive\Documentos\FINANCEIRO\HISTORICO\2017\03 - MARÇO\</t>
  </si>
  <si>
    <t>HUGO_ORÇAMENTO_19_03_2017.xlsm</t>
  </si>
  <si>
    <t>HUGO_ORÇAMENTO_16_02_2017.xlsm</t>
  </si>
  <si>
    <t>HUGO_ORÇAMENTO_18_03_2017.xlsm</t>
  </si>
  <si>
    <t>HUGO_ORÇAMENTO_12_03_2017.xlsm</t>
  </si>
  <si>
    <t>HUGO_ORÇAMENTO_06_03_2017.xlsm</t>
  </si>
  <si>
    <t>EXTRATO CARTÃO 03_2017.xlsx</t>
  </si>
  <si>
    <t>C:\Users\hugooc\OneDrive\Documentos\FINANCEIRO\HISTORICO\2017\04 - ABRIL\</t>
  </si>
  <si>
    <t>HUGO_ORÇAMENTO_15_04_2017.xlsm</t>
  </si>
  <si>
    <t>HUGO_ORÇAMENTO_15_04_2017 - Cópia.xlsm</t>
  </si>
  <si>
    <t>HUGO_ORÇAMENTO_02_04_2017.xlsm</t>
  </si>
  <si>
    <t>HUGO_ORÇAMENTO_08_04_2017.xlsm</t>
  </si>
  <si>
    <t>HUGO_ORÇAMENTO_01_04_2017.xlsm</t>
  </si>
  <si>
    <t>EXTRATO CARTÃO 04_2017.xlsx</t>
  </si>
  <si>
    <t>C:\Users\hugooc\OneDrive\Documentos\FINANCEIRO\HISTORICO\2017\05 - MAIO\</t>
  </si>
  <si>
    <t>HUGO_ORÇAMENTO_21_05_2017.xlsm</t>
  </si>
  <si>
    <t>HUGO_ORÇAMENTO_08_05_2017.xlsm</t>
  </si>
  <si>
    <t>HUGO_ORÇAMENTO_01_05_2017.xlsm</t>
  </si>
  <si>
    <t>EXTRATO CARTÃO 05_2017.xlsx</t>
  </si>
  <si>
    <t>C:\Users\hugooc\OneDrive\Documentos\FINANCEIRO\HISTORICO\2017\06 - JUNHO\</t>
  </si>
  <si>
    <t>HUGO_ORÇAMENTO_16_06_2017.xlsm</t>
  </si>
  <si>
    <t>EXTRATO CARTÃO 07_2017.xlsx</t>
  </si>
  <si>
    <t>EXTRATO CARTÃO 06_2017.xlsx</t>
  </si>
  <si>
    <t>C:\Users\hugooc\OneDrive\Documentos\FINANCEIRO\HISTORICO\2017\07 - JULHO\</t>
  </si>
  <si>
    <t>HUGO_ORÇAMENTO_30_07_2017.xlsm</t>
  </si>
  <si>
    <t>HUGO_ORÇAMENTO_19_07_2017.xlsm</t>
  </si>
  <si>
    <t>HUGO_ORÇAMENTO_16_07_2017.xlsm</t>
  </si>
  <si>
    <t>HUGO_ORÇAMENTO_10_07_2017.xlsm</t>
  </si>
  <si>
    <t>HUGO_ORÇAMENTO_09_07_2017.xlsm</t>
  </si>
  <si>
    <t>C:\Users\hugooc\OneDrive\Documentos\FINANCEIRO\HISTORICO\2017\08 - AGOSTO\</t>
  </si>
  <si>
    <t>HUGO_ORÇAMENTO_28_08_2017.xlsm</t>
  </si>
  <si>
    <t>HUGO_ORÇAMENTO_20_08_2017.xlsm</t>
  </si>
  <si>
    <t>HUGO_ORÇAMENTO_13_08_2017.xlsm</t>
  </si>
  <si>
    <t>HUGO_ORÇAMENTO_06_08_2017.xlsm</t>
  </si>
  <si>
    <t>HUGO_ORÇAMENTO_03_08_2017.xlsm</t>
  </si>
  <si>
    <t>EXTRATO CARTÃO 08_2017.xlsx</t>
  </si>
  <si>
    <t>CONSTRUÇÃO_08_11_2016.xlsm</t>
  </si>
  <si>
    <t>C:\Users\hugooc\OneDrive\Documentos\FINANCEIRO\HISTORICO\2017\09 - SETEMBRO\</t>
  </si>
  <si>
    <t>HUGO_ORÇAMENTO_30_09_2017.xlsm</t>
  </si>
  <si>
    <t>HUGO_ORÇAMENTO_10_09_2017.xlsm</t>
  </si>
  <si>
    <t>HUGO_ORÇAMENTO_05_09_2017.xlsm</t>
  </si>
  <si>
    <t>HUGO_ORÇAMENTO_03_09_2017.xlsm</t>
  </si>
  <si>
    <t>HUGO_ORÇAMENTO_01_09_2017.xlsm</t>
  </si>
  <si>
    <t>EXTRATO CARTÃO 09_2017.xlsx</t>
  </si>
  <si>
    <t>C:\Users\hugooc\OneDrive\Documentos\FINANCEIRO\HISTORICO\2017\10 - OUTUBRO\</t>
  </si>
  <si>
    <t>HUGO_ORÇAMENTO_29_10_2017.xlsm</t>
  </si>
  <si>
    <t>HUGO_ORÇAMENTO_20_10_2017.xlsm</t>
  </si>
  <si>
    <t>HUGO_ORÇAMENTO_13_10_2017.xlsm</t>
  </si>
  <si>
    <t>HUGO_ORÇAMENTO_09_10_2017.xlsm</t>
  </si>
  <si>
    <t>HUGO_ORÇAMENTO_02_10_2017.xlsm</t>
  </si>
  <si>
    <t>EXTRATO CARTÃO 10_2017.xlsx</t>
  </si>
  <si>
    <t>C:\Users\hugooc\OneDrive\Documentos\FINANCEIRO\HISTORICO\2017\11 - NOVEMBRO\</t>
  </si>
  <si>
    <t>HUGO_ORÇAMENTO_27_11_2017.xlsm</t>
  </si>
  <si>
    <t>HUGO_ORÇAMENTO_2018.xlsm</t>
  </si>
  <si>
    <t>HUGO_ORÇAMENTO_15_11_2017.xlsm</t>
  </si>
  <si>
    <t>HUGO_ORÇAMENTO_07_11_2017.xlsm</t>
  </si>
  <si>
    <t>HUGO_ORÇAMENTO_03_11_2017.xlsm</t>
  </si>
  <si>
    <t>EXTRATO CARTÃO 12_2017.xlsx</t>
  </si>
  <si>
    <t>EXTRATO CARTÃO 11_2017.xlsx</t>
  </si>
  <si>
    <t>C:\Users\hugooc\OneDrive\Documentos\FINANCEIRO\HISTORICO\2017\12 - DEZEMBRO\</t>
  </si>
  <si>
    <t>HUGO_ORÇAMENTO_28_12_2017.xlsm</t>
  </si>
  <si>
    <t>HUGO_ORÇAMENTO_03_12_2017.xlsm</t>
  </si>
  <si>
    <t>EXTRATO CARTÃO 01_2018.xlsx</t>
  </si>
  <si>
    <t>C:\Users\hugooc\OneDrive\Documentos\FINANCEIRO\HISTORICO\2018\01 - JANEIRO\</t>
  </si>
  <si>
    <t>HUGO_ORÇAMENTO_25_01_2018.xlsm</t>
  </si>
  <si>
    <t>HUGO_ORÇAMENTO_21_01_2018.xlsm</t>
  </si>
  <si>
    <t>HUGO_ORÇAMENTO_13_01_2018.xlsm</t>
  </si>
  <si>
    <t>HUGO_ORÇAMENTO_07_01_2018.xlsm</t>
  </si>
  <si>
    <t>HUGO_ORÇAMENTO_01_01_2018.xlsm</t>
  </si>
  <si>
    <t>C:\Users\hugooc\OneDrive\Documentos\FINANCEIRO\HISTORICO\2018\02 - FEVEREIRO\</t>
  </si>
  <si>
    <t>HUGO_ORÇAMENTO_19_02_2018.xlsm</t>
  </si>
  <si>
    <t>HUGO_ORÇAMENTO_13_02_2018.xlsm</t>
  </si>
  <si>
    <t>HUGO_ORÇAMENTO_03_02_2018.xlsm</t>
  </si>
  <si>
    <t>HUGO_ORÇAMENTO_01_02_2018.xlsm</t>
  </si>
  <si>
    <t>EXTRATO CARTÃO 02_2018.xlsx</t>
  </si>
  <si>
    <t>EXTRATO CARTÃO 02_2018 .xlsx</t>
  </si>
  <si>
    <t>C:\Users\hugooc\OneDrive\Documentos\FINANCEIRO\HISTORICO\2018\03 - MARÇO\</t>
  </si>
  <si>
    <t>HUGO_ORÇAMENTO_25_03_2018.xlsm</t>
  </si>
  <si>
    <t>HUGO_ORÇAMENTO_18_03_2018.xlsm</t>
  </si>
  <si>
    <t>HUGO_ORÇAMENTO_10_03_2018.xlsm</t>
  </si>
  <si>
    <t>EXTRATO CARTÃO 03_2018 .xlsx</t>
  </si>
  <si>
    <t>C:\Users\hugooc\OneDrive\Documentos\FINANCEIRO\HISTORICO\2018\04 - ABRIL\</t>
  </si>
  <si>
    <t>HUGO_ORÇAMENTO_15_04_2018.xlsm</t>
  </si>
  <si>
    <t>HUGO_ORÇAMENTO_05_04_2018.xlsm</t>
  </si>
  <si>
    <t>HUGO_ORÇAMENTO_01_04_2018.xlsm</t>
  </si>
  <si>
    <t>EXTRATO CARTÃO 04_2018 .xlsx</t>
  </si>
  <si>
    <t>C:\Users\hugooc\OneDrive\Documentos\FINANCEIRO\HISTORICO\2018\05 - MAIO\</t>
  </si>
  <si>
    <t>HUGO_ORÇAMENTO_29_05_2018.xlsm</t>
  </si>
  <si>
    <t>HUGO_ORÇAMENTO_22_05_2018.xlsm</t>
  </si>
  <si>
    <t>HUGO_ORÇAMENTO_08_05_2018.xlsm</t>
  </si>
  <si>
    <t>HUGO_ORÇAMENTO_02_05_2018.xlsm</t>
  </si>
  <si>
    <t>EXTRATO CARTÃO 05_2018 .xlsx</t>
  </si>
  <si>
    <t>C:\Users\hugooc\OneDrive\Documentos\FINANCEIRO\HISTORICO\2018\06 - JUNHO\</t>
  </si>
  <si>
    <t>HUGO_ORÇAMENTO_23_06_2018.xlsm</t>
  </si>
  <si>
    <t>HUGO_ORÇAMENTO_09_06_2018.xlsm</t>
  </si>
  <si>
    <t>EXTRATO CARTÃO 06_2018 .xlsx</t>
  </si>
  <si>
    <t>C:\Users\hugooc\OneDrive\Documentos\FINANCEIRO\HISTORICO\2018\07 - JULHO\</t>
  </si>
  <si>
    <t>HUGO_ORÇAMENTO_14_07_2018.xlsm</t>
  </si>
  <si>
    <t>HUGO_ORÇAMENTO_07_07_2018.xlsm</t>
  </si>
  <si>
    <t>C:\Users\hugooc\OneDrive\Documentos\FINANCEIRO\HISTORICO\2018\08 - AGOSTO\</t>
  </si>
  <si>
    <t>HUGO_ORÇAMENTO_04_08_2018.xlsm</t>
  </si>
  <si>
    <t>EXTRATO CARTÃO 08_2018.xlsx</t>
  </si>
  <si>
    <t>EXTRATO CARTÃO 07_2018 .xlsx</t>
  </si>
  <si>
    <t>C:\Users\hugooc\OneDrive\Documentos\FINANCEIRO\HISTORICO\2018\09 - SETEMBRO\</t>
  </si>
  <si>
    <t>EXTRATO CARTÃO 09_2018.xlsx</t>
  </si>
  <si>
    <t>C:\Users\hugooc\OneDrive\Documentos\FINANCEIRO\HISTORICO\2018\10 - OUTUBRO\</t>
  </si>
  <si>
    <t>EXTRATO CARTÃO 10_2018.xlsx</t>
  </si>
  <si>
    <t>C:\Users\hugooc\OneDrive\Documentos\FINANCEIRO\HISTORICO\2018\11 - NOVEMBRO\</t>
  </si>
  <si>
    <t>EXTRATO CARTÃO 11_2018.xlsx</t>
  </si>
  <si>
    <t>C:\Users\hugooc\OneDrive\Documentos\FINANCEIRO\HISTORICO\2018\12 - DEZEMBRO\</t>
  </si>
  <si>
    <t>Investimentos.xlsx</t>
  </si>
  <si>
    <t>Financeiro.xlsx</t>
  </si>
  <si>
    <t>EXTRATO CARTÃO 12.xlsx</t>
  </si>
  <si>
    <t>DEBITO CREDITO.xlsm</t>
  </si>
  <si>
    <t>DEBITO CARTÃO.xlsm</t>
  </si>
  <si>
    <t>C:\Users\hugooc\OneDrive\Imagens\Desktop\Excel\Estrutura de Carteira e User Id\08 - Agosto\</t>
  </si>
  <si>
    <t>Estrutura de Carteira e User Id.xlsx</t>
  </si>
  <si>
    <t>C:\Users\hugooc\OneDrive\Imagens\Desktop\Excel\Estrutura de Carteira e User Id\09 - Setembro\</t>
  </si>
  <si>
    <t>C:\Users\hugooc\OneDrive\Imagens\Desktop\Excel\Prova\Provas\</t>
  </si>
  <si>
    <t>C:\Users\hugooc\OneDrive\Imagens\Desktop\Excel\Prova\Provas\Provas.rar\</t>
  </si>
  <si>
    <t>Cópia de Prova PCP Analista Jan-2010_LORAINE.xls</t>
  </si>
  <si>
    <t>C:\Users\hugooc\OneDrive\Imagens\Desktop\Excel\Prova\Provas Praticar\</t>
  </si>
  <si>
    <t>Prova Avaliação do TIME 1Sem 2010.xls</t>
  </si>
  <si>
    <t>Cópia de Prova Analita de PCP Jr.xls</t>
  </si>
  <si>
    <t>C:\Users\hugooc\OneDrive\Imagens\Desktop\Legal\Treinamento\ERLANG X\</t>
  </si>
  <si>
    <t>ERLANG X.xlsx</t>
  </si>
  <si>
    <t>C:\Users\hugooc\OneDrive\Imagens\Desktop\Legal\Treinamento\Six Sigma\</t>
  </si>
  <si>
    <t>Six Sigma.xls</t>
  </si>
  <si>
    <t>Six Sigma 2.xls</t>
  </si>
  <si>
    <t>Exercício.xls</t>
  </si>
  <si>
    <t>C:\Users\hugooc\OneDrive\Imagens\Desktop\Legal\Treinamento\Treinamento Dlima\</t>
  </si>
  <si>
    <t>TURBOTAB.xls</t>
  </si>
  <si>
    <t>Exercicio_trafego_vtreinamento.xls</t>
  </si>
  <si>
    <t>Exercicio_trafego_v3(1).xls</t>
  </si>
  <si>
    <t>Cópia de Exercicio_trafego_v3_turma 2.xls</t>
  </si>
  <si>
    <t>Avaliação treinamento_DLIMA(1).xls</t>
  </si>
  <si>
    <t>C:\Users\hugooc\OneDrive\Imagens\Desktop\Legal\Treinamento\Treinamento Processos\</t>
  </si>
  <si>
    <t>Pareto.xlsx</t>
  </si>
  <si>
    <t>C:\Users\hugooc\OneDrive\Documentos\FACULDADE\2016 - 1°\Gestão de Projetos\Trabalho\APS\</t>
  </si>
  <si>
    <t>Projeto - Sequenciamento de atividade 2.xlsx</t>
  </si>
  <si>
    <t>C:\Users\hugooc\OneDrive\Documentos\FINANCEIRO\HISTORICO\2014\2014-PC-SABRINA\08 AGOSTO\</t>
  </si>
  <si>
    <t>C:\Users\hugooc\OneDrive\Documentos\FINANCEIRO\HISTORICO\2014\2014-PC-SABRINA\09 SETEMBRO\</t>
  </si>
  <si>
    <t>C:\Users\hugooc\OneDrive\Documentos\FINANCEIRO\HISTORICO\2014\2014-PC-SABRINA\10 OUTUBRO\</t>
  </si>
  <si>
    <t>C:\Users\hugooc\OneDrive\Documentos\FINANCEIRO\HISTORICO\2014\2014-PC-SABRINA\11 NOVEMBRO\</t>
  </si>
  <si>
    <t>C:\Users\hugooc\OneDrive\Documentos\FINANCEIRO\HISTORICO\2014\2014-PC-SABRINA\12 DEZEMBRO\</t>
  </si>
  <si>
    <t>C:\Users\hugooc\OneDrive\Documentos\FINANCEIRO\HISTORICO\2017\02 - FEVEREIRO\02 - FEVEREIRO-PC-SABRINA\</t>
  </si>
  <si>
    <t>C:\Users\hugooc\OneDrive\Imagens\Desktop\Excel\Prova\Provas\Provas\Provas.rar\</t>
  </si>
  <si>
    <t>C:\Users\hugooc\OneDrive\Imagens\Desktop\Excel\Prova\Provas\Provas\</t>
  </si>
  <si>
    <t>C:\Users\hugooc\OneDrive\Imagens\Desktop\Legal\Treinamento\MATERIAL TRN PCP OUT\Arquivo auxiliares\</t>
  </si>
  <si>
    <t>GRÁFICO DE META RECALIBRADA.xlsx</t>
  </si>
  <si>
    <t>Esquema dos 3 pilares.xlsx</t>
  </si>
  <si>
    <t>Cópia de 1 - TIPOS DE ANÁLISES DIÁRIAS_esboço Excel.xlsx</t>
  </si>
  <si>
    <t>1 - TIPOS DE ANÁLISES DIÁRIAS_esboço Excel.xlsx</t>
  </si>
  <si>
    <t>C:\Users\hugooc\OneDrive\Imagens\Desktop\Legal\Treinamento\Treinamento Processos\Treinamento - Leandro Nazareth\Ferramentas\</t>
  </si>
  <si>
    <t>Modelo Plano de Ação.xls</t>
  </si>
  <si>
    <t>Modelo Pareto.xls</t>
  </si>
  <si>
    <t>Modelo Painel de Controle.xls</t>
  </si>
  <si>
    <t>Modelo Método dos porques.xls</t>
  </si>
  <si>
    <t>Modelo Matriz de Decisão.xls</t>
  </si>
  <si>
    <t>Modelo Ishikawa avançado.xls</t>
  </si>
  <si>
    <t>Modelo Histograma.xls</t>
  </si>
  <si>
    <t>Modelo GUT.xls</t>
  </si>
  <si>
    <t>Modelo GUT Complexo.xls</t>
  </si>
  <si>
    <t>Modelo Gráfico de Barras.xls</t>
  </si>
  <si>
    <t>Modelo Gráfico de Barras e Linhas.xls</t>
  </si>
  <si>
    <t>Modelo FMEA.xls</t>
  </si>
  <si>
    <t>Modelo Diagrama de árvore.xls</t>
  </si>
  <si>
    <t>Modelo Diagrama de Causa.xls</t>
  </si>
  <si>
    <t>Modelo de Plano de Ação.xls</t>
  </si>
  <si>
    <t>Modelo de 5w2h.xls</t>
  </si>
  <si>
    <t>Modelo Casa da Qualidade.xls</t>
  </si>
  <si>
    <t>Modelo brainstorming.xls</t>
  </si>
  <si>
    <t>Modelo AVA P_agreg e P_total.xls</t>
  </si>
  <si>
    <t>Modelo AVA gráficos.xls</t>
  </si>
  <si>
    <t>Modelo AVA - Novo.xlsx</t>
  </si>
  <si>
    <t>Modelo AVA - IVAs.xls</t>
  </si>
  <si>
    <t>Modelo - FMEA.xls</t>
  </si>
  <si>
    <t>Modelo - FMEA 2.xls</t>
  </si>
  <si>
    <t>FMEA explicação dos Conceitos.xls</t>
  </si>
  <si>
    <t>Casa da Qualidade - Otimizando.xls</t>
  </si>
  <si>
    <t>Casa da Qualidade - BI.xls</t>
  </si>
  <si>
    <t>10.219.100.23</t>
  </si>
  <si>
    <t>54-BF-64-F6-7C-8E</t>
  </si>
  <si>
    <t>NB-AKASSIABLC</t>
  </si>
  <si>
    <t>akassiablc</t>
  </si>
  <si>
    <t>C:\Users\akassiablc.ACS\Downloads\</t>
  </si>
  <si>
    <t>12-2019 Macro Justificativas.xlsx</t>
  </si>
  <si>
    <t>af5a4b3f-4fc7-4e92-9cac-18ddd92d4acc.tmp</t>
  </si>
  <si>
    <t>\\acsfs\profiles$\BRUNAAR\Downloads\af5a4b3f-4fc7-4e92-9cac-18ddd92d4acc.tmp</t>
  </si>
  <si>
    <t>.~lock.top tv.pptx#</t>
  </si>
  <si>
    <t>\\acsfs\DEPTOS\Operacao\Banco_Votorantim\Supervisao\SUPERS BV CARTÕES\.~lock.top tv.pptx#</t>
  </si>
  <si>
    <t>.~lock.Layout TV Vendas 2.3.ppt#</t>
  </si>
  <si>
    <t>\\acsfs\DEPTOS\Operacao\Banco_Votorantim\Supervisao\SUPERS BV CARTÕES\.~lock.Layout TV Vendas 2.3.ppt#</t>
  </si>
  <si>
    <t>7edac86a-4c39-4ebf-9058-bac9424e05b0.tmp</t>
  </si>
  <si>
    <t>\\acsfs\profiles$\rafaelamsv\Downloads\7edac86a-4c39-4ebf-9058-bac9424e05b0.tmp</t>
  </si>
  <si>
    <t>\\acsfs\profiles$\Flaviojmm\My Documents\My Pictures\</t>
  </si>
  <si>
    <t>\\acsfs\profiles$\Flaviojmm\My Documents\My Videos\desktop.ini</t>
  </si>
  <si>
    <t>\\acsfs\profiles$\Flaviojmm\My Documents\My Videos\</t>
  </si>
  <si>
    <t>\\acsfs\profiles$\Flaviojmm\My Documents\My Music\</t>
  </si>
  <si>
    <t>\\acsfs\profiles$\Flaviojmm\My Documents\My Pictures\desktop.ini</t>
  </si>
  <si>
    <t>\\acsfs\profiles$\Flaviojmm\Contacts\</t>
  </si>
  <si>
    <t>\\acsfs\profiles$\Flaviojmm\Contacts\desktop.ini</t>
  </si>
  <si>
    <t>\\acsfs\profiles$\Flaviojmm\My Documents\</t>
  </si>
  <si>
    <t>\\acsfs\profiles$\Flaviojmm\Favorites\desktop.ini</t>
  </si>
  <si>
    <t>\\acsfs\profiles$\Flaviojmm\My Documents\My Music\desktop.ini</t>
  </si>
  <si>
    <t>\\acsfs\profiles$\Flaviojmm\Searches\</t>
  </si>
  <si>
    <t>\\acsfs\profiles$\Flaviojmm\Searches\desktop.ini</t>
  </si>
  <si>
    <t>\\acsfs\profiles$\Flaviojmm\Downloads\desktop.ini</t>
  </si>
  <si>
    <t>\\acsfs\profiles$\Flaviojmm\Favorites\</t>
  </si>
  <si>
    <t>\\acsfs\profiles$\Flaviojmm\My Documents\desktop.ini</t>
  </si>
  <si>
    <t>\\acsfs\profiles$\Flaviojmm\Saved Games\desktop.ini</t>
  </si>
  <si>
    <t>winrt--{S-1-5-21-602162358-764733703-839522115-334917}-.searchconnector-ms</t>
  </si>
  <si>
    <t>\\acsfs\profiles$\Flaviojmm\Searches\winrt--{S-1-5-21-602162358-764733703-839522115-334917}-.searchconnector-ms</t>
  </si>
  <si>
    <t>AMEX MR BRAND</t>
  </si>
  <si>
    <t>10.200.60.51</t>
  </si>
  <si>
    <t>20-04-0F-FE-49-32</t>
  </si>
  <si>
    <t>NB-PATRICIAARS</t>
  </si>
  <si>
    <t>patriciaars</t>
  </si>
  <si>
    <t>C:\Users\patriciaars\Desktop\Comissão\</t>
  </si>
  <si>
    <t>Meta 4° TRI (1).xlsx</t>
  </si>
  <si>
    <t>Justificativas macros dez Roberta.xls</t>
  </si>
  <si>
    <t>012020_Forecast de Receita Oficial_2020 (2).xlsx</t>
  </si>
  <si>
    <t>mail.google.com/_/upload?authuser=0&amp;dcp=asu-n&amp;upload_id=AEnB2Ur3YMV2gnIRJJYMnhYC1NE4J-An4i4CXz8RrOPRolxdbKhQcbSe0Sv5KWY4VWMXiYaeprJ3gaWWOD04GmMqz0D_-713WQ&amp;upload_protocol=resumable</t>
  </si>
  <si>
    <t>b8b2e78a-db7d-404c-8031-5e7cabab8705.tmp</t>
  </si>
  <si>
    <t>\\acsfs\profiles$\larissaad\Downloads\b8b2e78a-db7d-404c-8031-5e7cabab8705.tmp</t>
  </si>
  <si>
    <t>786a968a-ade4-41c2-8bd4-ddd8c270a514.tmp</t>
  </si>
  <si>
    <t>\\acsfs\profiles$\luanaagl\Downloads\786a968a-ade4-41c2-8bd4-ddd8c270a514.tmp</t>
  </si>
  <si>
    <t>lu111788tsw38v.tmp</t>
  </si>
  <si>
    <t>\\acsfs\profiles$\BRUNAAR\Numero\lu111788tsw38v.tmp</t>
  </si>
  <si>
    <t>lu111788tsw38z.tmp</t>
  </si>
  <si>
    <t>\\acsfs\profiles$\BRUNAAR\Numero\lu111788tsw38z.tmp</t>
  </si>
  <si>
    <t>9a865447-5594-436f-80c9-229fbc1aaa53.tmp</t>
  </si>
  <si>
    <t>\\acsfs\profiles$\nathaliarmr\Downloads\9a865447-5594-436f-80c9-229fbc1aaa53.tmp</t>
  </si>
  <si>
    <t>10.200.66.19</t>
  </si>
  <si>
    <t>\\acsfs\profiles$\JESSICAFC\ajuda\</t>
  </si>
  <si>
    <t>ajuda.txt</t>
  </si>
  <si>
    <t>\\acsfs\profiles$\JESSICAFC\ajuda\ajuda.txt</t>
  </si>
  <si>
    <t>e62b3c72-ed36-4762-877a-4a076abd358e.tmp</t>
  </si>
  <si>
    <t>\\acsfs\profiles$\geovannasm\Downloads\e62b3c72-ed36-4762-877a-4a076abd358e.tmp</t>
  </si>
  <si>
    <t>ea70080b-316d-4db8-aecb-d0aeb461fa53.tmp</t>
  </si>
  <si>
    <t>\\acsfs\profiles$\geovannasm\Downloads\ea70080b-316d-4db8-aecb-d0aeb461fa53.tmp</t>
  </si>
  <si>
    <t>74-86-7A-FC-CF-F2</t>
  </si>
  <si>
    <t>VOTORANT-GB011</t>
  </si>
  <si>
    <t>it.cpau.script</t>
  </si>
  <si>
    <t>\\acsfs\Maquinas$\</t>
  </si>
  <si>
    <t>syncOffCrtlLog.txt</t>
  </si>
  <si>
    <t>\\acsfs\Maquinas$\syncOffCrtlLog.txt</t>
  </si>
  <si>
    <t>3406da0a-cece-4b2b-bc3d-94da49cf4af7.tmp</t>
  </si>
  <si>
    <t>\\acsfs\profiles$\danielmlds\Downloads\3406da0a-cece-4b2b-bc3d-94da49cf4af7.tmp</t>
  </si>
  <si>
    <t>f26cea6a-2fa6-4eef-a4ce-8c9ba0e55b06.tmp</t>
  </si>
  <si>
    <t>\\acsfs\profiles$\danielmlds\Downloads\f26cea6a-2fa6-4eef-a4ce-8c9ba0e55b06.tmp</t>
  </si>
  <si>
    <t>lu19764596hgw.tmp</t>
  </si>
  <si>
    <t>\\acsfs\profiles$\dhiulliananads\My Documents\lu19764596hgw.tmp</t>
  </si>
  <si>
    <t>lu17996zwcgc.tmp</t>
  </si>
  <si>
    <t>\\acsfs\profiles$\jonathanwap\lu17996zwcgc.tmp</t>
  </si>
  <si>
    <t>\\acsfs\profiles$\jonathanwap\lu17996zwcgc.tmp\</t>
  </si>
  <si>
    <t>\\acsfs\profiles$\dhiulliananads\My Documents\lu19764596hgw.tmp\</t>
  </si>
  <si>
    <t>\\acsfs\profiles$\jonathanwap\lu17996zwcgc.tmp\META-INF\</t>
  </si>
  <si>
    <t>\\acsfs\profiles$\jonathanwap\lu17996zwcgc.tmp\Thumbnails\</t>
  </si>
  <si>
    <t>\\acsfs\profiles$\dhiulliananads\My Documents\lu19764596hgw.tmp\META-INF\</t>
  </si>
  <si>
    <t>\\acsfs\profiles$\dhiulliananads\My Documents\lu19764596hgw.tmp\Thumbnails\</t>
  </si>
  <si>
    <t>rafaelggs@algartech.com;</t>
  </si>
  <si>
    <t>rafaelggs@algartech.com</t>
  </si>
  <si>
    <t>leonardoao@algartech.com;marianadjc@algartech.com;rafaelggs@algartech.com;</t>
  </si>
  <si>
    <t>leonardoao@algartech.com,marianadjc@algartech.com,rafaelggs@algartech.com</t>
  </si>
  <si>
    <t>leonardoao@algartech.com;marianadjc@algartech.com;rafaelggs@algartech.com;thiagordu@algartech.com;</t>
  </si>
  <si>
    <t>leonardoao@algartech.com,marianadjc@algartech.com,rafaelggs@algartech.com,thiagordu@algartech.com</t>
  </si>
  <si>
    <t>mail.google.com/sync/u/0/i/s?hl=pt-BR&amp;c=326</t>
  </si>
  <si>
    <t>\\acsfs\DEPTOS\Operacao\PCP\5 - Comum\JUKA\</t>
  </si>
  <si>
    <t>Realizações Nr-17.xlsx</t>
  </si>
  <si>
    <t>\\acsfs\DEPTOS\Operacao\PCP\5 - Comum\JUKA\Realizações Nr-17.xlsx</t>
  </si>
  <si>
    <t>mail.google.com/_/upload?authuser=0&amp;dcp=asu-n&amp;upload_id=AEnB2Up5dRr8B0z87L5_OVSQ1PNTYoHYCDAEMsasJRPhJ--DdtCDaihMPJPP6PhOpKnAfTyA7QUHTeRXnrPwqr1ae-H7W4aZvQ&amp;upload_protocol=resumable</t>
  </si>
  <si>
    <t>277f1eb6-6300-44a1-ac1a-ab33ac9041a6.tmp</t>
  </si>
  <si>
    <t>\\acsfs\profiles$\Flaviojmm\Downloads\277f1eb6-6300-44a1-ac1a-ab33ac9041a6.tmp</t>
  </si>
  <si>
    <t>e51f442e-4cb0-4a68-8588-4dc503a5220c.tmp</t>
  </si>
  <si>
    <t>\\acsfs\profiles$\Flaviojmm\Downloads\e51f442e-4cb0-4a68-8588-4dc503a5220c.tmp</t>
  </si>
  <si>
    <t>0afb181c-2c29-4d79-a49d-9dfd2d67c9e9.tmp</t>
  </si>
  <si>
    <t>\\acsfs\profiles$\Flaviojmm\Downloads\0afb181c-2c29-4d79-a49d-9dfd2d67c9e9.tmp</t>
  </si>
  <si>
    <t>46cd85d9-bd47-4504-969b-ec67fecf4255.tmp</t>
  </si>
  <si>
    <t>\\acsfs\profiles$\PEDROHAB\Downloads\46cd85d9-bd47-4504-969b-ec67fecf4255.tmp</t>
  </si>
  <si>
    <t>0e4cbd2d-c074-47c1-9175-4cc27483c427.tmp</t>
  </si>
  <si>
    <t>\\acsfs\profiles$\PEDROHAB\Downloads\0e4cbd2d-c074-47c1-9175-4cc27483c427.tmp</t>
  </si>
  <si>
    <t>010b61f3-e326-415c-8724-b0abea0232c8.tmp</t>
  </si>
  <si>
    <t>\\acsfs\profiles$\gabriellalpr\Downloads\010b61f3-e326-415c-8724-b0abea0232c8.tmp</t>
  </si>
  <si>
    <t>a31d9f36-4461-4b7e-9770-ae23ab3771a4.tmp</t>
  </si>
  <si>
    <t>\\acsfs\profiles$\gabriellalpr\Downloads\a31d9f36-4461-4b7e-9770-ae23ab3771a4.tmp</t>
  </si>
  <si>
    <t>48aee694-88d9-4317-90c5-823886dde11e.tmp</t>
  </si>
  <si>
    <t>\\acsfs\profiles$\gabriellalpr\Downloads\48aee694-88d9-4317-90c5-823886dde11e.tmp</t>
  </si>
  <si>
    <t>\\acsfs\Deptos\Operacao\Banco_Votorantim\Qualidade\</t>
  </si>
  <si>
    <t>LINKS SAC.CONSIGNADO.txt</t>
  </si>
  <si>
    <t>\\acsfs\Deptos\Operacao\Banco_Votorantim\Qualidade\LINKS SAC.CONSIGNADO.txt</t>
  </si>
  <si>
    <t>9784e582-15f3-4d5d-987c-0bc7479f0913.tmp</t>
  </si>
  <si>
    <t>\\acsfs\profiles$\dhiulliananads\Downloads\9784e582-15f3-4d5d-987c-0bc7479f0913.tmp</t>
  </si>
  <si>
    <t>2b40d3bb-8c55-4af2-bd26-44e1a458c299.tmp</t>
  </si>
  <si>
    <t>\\acsfs\profiles$\dhiulliananads\Downloads\2b40d3bb-8c55-4af2-bd26-44e1a458c299.tmp</t>
  </si>
  <si>
    <t>10.200.58.186</t>
  </si>
  <si>
    <t>FC-01-7C-B3-BD-F1</t>
  </si>
  <si>
    <t>NB-LUCASFB</t>
  </si>
  <si>
    <t>lucasfbr</t>
  </si>
  <si>
    <t>lucasfbr@algartech.com</t>
  </si>
  <si>
    <t>mail.google.com/_/upload?authuser=0&amp;dcp=asu-n&amp;upload_id=AEnB2UpcyjHSiTMtwxVR3qKdLbBkWAJ1Lq0HRUun-PuwWEaPaZqTYVxvOngLrna3g5sTyOdHGKcH-64GRbUCXqUKkc1TFXbkMg&amp;upload_protocol=resumable</t>
  </si>
  <si>
    <t>C:\Users\lucasfbr\OneDrive - Grupo Algar\Área de Trabalho\</t>
  </si>
  <si>
    <t>(TECH) Lista dos usuários no Painel Google .xlsx</t>
  </si>
  <si>
    <t>1ed7d3c8-2331-4022-b3c4-4e7e2bf9217e.tmp</t>
  </si>
  <si>
    <t>\\acsfs\profiles$\gabrielsma\Downloads\1ed7d3c8-2331-4022-b3c4-4e7e2bf9217e.tmp</t>
  </si>
  <si>
    <t>\\acsfs\ACS\Gabriel da Silva\Contemporânea\VENDAS\Q29udHJvbGxlci5JbnRyYW5ldC1DaHJvbWU-.ica.crdownload</t>
  </si>
  <si>
    <t>.~lock.Controle de vendas.ods#</t>
  </si>
  <si>
    <t>\\acsfs\DEPTOS\Operacao\Banco_Votorantim\Supervisao\SUPERS BV CARTÕES\ANA VITORIA\APOIO\.~lock.Controle de vendas.ods#</t>
  </si>
  <si>
    <t>.~lock.Vendas Janeiro.xlsx#</t>
  </si>
  <si>
    <t>\\acsfs\profiles$\LUCASBS\Planilhas\.~lock.Vendas Janeiro.xlsx#</t>
  </si>
  <si>
    <t>9e402899-3822-4ef9-ba44-de2135df072b.tmp</t>
  </si>
  <si>
    <t>\\acsfs\profiles$\nataliacsl\Downloads\9e402899-3822-4ef9-ba44-de2135df072b.tmp</t>
  </si>
  <si>
    <t>837e4f37-6a38-439d-83ce-f086baa5797f.tmp</t>
  </si>
  <si>
    <t>\\acsfs\profiles$\gabrielarb\Downloads\837e4f37-6a38-439d-83ce-f086baa5797f.tmp</t>
  </si>
  <si>
    <t>0a8b023f-f163-4b2f-b236-59c6a7fa0816.tmp</t>
  </si>
  <si>
    <t>\\acsfs\profiles$\PEDROHAB\Downloads\0a8b023f-f163-4b2f-b236-59c6a7fa0816.tmp</t>
  </si>
  <si>
    <t>19664299-439b-49c6-9484-aaabaf28c3c3.tmp</t>
  </si>
  <si>
    <t>\\acsfs\profiles$\maxmillianosv\Downloads\19664299-439b-49c6-9484-aaabaf28c3c3.tmp</t>
  </si>
  <si>
    <t>661a669d-7669-4715-81a7-ca037863afec.tmp</t>
  </si>
  <si>
    <t>\\acsfs\profiles$\maxmillianosv\Downloads\661a669d-7669-4715-81a7-ca037863afec.tmp</t>
  </si>
  <si>
    <t>ef045c9d-f288-4d29-8e51-835eacc1f3ee.tmp</t>
  </si>
  <si>
    <t>\\acsfs\profiles$\gabriellalpr\Downloads\ef045c9d-f288-4d29-8e51-835eacc1f3ee.tmp</t>
  </si>
  <si>
    <t>39cb4986-e54a-498d-a949-86bf43c4f484.tmp</t>
  </si>
  <si>
    <t>\\acsfs\profiles$\gabrielarb\Downloads\39cb4986-e54a-498d-a949-86bf43c4f484.tmp</t>
  </si>
  <si>
    <t>22fe8a25-5421-4858-8990-0bcf6a9a85f2.tmp</t>
  </si>
  <si>
    <t>\\acsfs\profiles$\gabrielarb\Downloads\22fe8a25-5421-4858-8990-0bcf6a9a85f2.tmp</t>
  </si>
  <si>
    <t>ADM ASSESSORIA JURIDICA</t>
  </si>
  <si>
    <t>10.200.57.84</t>
  </si>
  <si>
    <t>FC-01-7C-B3-D1-B7</t>
  </si>
  <si>
    <t>NB-LEONARDOEFO</t>
  </si>
  <si>
    <t>leonardoefo</t>
  </si>
  <si>
    <t>leonardoefo@algartech.com</t>
  </si>
  <si>
    <t>"languagecode":"pt-br";"requesttype":"live_request";"scenariotype":"quick_access"}};"timezone":"-03:00";ess"}};p";</t>
  </si>
  <si>
    <t>C:\Users\leonardoefo\Desktop\Fechamento Contingências VF 2\</t>
  </si>
  <si>
    <t>Comitê de Contingência Update (Padrão) 2.2 (2).xlsb VF 2.xlsb</t>
  </si>
  <si>
    <t>"languagecode":"pt-br","requesttype":"live_request","scenariotype":"quick_access"}},"timezone":"-03:00",ess"}},p"</t>
  </si>
  <si>
    <t>mail.google.com/_/upload?authuser=0&amp;dcp=asu-n&amp;upload_id=AEnB2Up9pFeNI0r_QXnVFT_Rs7YNYGvbG5QlofNnJR2uBj0VtSCSewbP2nxfK2o1u9pB68cshcYZkenuuc4-DbzTjGQAwnu1Cg&amp;upload_protocol=resumable</t>
  </si>
  <si>
    <t>Controle_Contingências_Depositos_ALGAR TI_12.2019 - Com conciliação.xlsx</t>
  </si>
  <si>
    <t>mail.google.com/_/upload?authuser=0&amp;dcp=asu-n&amp;upload_id=AEnB2Uql3arapjgvoWKUbkAlKA8l1GemhIh1qiqZBq9MI36clazhGFfAJbdCX3FNJNlmFe4dolVSZvu5lf2M3O9lLS3rugnhqKe2pO-aAR5rp1WIm1qbeYU&amp;upload_protocol=resumable</t>
  </si>
  <si>
    <t>Controle_Contingências_Depositos_ENGESET_12 - Com conciliação.xlsx</t>
  </si>
  <si>
    <t>405c83ed-37a6-41e0-bb8b-9b0adbfd8e62.tmp</t>
  </si>
  <si>
    <t>\\acsfs\profiles$\gabrielhca\Downloads\405c83ed-37a6-41e0-bb8b-9b0adbfd8e62.tmp</t>
  </si>
  <si>
    <t>244138fa-f142-40b9-9968-e9769076d268.tmp</t>
  </si>
  <si>
    <t>\\acsfs\profiles$\gabrielhca\Downloads\244138fa-f142-40b9-9968-e9769076d268.tmp</t>
  </si>
  <si>
    <t>8b0be395-a1bc-4de9-abdf-55a2b0773bb7.tmp</t>
  </si>
  <si>
    <t>\\acsfs\profiles$\gabrielhca\Downloads\8b0be395-a1bc-4de9-abdf-55a2b0773bb7.tmp</t>
  </si>
  <si>
    <t>40e363f9-6843-4bde-8807-3f1d69c326d5.tmp</t>
  </si>
  <si>
    <t>\\acsfs\profiles$\gabrielhca\Downloads\40e363f9-6843-4bde-8807-3f1d69c326d5.tmp</t>
  </si>
  <si>
    <t>580f31f7-ccec-4551-bedb-fc5422f6c999.tmp</t>
  </si>
  <si>
    <t>\\acsfs\profiles$\geovannasm\Downloads\580f31f7-ccec-4551-bedb-fc5422f6c999.tmp</t>
  </si>
  <si>
    <t>78e8409e-b638-4c2f-81a4-0fca735aca29.tmp</t>
  </si>
  <si>
    <t>\\acsfs\profiles$\geovannasm\Downloads\78e8409e-b638-4c2f-81a4-0fca735aca29.tmp</t>
  </si>
  <si>
    <t>lu112632ts2a8l.tmp</t>
  </si>
  <si>
    <t>\\acsfs\DEPTOS\Operacao\Banco_Votorantim\Supervisao\SUPERS BV CARTÕES\ANA VITORIA\APOIO\lu112632ts2a8l.tmp</t>
  </si>
  <si>
    <t>\\acsfs\DEPTOS\Operacao\Banco_Votorantim\Supervisao\SUPERS BV CARTÕES\ANA VITORIA\APOIO\lu112632ts2a8l.tmp\</t>
  </si>
  <si>
    <t>\\acsfs\DEPTOS\Operacao\Banco_Votorantim\Supervisao\SUPERS BV CARTÕES\ANA VITORIA\APOIO\lu112632ts2a8l.tmp\META-INF\</t>
  </si>
  <si>
    <t>\\acsfs\DEPTOS\Operacao\Banco_Votorantim\Supervisao\SUPERS BV CARTÕES\ANA VITORIA\APOIO\lu112632ts2a8l.tmp\Thumbnails\</t>
  </si>
  <si>
    <t>08aa44c9-3f0d-404e-b1d3-8cdb6e1369cb.tmp</t>
  </si>
  <si>
    <t>\\acsfs\profiles$\rafaelahpn\Downloads\08aa44c9-3f0d-404e-b1d3-8cdb6e1369cb.tmp</t>
  </si>
  <si>
    <t>lu263005cbqmz.tmp</t>
  </si>
  <si>
    <t>\\acsfs\profiles$\LUCASBS\Planilhas\lu263005cbqmz.tmp</t>
  </si>
  <si>
    <t>sofiamses@algartech.com</t>
  </si>
  <si>
    <t>12/31/2019 11:18:39</t>
  </si>
  <si>
    <t>10.200.58.68</t>
  </si>
  <si>
    <t>D8-9C-67-01-5F-31</t>
  </si>
  <si>
    <t>NB-EDERLEIRD</t>
  </si>
  <si>
    <t>adrielefc</t>
  </si>
  <si>
    <t>adrielefc@algartech.com</t>
  </si>
  <si>
    <t>mail.google.com/_/upload?authuser=0&amp;dcp=asu-n&amp;upload_id=AEnB2Upw4727CZV1E5XYw7Xt2uj-nZ5LHMup5db9w7IDFYcrJAkhSskSj73vt2apY-s3ulagoLXZlojjHh4fwmSTQ_83Gk7rD_cwnkaB-jt9WY2oTG9BI4g&amp;upload_protocol=resumable</t>
  </si>
  <si>
    <t>C:\Users\adrielefc\Desktop\CENÁRIO PROPOSTO\</t>
  </si>
  <si>
    <t>ROADMAP CAPEX 2020.xlsx</t>
  </si>
  <si>
    <t>762cac94-3e7a-4b7a-a12a-c797623c3e88.tmp</t>
  </si>
  <si>
    <t>\\acsfs\profiles$\maxmillianosv\Downloads\762cac94-3e7a-4b7a-a12a-c797623c3e88.tmp</t>
  </si>
  <si>
    <t>8f49e89e-52db-4671-8567-69d092e98dd2.tmp</t>
  </si>
  <si>
    <t>\\acsfs\profiles$\maxmillianosv\Downloads\8f49e89e-52db-4671-8567-69d092e98dd2.tmp</t>
  </si>
  <si>
    <t>0db03c18-ac59-4310-b2cc-bcfe3b31c6b3.tmp</t>
  </si>
  <si>
    <t>\\acsfs\profiles$\maxmillianosv\Downloads\0db03c18-ac59-4310-b2cc-bcfe3b31c6b3.tmp</t>
  </si>
  <si>
    <t>C:\Users\leonardoefo\Desktop\</t>
  </si>
  <si>
    <t>Lista Final SP_VF_03_01_20 (1).xlsx</t>
  </si>
  <si>
    <t>10.200.67.149</t>
  </si>
  <si>
    <t>raicabog</t>
  </si>
  <si>
    <t>\\acsfs\profiles$\raicabog\Contacts\</t>
  </si>
  <si>
    <t>RAICA BRUNA OLIVEIRA GAMA (37).contact</t>
  </si>
  <si>
    <t>\\acsfs\profiles$\raicabog\Contacts\RAICA BRUNA OLIVEIRA GAMA (37).contact</t>
  </si>
  <si>
    <t>\\acsfs\profiles$\raicabog\My Documents\My Videos\</t>
  </si>
  <si>
    <t>\\acsfs\profiles$\raicabog\My Documents\My Videos\desktop.ini</t>
  </si>
  <si>
    <t>\\acsfs\profiles$\raicabog\My Documents\My Pictures\</t>
  </si>
  <si>
    <t>\\acsfs\profiles$\raicabog\My Documents\My Pictures\desktop.ini</t>
  </si>
  <si>
    <t>\\acsfs\profiles$\raicabog\Contacts\desktop.ini</t>
  </si>
  <si>
    <t>\\acsfs\profiles$\raicabog\Favorites\</t>
  </si>
  <si>
    <t>\\acsfs\profiles$\raicabog\Favorites\desktop.ini</t>
  </si>
  <si>
    <t>\\acsfs\profiles$\raicabog\My Documents\My Music\</t>
  </si>
  <si>
    <t>\\acsfs\profiles$\raicabog\My Documents\My Music\desktop.ini</t>
  </si>
  <si>
    <t>\\acsfs\profiles$\raicabog\Searches\</t>
  </si>
  <si>
    <t>\\acsfs\profiles$\raicabog\Searches\desktop.ini</t>
  </si>
  <si>
    <t>\\acsfs\profiles$\raicabog\Downloads\</t>
  </si>
  <si>
    <t>\\acsfs\profiles$\raicabog\Downloads\desktop.ini</t>
  </si>
  <si>
    <t>\\acsfs\profiles$\raicabog\My Documents\</t>
  </si>
  <si>
    <t>\\acsfs\profiles$\raicabog\My Documents\desktop.ini</t>
  </si>
  <si>
    <t>\\acsfs\profiles$\raicabog\Saved Games\</t>
  </si>
  <si>
    <t>\\acsfs\profiles$\raicabog\Saved Games\desktop.ini</t>
  </si>
  <si>
    <t>\\acsfs\profiles$\raicabog\Favorites\Links for Brasil\</t>
  </si>
  <si>
    <t>\\acsfs\profiles$\raicabog\Favorites\Links for Brasil\desktop.ini</t>
  </si>
  <si>
    <t>\\acsfs\profiles$\raicabog\Favorites\Links for Brasil\Microsoft Brasil.url</t>
  </si>
  <si>
    <t>\\acsfs\profiles$\raicabog\Favorites\Links for Brasil\Windows Brasil.url</t>
  </si>
  <si>
    <t>\\acsfs\profiles$\raicabog\Favorites\Links for Brasil\MSN Brasil.url</t>
  </si>
  <si>
    <t>100014142553854;cpc-controldeskavon@algartech.com;joseasn@algartech.com;luiz.henriquesantos@avon.com;marianadjc@algartech.com;</t>
  </si>
  <si>
    <t>100014142553854,cpc-controldeskavon@algartech.com,joseasn@algartech.com,luiz.henriquesantos@avon.com,marianadjc@algartech.com</t>
  </si>
  <si>
    <t>075b1d7e-694d-4889-b5c3-7d7622e15ad6.tmp</t>
  </si>
  <si>
    <t>\\acsfs\profiles$\quindaizaagds\Downloads\075b1d7e-694d-4889-b5c3-7d7622e15ad6.tmp</t>
  </si>
  <si>
    <t>0103632b-801c-4b08-9298-50b82e792479.tmp</t>
  </si>
  <si>
    <t>\\acsfs\profiles$\quindaizaagds\Downloads\0103632b-801c-4b08-9298-50b82e792479.tmp</t>
  </si>
  <si>
    <t>c16df9fa-65a3-4ac6-b663-cf03f3fcc810.tmp</t>
  </si>
  <si>
    <t>\\acsfs\profiles$\larissaad\Downloads\c16df9fa-65a3-4ac6-b663-cf03f3fcc810.tmp</t>
  </si>
  <si>
    <t>127f197c-5ecc-49ac-9549-ee03f7ff2142.tmp</t>
  </si>
  <si>
    <t>\\acsfs\profiles$\PEDROHAB\Downloads\127f197c-5ecc-49ac-9549-ee03f7ff2142.tmp</t>
  </si>
  <si>
    <t>735a4eff-8c02-4d64-85c3-da4789cee5a1.tmp</t>
  </si>
  <si>
    <t>\\acsfs\profiles$\maxmillianosv\Downloads\735a4eff-8c02-4d64-85c3-da4789cee5a1.tmp</t>
  </si>
  <si>
    <t>ebff4f8f-dba5-4d87-a259-fa516862455f.tmp</t>
  </si>
  <si>
    <t>\\acsfs\profiles$\gabrielhca\Downloads\ebff4f8f-dba5-4d87-a259-fa516862455f.tmp</t>
  </si>
  <si>
    <t>adilsonloj</t>
  </si>
  <si>
    <t>https://trc.taboola.com/msn-display-brazil/log/3/perf?route=us:us:v&amp;lti=deflated</t>
  </si>
  <si>
    <t>c622e40e-376f-4f2d-a8ce-0d63c710815d.tmp</t>
  </si>
  <si>
    <t>\\acsfs\profiles$\mariajra\Downloads\c622e40e-376f-4f2d-a8ce-0d63c710815d.tmp</t>
  </si>
  <si>
    <t>739f6b11-09d4-4576-84f4-62c83db27ac1.tmp</t>
  </si>
  <si>
    <t>\\acsfs\profiles$\kamilamrc\Downloads\739f6b11-09d4-4576-84f4-62c83db27ac1.tmp</t>
  </si>
  <si>
    <t>\\acsfs\ACS\Gabriel da Silva\Contemporânea\NPS\NPS_Voz\Janeiro.20\</t>
  </si>
  <si>
    <t>Não confirmado 713223.crdownload</t>
  </si>
  <si>
    <t>\\acsfs\ACS\Gabriel da Silva\Contemporânea\NPS\NPS_Voz\Janeiro.20\Não confirmado 713223.crdownload</t>
  </si>
  <si>
    <t>10001414255385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4255385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142553854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42553854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88debe6-c0fe-4133-b6dd-5771f973d419.tmp</t>
  </si>
  <si>
    <t>\\acsfs\profiles$\maxmillianosv\Downloads\188debe6-c0fe-4133-b6dd-5771f973d419.tmp</t>
  </si>
  <si>
    <t>79e83cc3-3618-422d-9eac-bf624b1286c1.tmp</t>
  </si>
  <si>
    <t>\\acsfs\profiles$\nathaliarmr\Downloads\79e83cc3-3618-422d-9eac-bf624b1286c1.tmp</t>
  </si>
  <si>
    <t>OPERACAO CSC 24X7</t>
  </si>
  <si>
    <t>camilavdcem</t>
  </si>
  <si>
    <t>C:\Users\Public\</t>
  </si>
  <si>
    <t>C:\Users\it.manager\Contacts\</t>
  </si>
  <si>
    <t>C:\Users\it.manager\Desktop\</t>
  </si>
  <si>
    <t>C:\Users\it.manager\Documents\</t>
  </si>
  <si>
    <t>C:\Users\it.manager\Downloads\</t>
  </si>
  <si>
    <t>C:\Users\it.manager\Favorites\</t>
  </si>
  <si>
    <t>C:\Users\it.manager\Links\</t>
  </si>
  <si>
    <t>C:\Users\it.manager\Music\</t>
  </si>
  <si>
    <t>C:\Users\it.manager\Pictures\</t>
  </si>
  <si>
    <t>C:\Users\it.manager\Saved Games\</t>
  </si>
  <si>
    <t>C:\Users\it.manager\Searches\</t>
  </si>
  <si>
    <t>C:\Users\it.manager\Videos\</t>
  </si>
  <si>
    <t>C:\Users\it.manager\Favorites\Links\</t>
  </si>
  <si>
    <t>C:\Users\it.manager\Favorites\Links for Brasil\</t>
  </si>
  <si>
    <t>C:\Program Files\</t>
  </si>
  <si>
    <t>C:\Users\elianegr\Contacts\</t>
  </si>
  <si>
    <t>C:\Users\elianegr\Desktop\</t>
  </si>
  <si>
    <t>C:\Users\elianegr\Documents\</t>
  </si>
  <si>
    <t>C:\Users\elianegr\Favorites\</t>
  </si>
  <si>
    <t>C:\Users\elianegr\Links\</t>
  </si>
  <si>
    <t>C:\Users\elianegr\Music\</t>
  </si>
  <si>
    <t>C:\Users\elianegr\Pictures\</t>
  </si>
  <si>
    <t>C:\Users\elianegr\Saved Games\</t>
  </si>
  <si>
    <t>C:\Users\elianegr\Searches\</t>
  </si>
  <si>
    <t>C:\Users\elianegr\Videos\</t>
  </si>
  <si>
    <t>C:\Users\elianegr\Favorites\Links\</t>
  </si>
  <si>
    <t>C:\Users\elianegr\Favorites\Links for Brasil\</t>
  </si>
  <si>
    <t>Atualiza WFM.lnk</t>
  </si>
  <si>
    <t>lu11956u7mr.tmp</t>
  </si>
  <si>
    <t>\\acsfs\profiles$\VIVIANALDS\My Documents\lu11956u7mr.tmp</t>
  </si>
  <si>
    <t>\\acsfs\profiles$\VIVIANALDS\My Documents\lu11956u7mr.tmp\</t>
  </si>
  <si>
    <t>\\acsfs\profiles$\VIVIANALDS\My Documents\lu11956u7mr.tmp\META-INF\</t>
  </si>
  <si>
    <t>\\acsfs\profiles$\VIVIANALDS\My Documents\lu11956u7mr.tmp\Thumbnails\</t>
  </si>
  <si>
    <t>lu11956u7mv.tmp</t>
  </si>
  <si>
    <t>\\acsfs\profiles$\VIVIANALDS\My Documents\lu11956u7mv.tmp</t>
  </si>
  <si>
    <t>\\acsfs\profiles$\VIVIANALDS\My Documents\lu11956u7mv.tmp\</t>
  </si>
  <si>
    <t>\\acsfs\profiles$\VIVIANALDS\My Documents\lu11956u7mv.tmp\META-INF\</t>
  </si>
  <si>
    <t>\\acsfs\profiles$\VIVIANALDS\My Documents\lu11956u7mv.tmp\Thumbnails\</t>
  </si>
  <si>
    <t>dd2b122a-0ae9-4295-9efb-752cb75aa04d.tmp</t>
  </si>
  <si>
    <t>\\acsfs\profiles$\vivianalds\Downloads\dd2b122a-0ae9-4295-9efb-752cb75aa04d.tmp</t>
  </si>
  <si>
    <t>bfd47f23-5520-4624-a23b-011e5fc57eff.tmp</t>
  </si>
  <si>
    <t>\\acsfs\profiles$\kamilamrc\Downloads\bfd47f23-5520-4624-a23b-011e5fc57eff.tmp</t>
  </si>
  <si>
    <t>a200d347-f960-4a79-976b-1a50afa71ea5.tmp</t>
  </si>
  <si>
    <t>\\acsfs\profiles$\kamilamrc\Downloads\a200d347-f960-4a79-976b-1a50afa71ea5.tmp</t>
  </si>
  <si>
    <t>07779d13-7f09-4d42-9a0a-ac15c716b4de.tmp</t>
  </si>
  <si>
    <t>\\acsfs\profiles$\kamilamrc\Downloads\07779d13-7f09-4d42-9a0a-ac15c716b4de.tmp</t>
  </si>
  <si>
    <t>17e52fdd-b647-4b5f-8ff1-3f5b31366eb0.tmp</t>
  </si>
  <si>
    <t>\\acsfs\profiles$\kamilamrc\Downloads\17e52fdd-b647-4b5f-8ff1-3f5b31366eb0.tmp</t>
  </si>
  <si>
    <t>50b08e4f-b7f4-4b5b-b733-79972c733e9b.tmp</t>
  </si>
  <si>
    <t>\\acsfs\profiles$\kamilamrc\Downloads\50b08e4f-b7f4-4b5b-b733-79972c733e9b.tmp</t>
  </si>
  <si>
    <t>10.200.32.13</t>
  </si>
  <si>
    <t>D0-94-66-A2-59-FD</t>
  </si>
  <si>
    <t>TI-D16P</t>
  </si>
  <si>
    <t>leandroal</t>
  </si>
  <si>
    <t>C:\suporte\Algar\Suporte\Bradesco solicitações\Solicitação Adequação atendimento\</t>
  </si>
  <si>
    <t>solicitação Leonardo.xlsx</t>
  </si>
  <si>
    <t>9193b321-d8b1-4e49-9098-e48bc3977464.tmp</t>
  </si>
  <si>
    <t>\\acsfs\profiles$\ERICALSR\Downloads\9193b321-d8b1-4e49-9098-e48bc3977464.tmp</t>
  </si>
  <si>
    <t>\\acsfs\profiles$\joaopnbg\Contacts\</t>
  </si>
  <si>
    <t>JOAO PEDRO NICOMEDES BERTOLDO GOMES (37).contact</t>
  </si>
  <si>
    <t>\\acsfs\profiles$\joaopnbg\Contacts\JOAO PEDRO NICOMEDES BERTOLDO GOMES (37).contact</t>
  </si>
  <si>
    <t>\\acsfs\profiles$\joaopnbg\My Documents\My Videos\</t>
  </si>
  <si>
    <t>\\acsfs\profiles$\joaopnbg\My Documents\My Videos\desktop.ini</t>
  </si>
  <si>
    <t>\\acsfs\profiles$\joaopnbg\My Documents\My Pictures\</t>
  </si>
  <si>
    <t>\\acsfs\profiles$\joaopnbg\My Documents\My Pictures\desktop.ini</t>
  </si>
  <si>
    <t>\\acsfs\profiles$\joaopnbg\Contacts\desktop.ini</t>
  </si>
  <si>
    <t>\\acsfs\profiles$\joaopnbg\Favorites\</t>
  </si>
  <si>
    <t>\\acsfs\profiles$\joaopnbg\Favorites\desktop.ini</t>
  </si>
  <si>
    <t>\\acsfs\profiles$\joaopnbg\My Documents\My Music\</t>
  </si>
  <si>
    <t>\\acsfs\profiles$\joaopnbg\My Documents\My Music\desktop.ini</t>
  </si>
  <si>
    <t>\\acsfs\profiles$\joaopnbg\Searches\</t>
  </si>
  <si>
    <t>\\acsfs\profiles$\joaopnbg\Searches\desktop.ini</t>
  </si>
  <si>
    <t>\\acsfs\profiles$\joaopnbg\Downloads\</t>
  </si>
  <si>
    <t>\\acsfs\profiles$\joaopnbg\Downloads\desktop.ini</t>
  </si>
  <si>
    <t>\\acsfs\profiles$\joaopnbg\My Documents\</t>
  </si>
  <si>
    <t>\\acsfs\profiles$\joaopnbg\My Documents\desktop.ini</t>
  </si>
  <si>
    <t>\\acsfs\profiles$\joaopnbg\Saved Games\</t>
  </si>
  <si>
    <t>\\acsfs\profiles$\joaopnbg\Saved Games\desktop.ini</t>
  </si>
  <si>
    <t>\\acsfs\profiles$\joaopnbg\Favorites\Links for Brasil\</t>
  </si>
  <si>
    <t>\\acsfs\profiles$\joaopnbg\Favorites\Links for Brasil\desktop.ini</t>
  </si>
  <si>
    <t>\\acsfs\profiles$\joaopnbg\Favorites\Links for Brasil\Microsoft Brasil.url</t>
  </si>
  <si>
    <t>\\acsfs\profiles$\joaopnbg\Favorites\Links for Brasil\Windows Brasil.url</t>
  </si>
  <si>
    <t>\\acsfs\profiles$\joaopnbg\Favorites\Links for Brasil\MSN Brasil.url</t>
  </si>
  <si>
    <t>e519c219-d9df-4020-8057-95595d2b463c.tmp</t>
  </si>
  <si>
    <t>\\acsfs\profiles$\lorrainerdl\Downloads\e519c219-d9df-4020-8057-95595d2b463c.tmp</t>
  </si>
  <si>
    <t>\\acsfs\profiles$\jessicafc\My Documents\My Pictures\</t>
  </si>
  <si>
    <t>\\acsfs\profiles$\jessicafc\My Documents\My Videos\desktop.ini</t>
  </si>
  <si>
    <t>\\acsfs\profiles$\jessicafc\My Documents\My Videos\</t>
  </si>
  <si>
    <t>\\acsfs\profiles$\jessicafc\My Documents\My Music\</t>
  </si>
  <si>
    <t>\\acsfs\profiles$\jessicafc\My Documents\My Pictures\desktop.ini</t>
  </si>
  <si>
    <t>\\acsfs\profiles$\jessicafc\Contacts\</t>
  </si>
  <si>
    <t>\\acsfs\profiles$\jessicafc\Contacts\desktop.ini</t>
  </si>
  <si>
    <t>\\acsfs\profiles$\jessicafc\My Documents\</t>
  </si>
  <si>
    <t>\\acsfs\profiles$\jessicafc\Favorites\desktop.ini</t>
  </si>
  <si>
    <t>\\acsfs\profiles$\jessicafc\My Documents\My Music\desktop.ini</t>
  </si>
  <si>
    <t>\\acsfs\profiles$\jessicafc\Searches\</t>
  </si>
  <si>
    <t>\\acsfs\profiles$\jessicafc\Searches\desktop.ini</t>
  </si>
  <si>
    <t>\\acsfs\profiles$\jessicafc\Downloads\desktop.ini</t>
  </si>
  <si>
    <t>\\acsfs\profiles$\jessicafc\Favorites\</t>
  </si>
  <si>
    <t>\\acsfs\profiles$\jessicafc\My Documents\desktop.ini</t>
  </si>
  <si>
    <t>\\acsfs\profiles$\jessicafc\Saved Games\desktop.ini</t>
  </si>
  <si>
    <t>winrt--{S-1-5-21-602162358-764733703-839522115-354165}-.searchconnector-ms</t>
  </si>
  <si>
    <t>\\acsfs\profiles$\jessicafc\Searches\winrt--{S-1-5-21-602162358-764733703-839522115-354165}-.searchconnector-ms</t>
  </si>
  <si>
    <t>4ea410a5-2852-4b80-bb66-373f6a542479.tmp</t>
  </si>
  <si>
    <t>\\acsfs\profiles$\geovannasm\Downloads\4ea410a5-2852-4b80-bb66-373f6a542479.tmp</t>
  </si>
  <si>
    <t>XLOG_leydianeamd_06012020_075121.log</t>
  </si>
  <si>
    <t>\\acsfs\profiles$\leydianeamd\My Documents\xworkcenter\logs\XLOG_leydianeamd_06012020_075121.log</t>
  </si>
  <si>
    <t>676d8071-fcb3-478d-bfc9-524623b11388.tmp</t>
  </si>
  <si>
    <t>\\acsfs\profiles$\inarajst\Downloads\676d8071-fcb3-478d-bfc9-524623b11388.tmp</t>
  </si>
  <si>
    <t>10.200.67.170</t>
  </si>
  <si>
    <t>74-86-7A-FB-16-85</t>
  </si>
  <si>
    <t>VOTORANT-IB008</t>
  </si>
  <si>
    <t>7fef920e-0e75-4320-99f2-2dbfea088983.tmp</t>
  </si>
  <si>
    <t>\\acsfs\profiles$\adelvinsonle\Downloads\7fef920e-0e75-4320-99f2-2dbfea088983.tmp</t>
  </si>
  <si>
    <t>722b1dae-5b29-4f8b-a014-1e9d1bb33f57.tmp</t>
  </si>
  <si>
    <t>\\acsfs\profiles$\jhonatadss\Downloads\722b1dae-5b29-4f8b-a014-1e9d1bb33f57.tmp</t>
  </si>
  <si>
    <t>35a701a7-06c8-4b4f-8345-485406484197.tmp</t>
  </si>
  <si>
    <t>\\acsfs\profiles$\jhonatadss\Downloads\35a701a7-06c8-4b4f-8345-485406484197.tmp</t>
  </si>
  <si>
    <t>10.200.66.176</t>
  </si>
  <si>
    <t>8e304735-b9f4-4582-847f-c5f452a7da37.tmp</t>
  </si>
  <si>
    <t>\\acsfs\profiles$\wenderbnm\Downloads\8e304735-b9f4-4582-847f-c5f452a7da37.tmp</t>
  </si>
  <si>
    <t>e691aa92-6121-4968-a53f-40b3feb3ae5d.tmp</t>
  </si>
  <si>
    <t>\\acsfs\profiles$\mariajra\Downloads\e691aa92-6121-4968-a53f-40b3feb3ae5d.tmp</t>
  </si>
  <si>
    <t>lu263005cbqn5.tmp</t>
  </si>
  <si>
    <t>\\acsfs\profiles$\LUCASBS\Planilhas\lu263005cbqn5.tmp</t>
  </si>
  <si>
    <t>122019_Relatorio_Despesa V4.xlsb</t>
  </si>
  <si>
    <t>mail.google.com/_/upload?authuser=0&amp;dcp=asu-n&amp;upload_id=AEnB2Ur6Tt_KQ3JhoCMW0wj3x2iVFnyJ_HXpDvZzuxnZ9lWFmct5dMn8xS6wxHanfqFMM2n7XiI6BCZrUz-pvZz30YfShnuzPQ&amp;upload_protocol=resumable</t>
  </si>
  <si>
    <t>122019_Relatorio_Indiretos V4.xlsb</t>
  </si>
  <si>
    <t>65e897bf-6b64-4e2b-bd3c-27c12b433e56.tmp</t>
  </si>
  <si>
    <t>\\acsfs\profiles$\adelvinsonle\Downloads\65e897bf-6b64-4e2b-bd3c-27c12b433e56.tmp</t>
  </si>
  <si>
    <t>bbaa1706-cca8-487a-b079-ab553a24517a.tmp</t>
  </si>
  <si>
    <t>\\acsfs\profiles$\jhonatadss\Downloads\bbaa1706-cca8-487a-b079-ab553a24517a.tmp</t>
  </si>
  <si>
    <t>4886c614-c512-449f-bfc1-cd73c145835e.tmp</t>
  </si>
  <si>
    <t>\\acsfs\profiles$\kellzylenneasr\Downloads\4886c614-c512-449f-bfc1-cd73c145835e.tmp</t>
  </si>
  <si>
    <t>b61d08c4-e490-4dd7-9aba-378729372970.tmp</t>
  </si>
  <si>
    <t>\\acsfs\profiles$\kellzylenneasr\Downloads\b61d08c4-e490-4dd7-9aba-378729372970.tmp</t>
  </si>
  <si>
    <t>22369405-f0be-4427-9ca3-1575dd71873b.tmp</t>
  </si>
  <si>
    <t>\\acsfs\profiles$\marcellewdl\Downloads\22369405-f0be-4427-9ca3-1575dd71873b.tmp</t>
  </si>
  <si>
    <t>7e99e9c8-a1be-42a4-9399-c8817ea91429.tmp</t>
  </si>
  <si>
    <t>\\acsfs\profiles$\JOAOVAL\Downloads\7e99e9c8-a1be-42a4-9399-c8817ea91429.tmp</t>
  </si>
  <si>
    <t>f77ea42b-6618-4c08-a388-f1f116e26997.tmp</t>
  </si>
  <si>
    <t>\\acsfs\profiles$\JOAOVAL\Downloads\f77ea42b-6618-4c08-a388-f1f116e26997.tmp</t>
  </si>
  <si>
    <t>daf6a2d8-8d71-4b35-a17f-00e0c40cbfcb.tmp</t>
  </si>
  <si>
    <t>\\acsfs\profiles$\jessicafc\Downloads\daf6a2d8-8d71-4b35-a17f-00e0c40cbfcb.tmp</t>
  </si>
  <si>
    <t>48b95ea8-68e8-4460-9da0-f870ed5324a5.tmp</t>
  </si>
  <si>
    <t>\\acsfs\profiles$\jessicafc\Downloads\48b95ea8-68e8-4460-9da0-f870ed5324a5.tmp</t>
  </si>
  <si>
    <t>6cd0c323-2ee0-4938-a983-d43acc7cff10.tmp</t>
  </si>
  <si>
    <t>\\acsfs\profiles$\jessicafc\Downloads\6cd0c323-2ee0-4938-a983-d43acc7cff10.tmp</t>
  </si>
  <si>
    <t>14ea47d6-c71c-46ac-9b79-6b9b2166e1aa.tmp</t>
  </si>
  <si>
    <t>\\acsfs\profiles$\jessicafc\Downloads\14ea47d6-c71c-46ac-9b79-6b9b2166e1aa.tmp</t>
  </si>
  <si>
    <t>D:\OneDrive\AlgarTech\Pré-Vendas\Cliente\2020\CNEC\226397 - 3 Novas VMs\</t>
  </si>
  <si>
    <t>LPU_CNEC_Reajuste 2019.xlsx</t>
  </si>
  <si>
    <t>96bbf22b-0f6b-4de4-87a2-f58c774c11da.tmp</t>
  </si>
  <si>
    <t>\\acsfs\profiles$\gabrielsma\Downloads\96bbf22b-0f6b-4de4-87a2-f58c774c11da.tmp</t>
  </si>
  <si>
    <t>\\acsfs\ACS\Gabriel da Silva\Contemporânea\VENDAS\Q29udHJvbGxlci5BQ09NLVNvdUJWXzE-.ica.crdownload</t>
  </si>
  <si>
    <t>6cfaf7f3-e001-4650-86c2-623025ebebe9.tmp</t>
  </si>
  <si>
    <t>\\acsfs\profiles$\rafaelahpn\Downloads\6cfaf7f3-e001-4650-86c2-623025ebebe9.tmp</t>
  </si>
  <si>
    <t>1° Ciclo Janeiro Tainara.txt</t>
  </si>
  <si>
    <t>\\acsfs\DEPTOS\Operacao\Banco_Votorantim\Qualidade\Eliane\Monitoria JANEIRO 2020\1° Ciclo Janeiro Tainara.txt</t>
  </si>
  <si>
    <t>\\acsfs\profiles$\henriquehmdo\Contacts\</t>
  </si>
  <si>
    <t>HENRIQUE HUMBERTO MARCELINO DE OLIVEIRA (4).contact</t>
  </si>
  <si>
    <t>\\acsfs\profiles$\henriquehmdo\Contacts\HENRIQUE HUMBERTO MARCELINO DE OLIVEIRA (4).contact</t>
  </si>
  <si>
    <t>\\acsfs\profiles$\henriquehmdo\My Documents\My Videos\</t>
  </si>
  <si>
    <t>\\acsfs\profiles$\henriquehmdo\My Documents\My Videos\desktop.ini</t>
  </si>
  <si>
    <t>\\acsfs\profiles$\henriquehmdo\My Documents\My Pictures\</t>
  </si>
  <si>
    <t>\\acsfs\profiles$\henriquehmdo\My Documents\My Pictures\desktop.ini</t>
  </si>
  <si>
    <t>\\acsfs\profiles$\henriquehmdo\Contacts\desktop.ini</t>
  </si>
  <si>
    <t>\\acsfs\profiles$\henriquehmdo\Favorites\</t>
  </si>
  <si>
    <t>\\acsfs\profiles$\henriquehmdo\Favorites\desktop.ini</t>
  </si>
  <si>
    <t>\\acsfs\profiles$\henriquehmdo\My Documents\My Music\</t>
  </si>
  <si>
    <t>\\acsfs\profiles$\henriquehmdo\My Documents\My Music\desktop.ini</t>
  </si>
  <si>
    <t>\\acsfs\profiles$\henriquehmdo\Searches\</t>
  </si>
  <si>
    <t>\\acsfs\profiles$\henriquehmdo\Searches\desktop.ini</t>
  </si>
  <si>
    <t>\\acsfs\profiles$\henriquehmdo\Downloads\desktop.ini</t>
  </si>
  <si>
    <t>\\acsfs\profiles$\henriquehmdo\My Documents\</t>
  </si>
  <si>
    <t>\\acsfs\profiles$\henriquehmdo\My Documents\desktop.ini</t>
  </si>
  <si>
    <t>\\acsfs\profiles$\henriquehmdo\Saved Games\</t>
  </si>
  <si>
    <t>\\acsfs\profiles$\henriquehmdo\Saved Games\desktop.ini</t>
  </si>
  <si>
    <t>\\acsfs\profiles$\HENRIQUEHMDO\Favorites\Links for Brasil\</t>
  </si>
  <si>
    <t>\\acsfs\profiles$\HENRIQUEHMDO\Favorites\Links for Brasil\desktop.ini</t>
  </si>
  <si>
    <t>\\acsfs\profiles$\HENRIQUEHMDO\Favorites\Links for Brasil\Microsoft Brasil.url</t>
  </si>
  <si>
    <t>\\acsfs\profiles$\HENRIQUEHMDO\Favorites\Links for Brasil\Windows Brasil.url</t>
  </si>
  <si>
    <t>\\acsfs\profiles$\HENRIQUEHMDO\Favorites\Links for Brasil\MSN Brasil.url</t>
  </si>
  <si>
    <t>e1e404cc-49a9-4c9c-aa5a-8e227d7e5aad.tmp</t>
  </si>
  <si>
    <t>\\acsfs\profiles$\henriquehmdo\Downloads\e1e404cc-49a9-4c9c-aa5a-8e227d7e5aad.tmp</t>
  </si>
  <si>
    <t>Não confirmado 518260.crdownload</t>
  </si>
  <si>
    <t>\\acsfs\profiles$\henriquehmdo\Downloads\Não confirmado 518260.crdownload</t>
  </si>
  <si>
    <t>b4ef9f2d-85f0-4888-a3ca-38328a89d771.tmp</t>
  </si>
  <si>
    <t>\\acsfs\profiles$\henriquehmdo\Downloads\b4ef9f2d-85f0-4888-a3ca-38328a89d771.tmp</t>
  </si>
  <si>
    <t>mail.google.com/_/upload?authuser=1&amp;dcp=asu-n&amp;upload_id=AEnB2Uqu-sW7sE4gUbQc5AKShADf8JvlRLHCV_IR3Sw4OAkn-TR29AmDu-p55FTZDzJprBEVzizKJtT8sWmwcNVycL6kLU256Q&amp;upload_protocol=resumable</t>
  </si>
  <si>
    <t>\\acsfs\DEPTOS\Operacao\Banco_Votorantim\Comum\00 - COMUM - BV CARTÕES\EQUIPE ADILSON\Reneg\</t>
  </si>
  <si>
    <t>Reneg - Vcto 08-01-20.xlsx</t>
  </si>
  <si>
    <t>mail.google.com/_/upload?authuser=1&amp;dcp=asu-n&amp;upload_id=AEnB2UpyH4xa7NiXPGAjjh_oXOAOgSFEDQkpIXaxUy5dbUkOcrq8aOBonH2wZDnUqA90EyBbNyiMUXFgRKSIJqcbkv7TNq-h9Q&amp;upload_protocol=resumable</t>
  </si>
  <si>
    <t>Reneg - Vcto 11-01-20.xlsx</t>
  </si>
  <si>
    <t>71d4d236-bcef-4b8c-bbc6-34959c762d2e.tmp</t>
  </si>
  <si>
    <t>\\acsfs\profiles$\JOAOVAL\Downloads\71d4d236-bcef-4b8c-bbc6-34959c762d2e.tmp</t>
  </si>
  <si>
    <t>54dc922c-9c96-4541-b5b2-387b52085019.tmp</t>
  </si>
  <si>
    <t>\\acsfs\profiles$\JOAOVAL\Downloads\54dc922c-9c96-4541-b5b2-387b52085019.tmp</t>
  </si>
  <si>
    <t>10.200.39.127</t>
  </si>
  <si>
    <t>54-BF-64-F4-AD-B6</t>
  </si>
  <si>
    <t>NB-RODRIGOFRS</t>
  </si>
  <si>
    <t>rodrigofrs</t>
  </si>
  <si>
    <t>D:\ALGAR TECH\004 - Projetos Cloud\03 - CCoE\documentation\01-Projetos\AlgarTech-IniciativaReduçãoCustos\Report\</t>
  </si>
  <si>
    <t>Redução de Custos AWS.xlsx</t>
  </si>
  <si>
    <t>1d32e860-ea9e-4d33-95e3-41636cf58d29.tmp</t>
  </si>
  <si>
    <t>\\acsfs\profiles$\luanaagl\Downloads\1d32e860-ea9e-4d33-95e3-41636cf58d29.tmp</t>
  </si>
  <si>
    <t>C:\Users\fernandaab\Downloads\</t>
  </si>
  <si>
    <t>monitoria 06-01.docx</t>
  </si>
  <si>
    <t>\\acsfs\Deptos\EDUCACAO EMPRESARIAL\KÉSIA\monitoria 06-01.docx</t>
  </si>
  <si>
    <t>\\acsfs\Deptos\EDUCACAO EMPRESARIAL\KÉSIA\monitoria 06-01.docx\</t>
  </si>
  <si>
    <t>\\acsfs\Deptos\EDUCACAO EMPRESARIAL\KÉSIA\monitoria 06-01.docx\:Zone.Identifier:$DATA</t>
  </si>
  <si>
    <t>8121216f-0969-4305-b770-46192580174d.tmp</t>
  </si>
  <si>
    <t>\\acsfs\profiles$\jhonatadss\Downloads\8121216f-0969-4305-b770-46192580174d.tmp</t>
  </si>
  <si>
    <t>4edf3f6f-6ed1-4390-b40b-d2e455f4c76b.tmp</t>
  </si>
  <si>
    <t>\\acsfs\profiles$\LAISLG\Downloads\4edf3f6f-6ed1-4390-b40b-d2e455f4c76b.tmp</t>
  </si>
  <si>
    <t>670e171c-4869-4ba0-b597-c56ca6851971.tmp</t>
  </si>
  <si>
    <t>\\acsfs\profiles$\victoriaksr\Downloads\670e171c-4869-4ba0-b597-c56ca6851971.tmp</t>
  </si>
  <si>
    <t>\\acsfs\profiles$\victoriaksr\Downloads\.~lock.Filas.xlsx#</t>
  </si>
  <si>
    <t>10.200.35.168</t>
  </si>
  <si>
    <t>20-04-0F-FE-45-0E</t>
  </si>
  <si>
    <t>NB-RAFAELAAS</t>
  </si>
  <si>
    <t>rafaelaas</t>
  </si>
  <si>
    <t>C:\Users\rafaelaas\Desktop\</t>
  </si>
  <si>
    <t>Proposta PFIN 2020.xlsx</t>
  </si>
  <si>
    <t>b0300e53-11a0-4f05-b3fe-b10c389c0f6e.tmp</t>
  </si>
  <si>
    <t>\\acsfs\profiles$\sarahbal\Downloads\b0300e53-11a0-4f05-b3fe-b10c389c0f6e.tmp</t>
  </si>
  <si>
    <t>6c895956-5947-4d0e-917c-b312f9c9fc04.tmp</t>
  </si>
  <si>
    <t>\\acsfs\profiles$\matheushds\Downloads\6c895956-5947-4d0e-917c-b312f9c9fc04.tmp</t>
  </si>
  <si>
    <t>151c2f96-9943-47c1-abe9-0aec1f515fb5.tmp</t>
  </si>
  <si>
    <t>\\acsfs\profiles$\matheushds\Downloads\151c2f96-9943-47c1-abe9-0aec1f515fb5.tmp</t>
  </si>
  <si>
    <t>a88c2eab-e885-4ade-9397-1c4bafbf1ba6.tmp</t>
  </si>
  <si>
    <t>\\acsfs\profiles$\gabrielsma\Downloads\a88c2eab-e885-4ade-9397-1c4bafbf1ba6.tmp</t>
  </si>
  <si>
    <t>rptEquipesAuditoria.csv.crdownload</t>
  </si>
  <si>
    <t>\\acsfs\ACS\Gabriel da Silva\Contemporânea\rptEquipesAuditoria.csv.crdownload</t>
  </si>
  <si>
    <t>785836b2-97d9-4ad6-b301-936c1d2b71bf.tmp</t>
  </si>
  <si>
    <t>\\acsfs\profiles$\inarajst\Downloads\785836b2-97d9-4ad6-b301-936c1d2b71bf.tmp</t>
  </si>
  <si>
    <t>bcfb8fb6-15f1-4d52-9eb4-b97a34a8f83d.tmp</t>
  </si>
  <si>
    <t>\\acsfs\profiles$\inarajst\Downloads\bcfb8fb6-15f1-4d52-9eb4-b97a34a8f83d.tmp</t>
  </si>
  <si>
    <t>bbe0aa25-e5ad-43e2-b53e-cc7aa3204826.tmp</t>
  </si>
  <si>
    <t>\\acsfs\profiles$\Flaviojmm\Downloads\bbe0aa25-e5ad-43e2-b53e-cc7aa3204826.tmp</t>
  </si>
  <si>
    <t>467d5635-7ff5-4bad-8f71-689f49663c80.tmp</t>
  </si>
  <si>
    <t>\\acsfs\profiles$\nataliacsl\Downloads\467d5635-7ff5-4bad-8f71-689f49663c80.tmp</t>
  </si>
  <si>
    <t>lu111788tsw393.tmp</t>
  </si>
  <si>
    <t>\\acsfs\profiles$\BRUNAAR\Numero\lu111788tsw393.tmp</t>
  </si>
  <si>
    <t>bf803edc-ec24-470d-a9cf-da4b3a2a7691.tmp</t>
  </si>
  <si>
    <t>\\acsfs\profiles$\LAISLG\Downloads\bf803edc-ec24-470d-a9cf-da4b3a2a7691.tmp</t>
  </si>
  <si>
    <t>3596f493-08e1-4f75-b448-dd16103149c1.tmp</t>
  </si>
  <si>
    <t>\\acsfs\profiles$\henriquehmdo\Downloads\3596f493-08e1-4f75-b448-dd16103149c1.tmp</t>
  </si>
  <si>
    <t>b7b39435-afaa-47b5-ac8e-5189da86302e.tmp</t>
  </si>
  <si>
    <t>\\acsfs\profiles$\nathaliarmr\Downloads\b7b39435-afaa-47b5-ac8e-5189da86302e.tmp</t>
  </si>
  <si>
    <t>D:\OneDrive\AlgarTech\Pré-Vendas\Cliente\2020\CNEC\227397 - Clone 2 VMs\</t>
  </si>
  <si>
    <t>HorasExtras_S.O.xlsx</t>
  </si>
  <si>
    <t>227397_Preco_rev01.xlsb</t>
  </si>
  <si>
    <t>e55458d6-63ce-4c50-b301-3122af7748bf.tmp</t>
  </si>
  <si>
    <t>\\acsfs\profiles$\matheushds\Downloads\e55458d6-63ce-4c50-b301-3122af7748bf.tmp</t>
  </si>
  <si>
    <t>31ba4fde-b510-4969-a9f2-e34203dd0bb4.tmp</t>
  </si>
  <si>
    <t>\\acsfs\profiles$\matheushds\Downloads\31ba4fde-b510-4969-a9f2-e34203dd0bb4.tmp</t>
  </si>
  <si>
    <t>lixo.csv.crdownload</t>
  </si>
  <si>
    <t>\\acsfs\ACS\Gabriel da Silva\Contemporânea\NPS\NPS_Voz\Janeiro.20\lixo.csv.crdownload</t>
  </si>
  <si>
    <t>~$rellPulse.xlsx</t>
  </si>
  <si>
    <t>\\acsfs\ACS\Gabriel da Silva\Contemporânea\Gen\~$rellPulse.xlsx</t>
  </si>
  <si>
    <t>f70a4da5-9fc2-4285-ae13-d38fd8d68c09.tmp</t>
  </si>
  <si>
    <t>\\acsfs\profiles$\luanaagl\Downloads\f70a4da5-9fc2-4285-ae13-d38fd8d68c09.tmp</t>
  </si>
  <si>
    <t>10.200.66.141</t>
  </si>
  <si>
    <t>74-86-7A-FC-CF-A6</t>
  </si>
  <si>
    <t>VOTORANT-VB009</t>
  </si>
  <si>
    <t>LORENA BIANCA MARTINS COSTA (12709).contact</t>
  </si>
  <si>
    <t>\\acsfs\profiles$\lorenabmc\Contacts\LORENA BIANCA MARTINS COSTA (12709).contact</t>
  </si>
  <si>
    <t>1be022e9-05f2-49f7-9c47-b0ed67705625.tmp</t>
  </si>
  <si>
    <t>\\acsfs\profiles$\lorenabmc\Downloads\1be022e9-05f2-49f7-9c47-b0ed67705625.tmp</t>
  </si>
  <si>
    <t>5bcdf656-70a6-484c-b3f6-19e9e159ea46.tmp</t>
  </si>
  <si>
    <t>\\acsfs\profiles$\mariagsg\Downloads\5bcdf656-70a6-484c-b3f6-19e9e159ea46.tmp</t>
  </si>
  <si>
    <t>d4b27c7f-dd5e-4ef7-b075-aafbb647a3d0.tmp</t>
  </si>
  <si>
    <t>\\acsfs\profiles$\mariagsg\Downloads\d4b27c7f-dd5e-4ef7-b075-aafbb647a3d0.tmp</t>
  </si>
  <si>
    <t>0249591a-c71e-454f-ab22-11da12434cd7.tmp</t>
  </si>
  <si>
    <t>\\acsfs\profiles$\henriquehmdo\Downloads\0249591a-c71e-454f-ab22-11da12434cd7.tmp</t>
  </si>
  <si>
    <t>C:\Users\rodrigodcp\AppData\Local\Temp\</t>
  </si>
  <si>
    <t>10.200.58.108</t>
  </si>
  <si>
    <t>54-BF-64-F5-7C-DA</t>
  </si>
  <si>
    <t>NB-RENATAALVES</t>
  </si>
  <si>
    <t>renataalves</t>
  </si>
  <si>
    <t>C:\Users\renataalves\Downloads\CustomerSuccess_AlgarTech_Plano2020_v1.pptx\</t>
  </si>
  <si>
    <t>d906c197-c82e-4446-8a98-99686b5f4d5c.tmp</t>
  </si>
  <si>
    <t>\\acsfs\profiles$\sarahbal\Downloads\d906c197-c82e-4446-8a98-99686b5f4d5c.tmp</t>
  </si>
  <si>
    <t>lu263005cbqnh.tmp</t>
  </si>
  <si>
    <t>\\acsfs\profiles$\LUCASBS\Planilhas\lu263005cbqnh.tmp</t>
  </si>
  <si>
    <t>lu11816xel6j.tmp</t>
  </si>
  <si>
    <t>\\acsfs\profiles$\CLAUDIAJCA\lu11816xel6j.tmp</t>
  </si>
  <si>
    <t>\\acsfs\profiles$\CLAUDIAJCA\lu11816xel6j.tmp\</t>
  </si>
  <si>
    <t>\\acsfs\profiles$\CLAUDIAJCA\lu11816xel6j.tmp\META-INF\</t>
  </si>
  <si>
    <t>\\acsfs\profiles$\CLAUDIAJCA\lu11816xel6j.tmp\Thumbnails\</t>
  </si>
  <si>
    <t>8f821af7-3b28-4f96-9443-7fe94cb3f299.tmp</t>
  </si>
  <si>
    <t>\\acsfs\profiles$\lorraynevam\Downloads\8f821af7-3b28-4f96-9443-7fe94cb3f299.tmp</t>
  </si>
  <si>
    <t>\\acsfs\profiles$\lorraynevam\Downloads\8f821af7-3b28-4f96-9443-7fe94cb3f299.tmp\</t>
  </si>
  <si>
    <t>\\acsfs\profiles$\lorraynevam\Downloads\8f821af7-3b28-4f96-9443-7fe94cb3f299.tmp\META-INF\</t>
  </si>
  <si>
    <t>\\acsfs\profiles$\lorraynevam\Downloads\8f821af7-3b28-4f96-9443-7fe94cb3f299.tmp\Thumbnails\</t>
  </si>
  <si>
    <t>841805dc-24ae-4841-8672-00edb8eac29a.tmp</t>
  </si>
  <si>
    <t>\\acsfs\profiles$\lorenabmc\Downloads\841805dc-24ae-4841-8672-00edb8eac29a.tmp</t>
  </si>
  <si>
    <t>10.200.61.40</t>
  </si>
  <si>
    <t>FC-01-7C-B3-AD-87</t>
  </si>
  <si>
    <t>NB-RUDNEYLC</t>
  </si>
  <si>
    <t>rudneylc</t>
  </si>
  <si>
    <t>\\acsfs\DEPTOS\Controladoria\32.Tesouraria\1 - Fluxo de Caixa\Caixa 2019\2 - Movimentações Diárias\1 - TI\Saldo\12 - Dezembro\</t>
  </si>
  <si>
    <t>Saldo TI Dezembro.xlsx</t>
  </si>
  <si>
    <t>10.200.67.180</t>
  </si>
  <si>
    <t>78-2B-CB-C1-07-ED</t>
  </si>
  <si>
    <t>VOTORANT-LB006</t>
  </si>
  <si>
    <t>\\acsfs\profiles$\danielta\Contacts\</t>
  </si>
  <si>
    <t>DANIEL TOFINO ARAUJO (35).contact</t>
  </si>
  <si>
    <t>\\acsfs\profiles$\danielta\Contacts\DANIEL TOFINO ARAUJO (35).contact</t>
  </si>
  <si>
    <t>\\acsfs\profiles$\danielta\My Documents\My Videos\</t>
  </si>
  <si>
    <t>\\acsfs\profiles$\danielta\My Documents\My Videos\desktop.ini</t>
  </si>
  <si>
    <t>\\acsfs\profiles$\danielta\My Documents\My Pictures\</t>
  </si>
  <si>
    <t>\\acsfs\profiles$\danielta\My Documents\My Pictures\desktop.ini</t>
  </si>
  <si>
    <t>\\acsfs\profiles$\danielta\Contacts\desktop.ini</t>
  </si>
  <si>
    <t>\\acsfs\profiles$\danielta\Favorites\</t>
  </si>
  <si>
    <t>\\acsfs\profiles$\danielta\Favorites\desktop.ini</t>
  </si>
  <si>
    <t>\\acsfs\profiles$\danielta\My Documents\My Music\</t>
  </si>
  <si>
    <t>\\acsfs\profiles$\danielta\My Documents\My Music\desktop.ini</t>
  </si>
  <si>
    <t>\\acsfs\profiles$\danielta\Searches\</t>
  </si>
  <si>
    <t>\\acsfs\profiles$\danielta\Searches\desktop.ini</t>
  </si>
  <si>
    <t>\\acsfs\profiles$\danielta\Downloads\desktop.ini</t>
  </si>
  <si>
    <t>\\acsfs\profiles$\danielta\My Documents\</t>
  </si>
  <si>
    <t>\\acsfs\profiles$\danielta\My Documents\desktop.ini</t>
  </si>
  <si>
    <t>\\acsfs\profiles$\danielta\Saved Games\</t>
  </si>
  <si>
    <t>\\acsfs\profiles$\danielta\Saved Games\desktop.ini</t>
  </si>
  <si>
    <t>\\acsfs\profiles$\danielta\Favorites\Links for Brasil\</t>
  </si>
  <si>
    <t>\\acsfs\profiles$\danielta\Favorites\Links for Brasil\desktop.ini</t>
  </si>
  <si>
    <t>\\acsfs\profiles$\danielta\Favorites\Links for Brasil\Microsoft Brasil.url</t>
  </si>
  <si>
    <t>\\acsfs\profiles$\danielta\Favorites\Links for Brasil\Windows Brasil.url</t>
  </si>
  <si>
    <t>\\acsfs\profiles$\danielta\Favorites\Links for Brasil\MSN Brasil.url</t>
  </si>
  <si>
    <t>a5956b52-379e-4883-bea2-62c732011bbb.tmp</t>
  </si>
  <si>
    <t>\\acsfs\profiles$\Flaviojmm\Downloads\a5956b52-379e-4883-bea2-62c732011bbb.tmp</t>
  </si>
  <si>
    <t>0873aba6-5ec4-4b19-a667-8ac77d5241dc.tmp</t>
  </si>
  <si>
    <t>\\acsfs\profiles$\gabrielarb\Downloads\0873aba6-5ec4-4b19-a667-8ac77d5241dc.tmp</t>
  </si>
  <si>
    <t>052796cd-8988-40ae-bf7a-46f752b7a4c8.tmp</t>
  </si>
  <si>
    <t>\\acsfs\profiles$\claudiajca\Downloads\052796cd-8988-40ae-bf7a-46f752b7a4c8.tmp</t>
  </si>
  <si>
    <t>efcef35f-ee72-4796-a48a-807a8fe46b47.tmp</t>
  </si>
  <si>
    <t>\\acsfs\profiles$\claudiajca\Downloads\efcef35f-ee72-4796-a48a-807a8fe46b47.tmp</t>
  </si>
  <si>
    <t>\\acsfs\profiles$\lorraynevam\Downloads\.~lock.Controle de vendas.ods#</t>
  </si>
  <si>
    <t>10.200.60.87</t>
  </si>
  <si>
    <t>78-2B-CB-C3-48-C8</t>
  </si>
  <si>
    <t>VOTORANTE-YB021</t>
  </si>
  <si>
    <t>ec0601e4-121d-4e1d-8bd2-7430879c9cc5.tmp</t>
  </si>
  <si>
    <t>\\acsfs\profiles$\lorrainerdl\Downloads\ec0601e4-121d-4e1d-8bd2-7430879c9cc5.tmp</t>
  </si>
  <si>
    <t>fdc005cb-546e-49f6-ab83-dcd58443f9b1.tmp</t>
  </si>
  <si>
    <t>\\acsfs\profiles$\lorenabmc\Downloads\fdc005cb-546e-49f6-ab83-dcd58443f9b1.tmp</t>
  </si>
  <si>
    <t>patricia.guimaraes@avon.com;</t>
  </si>
  <si>
    <t>C:\Users\victorvgar\Desktop\AVON\Planejamento de TRN\</t>
  </si>
  <si>
    <t>Planejamento - Treinamento Atualizado.xlsx</t>
  </si>
  <si>
    <t>patricia.guimaraes@avon.com</t>
  </si>
  <si>
    <t>46e70d1b-d6f3-42c0-84fa-c0e3f70ec4c4.tmp</t>
  </si>
  <si>
    <t>\\acsfs\profiles$\LUCASBS\Downloads\46e70d1b-d6f3-42c0-84fa-c0e3f70ec4c4.tmp</t>
  </si>
  <si>
    <t>c:\users\vanessasara\downloads\</t>
  </si>
  <si>
    <t>_acc_-_vf.xls</t>
  </si>
  <si>
    <t>851a2091-b039-4f27-b071-4a2f88cb8217.tmp</t>
  </si>
  <si>
    <t>\\acsfs\profiles$\sarahbal\Downloads\851a2091-b039-4f27-b071-4a2f88cb8217.tmp</t>
  </si>
  <si>
    <t>570ad2fc-7253-4dbe-9475-858a47c5b577.tmp</t>
  </si>
  <si>
    <t>\\acsfs\profiles$\Flaviojmm\Downloads\570ad2fc-7253-4dbe-9475-858a47c5b577.tmp</t>
  </si>
  <si>
    <t>c5021527-6db8-4711-8a6d-4ff37602cc30.tmp</t>
  </si>
  <si>
    <t>\\acsfs\profiles$\gabrielarb\Downloads\c5021527-6db8-4711-8a6d-4ff37602cc30.tmp</t>
  </si>
  <si>
    <t>c12cca1d-db2e-4bf7-81b0-ad233b9b233e.tmp</t>
  </si>
  <si>
    <t>\\acsfs\profiles$\gabrielarb\Downloads\c12cca1d-db2e-4bf7-81b0-ad233b9b233e.tmp</t>
  </si>
  <si>
    <t>8c39d649-4560-4d0a-8951-39d37f1c1289.tmp</t>
  </si>
  <si>
    <t>\\acsfs\profiles$\gabrielarb\Downloads\8c39d649-4560-4d0a-8951-39d37f1c1289.tmp</t>
  </si>
  <si>
    <t>365c4dd1-38b5-447a-a001-4a148e1fca50.tmp</t>
  </si>
  <si>
    <t>\\acsfs\profiles$\gabrielarb\Downloads\365c4dd1-38b5-447a-a001-4a148e1fca50.tmp</t>
  </si>
  <si>
    <t>e8b31ec3-d608-4e4f-830a-e63803652e8e.tmp</t>
  </si>
  <si>
    <t>\\acsfs\profiles$\gabrielarb\Downloads\e8b31ec3-d608-4e4f-830a-e63803652e8e.tmp</t>
  </si>
  <si>
    <t>30d4d183-99b4-44b0-93e2-60e52c8c6971.tmp</t>
  </si>
  <si>
    <t>\\acsfs\profiles$\gabrielarb\Downloads\30d4d183-99b4-44b0-93e2-60e52c8c6971.tmp</t>
  </si>
  <si>
    <t>8a56e505-a4fa-497f-bb7a-3d7b861ebe31.tmp</t>
  </si>
  <si>
    <t>\\acsfs\profiles$\claudiajca\Downloads\8a56e505-a4fa-497f-bb7a-3d7b861ebe31.tmp</t>
  </si>
  <si>
    <t>b066a8d7-d61b-462d-9a42-799035fea92a.tmp</t>
  </si>
  <si>
    <t>\\acsfs\profiles$\lorrainerdl\Downloads\b066a8d7-d61b-462d-9a42-799035fea92a.tmp</t>
  </si>
  <si>
    <t>505d5108-db89-4063-9431-6366cb34b5f1.tmp</t>
  </si>
  <si>
    <t>\\acsfs\profiles$\lorrainerdl\Downloads\505d5108-db89-4063-9431-6366cb34b5f1.tmp</t>
  </si>
  <si>
    <t>33199d51-e407-4320-a9ed-e92da2718e5c.tmp</t>
  </si>
  <si>
    <t>\\acsfs\profiles$\LAISLG\Downloads\33199d51-e407-4320-a9ed-e92da2718e5c.tmp</t>
  </si>
  <si>
    <t>59fc3a90-7104-401f-b581-31e989b8bb2f.tmp</t>
  </si>
  <si>
    <t>\\acsfs\profiles$\ANAPDSB\Downloads\59fc3a90-7104-401f-b581-31e989b8bb2f.tmp</t>
  </si>
  <si>
    <t>10.200.32.106</t>
  </si>
  <si>
    <t>54-BF-64-F5-84-6A</t>
  </si>
  <si>
    <t>NB-MARCIOLS</t>
  </si>
  <si>
    <t>marciols</t>
  </si>
  <si>
    <t>C:\Segatto\Algar2019\Prudential\Algar\DB\</t>
  </si>
  <si>
    <t>InventarioBasesPrudential.xlsx</t>
  </si>
  <si>
    <t>1578073283598,1686019443,2,[],[]]],ancestorhasaugmentedpermissions,containsunsubscribedchildren,displayname,domain,emailaddress,exp,false,file(kind,fileid,filesize,gma_kxmfhhveuz2pzdvkuvo0ibdnxvmdp-7exgl2idkuypwncudq2nly7ktquzc4yzkledo\",hasthumbnail,hasvisitorpermissions,id,id),items(deleted,ken,kind,lastmodifyinguser(kind,lastviewedbymedate,modifiedbymedate,modifieddate,null,ontainsunsubscribedchildren,owners(kind,permi,permissionid,picture,shared,sharedwithmedate,thumbnailversion,title,true]",userpermission(role),workspaceids</t>
  </si>
  <si>
    <t>\\acsfs\DEPTOS\Controladoria\Planejamento\Reuniões Mensais\2019\Acompanhamento DAF\</t>
  </si>
  <si>
    <t>11-Fechamento PRE - Dez.2019.xlsx</t>
  </si>
  <si>
    <t>10.200.99.121</t>
  </si>
  <si>
    <t>mail.google.com/_/upload?authuser=0&amp;dcp=asu-n&amp;upload_id=AEnB2UpWFQRe0pio9DIh6aBicSMW6qXzpaKl5xthJJdCT-c7jHrMPs3LHcK_mYfzZxvgpz9QyM4LHrJbiZgViSRGhXixyejHyeeQsqGJeo6YuTOxtQOj97E&amp;upload_protocol=resumable</t>
  </si>
  <si>
    <t>catianalv@algartech.com;lucianarsantos@algartech.com;senildapdo@algartech.com;tayseifb@algartech.com;viniciussg@algartech.com;</t>
  </si>
  <si>
    <t>C:\Users\joseasn\Desktop\</t>
  </si>
  <si>
    <t>Volumetria por skill Avon.xlsx</t>
  </si>
  <si>
    <t>catianalv@algartech.com,lucianarsantos@algartech.com,senildapdo@algartech.com,tayseifb@algartech.com,viniciussg@algartech.com</t>
  </si>
  <si>
    <t>\\acsfs\deptos\Operacao\PCP\5 - Comum\PLANEJAMENTO BV\14 - ACOMPANHAMENTO\Report whatsapp\Vendas\2020\</t>
  </si>
  <si>
    <t>\\acsfs\deptos\Operacao\PCP\5 - Comum\PLANEJAMENTO BV\14 - ACOMPANHAMENTO\Report whatsapp\Vendas\2020\Atualiza VENDAS_JANEIRO.xlsm</t>
  </si>
  <si>
    <t>https://cpc-controldeskavon@algartech.com,joseasn@algartech.com,luiz.henriquesantos@avon.com,marianadjc@algartech.com</t>
  </si>
  <si>
    <t>08a58e8e-7150-43fc-9d8b-c7cb6ffc2bc0.tmp</t>
  </si>
  <si>
    <t>\\acsfs\profiles$\adelvinsonle\Downloads\08a58e8e-7150-43fc-9d8b-c7cb6ffc2bc0.tmp</t>
  </si>
  <si>
    <t>a1e55ac9-fe77-4fb3-8e7c-df304d34c45c.tmp</t>
  </si>
  <si>
    <t>\\acsfs\profiles$\valeriasda\Downloads\a1e55ac9-fe77-4fb3-8e7c-df304d34c45c.tmp</t>
  </si>
  <si>
    <t>1ac8659e-cd52-42bf-945b-2e18c44b5f22.tmp</t>
  </si>
  <si>
    <t>\\acsfs\profiles$\valeriasda\Downloads\1ac8659e-cd52-42bf-945b-2e18c44b5f22.tmp</t>
  </si>
  <si>
    <t>50389470-4a04-42c9-a8ba-814b9c6a5b73.tmp</t>
  </si>
  <si>
    <t>\\acsfs\profiles$\gabriellalpr\Downloads\50389470-4a04-42c9-a8ba-814b9c6a5b73.tmp</t>
  </si>
  <si>
    <t>https://outlook.office365.com/owa/qualidadealgarbv@algartech.com/service.svc?action=updateitem&amp;app=mail&amp;n=103</t>
  </si>
  <si>
    <t>0bb2adfb-bc7d-4f8f-9285-6ff9b5b3d166.tmp</t>
  </si>
  <si>
    <t>\\acsfs\profiles$\LUCASBS\Downloads\0bb2adfb-bc7d-4f8f-9285-6ff9b5b3d166.tmp</t>
  </si>
  <si>
    <t>\\acsfs\DEPTOS\Operacao\Banco_Votorantim\Comum\00 - COMUM - BV CARTÕES\EQUIPE ADILSON\Reneg\Reneg - Vcto 08-01-20.xlsx</t>
  </si>
  <si>
    <t>6eb38c83-fce9-41af-a15b-9be10b963a75.tmp</t>
  </si>
  <si>
    <t>\\acsfs\profiles$\lorrainerdl\Downloads\6eb38c83-fce9-41af-a15b-9be10b963a75.tmp</t>
  </si>
  <si>
    <t>\\acsfs\Deptos\EDUCACAO EMPRESARIAL\KÉSIA\</t>
  </si>
  <si>
    <t>AMOSTRAS NÃO LOCALIZADAS.docx</t>
  </si>
  <si>
    <t>\\acsfs\Deptos\EDUCACAO EMPRESARIAL\KÉSIA\AMOSTRAS NÃO LOCALIZADAS.docx</t>
  </si>
  <si>
    <t>10.200.58.17</t>
  </si>
  <si>
    <t>64-1C-67-9C-55-31</t>
  </si>
  <si>
    <t>NB-THAISBR</t>
  </si>
  <si>
    <t>thaisbrs</t>
  </si>
  <si>
    <t>C:\Users\thaisbrs\OneDrive - Grupo Algar\1.1 Operações\1.2 next\1.3 Processo seletivo\</t>
  </si>
  <si>
    <t>Processo seletivo v1.xlsx</t>
  </si>
  <si>
    <t>C:\Users\thaisbrs\OneDrive - Grupo Algar\1.1 Operações\1.2 next\1.1 Next\1.1 Meta\</t>
  </si>
  <si>
    <t>Farol de meta.xls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</t>
  </si>
  <si>
    <t>6567;</t>
  </si>
  <si>
    <t>C:\Users\amandafdcs\Downloads\</t>
  </si>
  <si>
    <t>Formulário TTV - Lançamento de Atraso de Jornada (8).xlsx</t>
  </si>
  <si>
    <t>http://6567</t>
  </si>
  <si>
    <t>98f16cf3-496e-4a13-bb65-48ad3a1b6c78.tmp</t>
  </si>
  <si>
    <t>\\acsfs\profiles$\lorrainerdl\Downloads\98f16cf3-496e-4a13-bb65-48ad3a1b6c78.tmp</t>
  </si>
  <si>
    <t>10.200.67.150</t>
  </si>
  <si>
    <t>LETICIA LIMA ALVES (29718).contact</t>
  </si>
  <si>
    <t>\\acsfs\profiles$\leticiala\Contacts\LETICIA LIMA ALVES (29718).contact</t>
  </si>
  <si>
    <t>4c88048f-ac6f-40de-8adc-a03b8d95791b.tmp</t>
  </si>
  <si>
    <t>\\acsfs\profiles$\gabrielarb\Downloads\4c88048f-ac6f-40de-8adc-a03b8d95791b.tmp</t>
  </si>
  <si>
    <t>de5b4321-eea1-4290-9341-fac8f1d5aae1.tmp</t>
  </si>
  <si>
    <t>\\acsfs\profiles$\ALYNYA\Downloads\de5b4321-eea1-4290-9341-fac8f1d5aae1.tmp</t>
  </si>
  <si>
    <t>STAFF OPERACOES TI BRASILIA</t>
  </si>
  <si>
    <t>10.250.254.68</t>
  </si>
  <si>
    <t>NB-ACACIORS</t>
  </si>
  <si>
    <t>acaciors</t>
  </si>
  <si>
    <t>c:\users\acaciors\desktop\call center sob demanda\bradesco seguros\faturamento ligações\</t>
  </si>
  <si>
    <t>mascara ligações.xlsx</t>
  </si>
  <si>
    <t>95770936-a83e-4f88-9a3f-7a7596ad6372.tmp</t>
  </si>
  <si>
    <t>\\acsfs\profiles$\lorraynevam\Downloads\95770936-a83e-4f88-9a3f-7a7596ad6372.tmp</t>
  </si>
  <si>
    <t>\\acsfs\Deptos\EDUCACAO EMPRESARIAL\KÉSIA\5B6C2B45.tmp\</t>
  </si>
  <si>
    <t>\\acsfs\Deptos\EDUCACAO EMPRESARIAL\KÉSIA\5B6C2B45.tmp\:Zone.Identifier:$DATA</t>
  </si>
  <si>
    <t>gubert.png</t>
  </si>
  <si>
    <t>\\acsfs\DEPTOS\Operacao\Banco_Votorantim\Qualidade\Anderson\Jose\Atualizado\gubert.png</t>
  </si>
  <si>
    <t>gubert2.png</t>
  </si>
  <si>
    <t>\\acsfs\DEPTOS\Operacao\Banco_Votorantim\Qualidade\Anderson\Jose\Atualizado\gubert2.png</t>
  </si>
  <si>
    <t>gubert 3.png</t>
  </si>
  <si>
    <t>\\acsfs\DEPTOS\Operacao\Banco_Votorantim\Qualidade\Anderson\Jose\Atualizado\gubert 3.png</t>
  </si>
  <si>
    <t>fc9de6b2-325f-4bb2-aeaa-68bb7d661d3c.tmp</t>
  </si>
  <si>
    <t>\\acsfs\profiles$\lorrainerdl\Downloads\fc9de6b2-325f-4bb2-aeaa-68bb7d661d3c.tmp</t>
  </si>
  <si>
    <t>31669528.tmp</t>
  </si>
  <si>
    <t>\\acsfs\ACS\Gabriel da Silva\Contemporânea\Acessos\31669528.tmp</t>
  </si>
  <si>
    <t>BA4222FF.tmp</t>
  </si>
  <si>
    <t>\\acsfs\ACS\Gabriel da Silva\Contemporânea\Acessos\BA4222FF.tmp</t>
  </si>
  <si>
    <t>60E51722.tmp</t>
  </si>
  <si>
    <t>\\acsfs\ACS\Gabriel da Silva\Contemporânea\Acessos\60E51722.tmp</t>
  </si>
  <si>
    <t>6a6bde25-8a79-4922-84ad-57cab189f858.tmp</t>
  </si>
  <si>
    <t>\\acsfs\profiles$\leticiala\Downloads\6a6bde25-8a79-4922-84ad-57cab189f858.tmp</t>
  </si>
  <si>
    <t>Não confirmado 16588.crdownload</t>
  </si>
  <si>
    <t>\\acsfs\profiles$\leticiala\Downloads\Não confirmado 16588.crdownload</t>
  </si>
  <si>
    <t>dacd8485-d54f-43b7-8b1d-6afbe32d3ac0.tmp</t>
  </si>
  <si>
    <t>\\acsfs\profiles$\leticiala\Downloads\dacd8485-d54f-43b7-8b1d-6afbe32d3ac0.tmp</t>
  </si>
  <si>
    <t>811f358e-8728-4aab-86d8-e26870d3cd88.tmp</t>
  </si>
  <si>
    <t>\\acsfs\profiles$\leticiala\Downloads\811f358e-8728-4aab-86d8-e26870d3cd88.tmp</t>
  </si>
  <si>
    <t>bf4440d6-13a9-47ce-b27e-8774e61eb830.tmp</t>
  </si>
  <si>
    <t>\\acsfs\profiles$\quindaizaagds\Downloads\bf4440d6-13a9-47ce-b27e-8774e61eb830.tmp</t>
  </si>
  <si>
    <t>bed30f2c-c770-4829-a828-99e6eea62d4b.tmp</t>
  </si>
  <si>
    <t>\\acsfs\profiles$\quindaizaagds\Downloads\bed30f2c-c770-4829-a828-99e6eea62d4b.tmp</t>
  </si>
  <si>
    <t>lu166683u8jdd.tmp</t>
  </si>
  <si>
    <t>\\acsfs\profiles$\ALEXANDREMM\lu166683u8jdd.tmp</t>
  </si>
  <si>
    <t>\\acsfs\profiles$\ALEXANDREMM\lu166683u8jdd.tmp\</t>
  </si>
  <si>
    <t>\\acsfs\profiles$\ALEXANDREMM\lu166683u8jdd.tmp\META-INF\</t>
  </si>
  <si>
    <t>\\acsfs\profiles$\ALEXANDREMM\lu166683u8jdd.tmp\Thumbnails\</t>
  </si>
  <si>
    <t>4b103a87-5716-4ec0-9e90-da38cdbd7655.tmp</t>
  </si>
  <si>
    <t>\\acsfs\profiles$\luanaagl\Downloads\4b103a87-5716-4ec0-9e90-da38cdbd7655.tmp</t>
  </si>
  <si>
    <t>a880b2f5-34c2-4531-8272-b4a8d98343b9.tmp</t>
  </si>
  <si>
    <t>\\acsfs\profiles$\luanaagl\Downloads\a880b2f5-34c2-4531-8272-b4a8d98343b9.tmp</t>
  </si>
  <si>
    <t>01c873c6-6230-4fa1-ae45-9e795c35a009.tmp</t>
  </si>
  <si>
    <t>\\acsfs\profiles$\valeriasda\Downloads\01c873c6-6230-4fa1-ae45-9e795c35a009.tmp</t>
  </si>
  <si>
    <t>321ab173-62a4-40e7-9f32-4f2c3e3eca69.tmp</t>
  </si>
  <si>
    <t>\\acsfs\profiles$\valeriasda\Downloads\321ab173-62a4-40e7-9f32-4f2c3e3eca69.tmp</t>
  </si>
  <si>
    <t>gubert4.png</t>
  </si>
  <si>
    <t>\\acsfs\DEPTOS\Operacao\Banco_Votorantim\Qualidade\Anderson\Jose\Atualizado\gubert4.png</t>
  </si>
  <si>
    <t>LUCAS GUBERT 06-01-20 CASO FERNANDA_1_6777333972263308192_1_32.wav</t>
  </si>
  <si>
    <t>\\acsfs\DEPTOS\EDUCACAO EMPRESARIAL\2 - Operações\0 - BV\5 - QUALIDADE\Nova pasta\jose\LUCAS GUBERT 06-01-20 CASO FERNANDA_1_6777333972263308192_1_32.wav</t>
  </si>
  <si>
    <t>C:\Users\vanessasara\OneDrive - Grupo Algar\Ecossistema de Inovação\Arquivos - Área\Lab Talks &amp; DTWeek\</t>
  </si>
  <si>
    <t>Planejamento V DT Weekv2.xlsx</t>
  </si>
  <si>
    <t>a2837264-9600-4867-a5cc-229c1abbae23.tmp</t>
  </si>
  <si>
    <t>\\acsfs\profiles$\henriquehmdo\Downloads\a2837264-9600-4867-a5cc-229c1abbae23.tmp</t>
  </si>
  <si>
    <t>711beca2-676c-428d-b199-8bd9f31cb0ed.tmp</t>
  </si>
  <si>
    <t>\\acsfs\profiles$\wenderbnm\Downloads\711beca2-676c-428d-b199-8bd9f31cb0ed.tmp</t>
  </si>
  <si>
    <t>e6c10f53-29e6-4b3f-931c-49a06560a056.tmp</t>
  </si>
  <si>
    <t>\\acsfs\profiles$\ROZENCAM\Downloads\e6c10f53-29e6-4b3f-931c-49a06560a056.tmp</t>
  </si>
  <si>
    <t>0c267abb-1afc-4f00-9d75-786962bf83b8.tmp</t>
  </si>
  <si>
    <t>\\acsfs\profiles$\Flaviojmm\Downloads\0c267abb-1afc-4f00-9d75-786962bf83b8.tmp</t>
  </si>
  <si>
    <t>799586d4-4523-4bfc-a14c-386836134bcb.tmp</t>
  </si>
  <si>
    <t>\\acsfs\profiles$\gabrielsma\Downloads\799586d4-4523-4bfc-a14c-386836134bcb.tmp</t>
  </si>
  <si>
    <t>Não confirmado 374396.crdownload</t>
  </si>
  <si>
    <t>\\acsfs\ACS\Gabriel da Silva\Contemporânea\Gen\Não confirmado 374396.crdownload</t>
  </si>
  <si>
    <t>Farol NR-17 - 40ª Parcial 2019.xlsb:Zone.Identifier</t>
  </si>
  <si>
    <t>\\acsfs\ACS\Gabriel da Silva\Contemporânea\Gen\Farol NR-17 - 40ª Parcial 2019.xlsb:Zone.Identifier</t>
  </si>
  <si>
    <t>5c56be9f-82dd-4df5-a222-19a6d5c7ab5c.tmp</t>
  </si>
  <si>
    <t>\\acsfs\profiles$\rafaelahpn\Downloads\5c56be9f-82dd-4df5-a222-19a6d5c7ab5c.tmp</t>
  </si>
  <si>
    <t>66f1a185-e3a1-48f8-9ec5-cbd61bc7c139.tmp</t>
  </si>
  <si>
    <t>\\acsfs\profiles$\leticiala\Downloads\66f1a185-e3a1-48f8-9ec5-cbd61bc7c139.tmp</t>
  </si>
  <si>
    <t>e8e447fd-45f3-448e-9e4e-e6117d82f185.tmp</t>
  </si>
  <si>
    <t>\\acsfs\profiles$\leticiala\Downloads\e8e447fd-45f3-448e-9e4e-e6117d82f185.tmp</t>
  </si>
  <si>
    <t>835e60f5-bf41-4e36-87c5-08897190be85.tmp</t>
  </si>
  <si>
    <t>\\acsfs\profiles$\gabrielarb\Downloads\835e60f5-bf41-4e36-87c5-08897190be85.tmp</t>
  </si>
  <si>
    <t>\\acsfs\profiles$\CLAUDIAJCA\Reneg 18-12\</t>
  </si>
  <si>
    <t>.~lock.Contato Reneg Vencimento 08-01.ods#</t>
  </si>
  <si>
    <t>\\acsfs\profiles$\CLAUDIAJCA\Reneg 18-12\.~lock.Contato Reneg Vencimento 08-01.ods#</t>
  </si>
  <si>
    <t>lu2060117b3.tmp</t>
  </si>
  <si>
    <t>\\acsfs\profiles$\CLAUDIAJCA\Reneg 18-12\lu2060117b3.tmp</t>
  </si>
  <si>
    <t>\\acsfs\profiles$\CLAUDIAJCA\Reneg 18-12\lu2060117b3.tmp\</t>
  </si>
  <si>
    <t>\\acsfs\profiles$\CLAUDIAJCA\Reneg 18-12\lu2060117b3.tmp\META-INF\</t>
  </si>
  <si>
    <t>\\acsfs\profiles$\CLAUDIAJCA\Reneg 18-12\lu2060117b3.tmp\Thumbnails\</t>
  </si>
  <si>
    <t>820b5afd-3775-4608-9bac-ad96c77a4d2e.tmp</t>
  </si>
  <si>
    <t>\\acsfs\profiles$\maxmillianosv\Downloads\820b5afd-3775-4608-9bac-ad96c77a4d2e.tmp</t>
  </si>
  <si>
    <t>81a64415-4219-4143-8cea-1ac69616f2ca.tmp</t>
  </si>
  <si>
    <t>\\acsfs\profiles$\lorenabmc\Downloads\81a64415-4219-4143-8cea-1ac69616f2ca.tmp</t>
  </si>
  <si>
    <t>b79f7cde-d7e9-4097-85d4-945f95af1f9d.tmp</t>
  </si>
  <si>
    <t>\\acsfs\profiles$\mariagsg\Downloads\b79f7cde-d7e9-4097-85d4-945f95af1f9d.tmp</t>
  </si>
  <si>
    <t>c16ed838-b561-4a28-ac58-1f56dc01a70d.tmp</t>
  </si>
  <si>
    <t>\\acsfs\profiles$\henriquehmdo\Downloads\c16ed838-b561-4a28-ac58-1f56dc01a70d.tmp</t>
  </si>
  <si>
    <t>0db27df1-4fc7-43ad-a7d0-ed76546a48e5.tmp</t>
  </si>
  <si>
    <t>\\acsfs\profiles$\henriquehmdo\Downloads\0db27df1-4fc7-43ad-a7d0-ed76546a48e5.tmp</t>
  </si>
  <si>
    <t>~$Farol NR-17 - 40ª Parcial 2019.xlsb</t>
  </si>
  <si>
    <t>\\acsfs\ACS\Gabriel da Silva\Contemporânea\Gen\~$Farol NR-17 - 40ª Parcial 2019.xlsb</t>
  </si>
  <si>
    <t>82c60d42-7493-40ec-a68c-250cf5c724e2.tmp</t>
  </si>
  <si>
    <t>\\acsfs\profiles$\inarajst\Downloads\82c60d42-7493-40ec-a68c-250cf5c724e2.tmp</t>
  </si>
  <si>
    <t>\\acsfs\deptos\Operacao\PCP\5 - Comum\PLANEJAMENTO BV\14 - ACOMPANHAMENTO\Report whatsapp\</t>
  </si>
  <si>
    <t>\\acsfs\deptos\Operacao\PCP\5 - Comum\PLANEJAMENTO BV\14 - ACOMPANHAMENTO\Report whatsapp\Report WhatsApp - JANEIRO.xlsx</t>
  </si>
  <si>
    <t>03dd12db-7be7-4f1e-b98b-bbadc7f564ed.tmp</t>
  </si>
  <si>
    <t>\\acsfs\profiles$\adelvinsonle\Downloads\03dd12db-7be7-4f1e-b98b-bbadc7f564ed.tmp</t>
  </si>
  <si>
    <t>DIRETORIA ADM FINANCEIRO</t>
  </si>
  <si>
    <t>10.200.60.63</t>
  </si>
  <si>
    <t>FC-01-7C-B3-56-35</t>
  </si>
  <si>
    <t>NB-ERICACDOSC</t>
  </si>
  <si>
    <t>ericacdosc</t>
  </si>
  <si>
    <t>ericacdosc@algartech.com</t>
  </si>
  <si>
    <t>C:\Users\ericacdosc\Desktop\</t>
  </si>
  <si>
    <t>Expectativa Receitamento_TIM_Fechamento Dezembro.xlsx</t>
  </si>
  <si>
    <t>C:\Users\victorvgar\Desktop\AVON\New Model\</t>
  </si>
  <si>
    <t>06-01 new model.xlsx</t>
  </si>
  <si>
    <t>10.200.60.70</t>
  </si>
  <si>
    <t>D4-6A-6A-FD-A6-B3</t>
  </si>
  <si>
    <t>NB-JULLIANFARIA</t>
  </si>
  <si>
    <t>jullian.faria</t>
  </si>
  <si>
    <t>jullian@algartech.com</t>
  </si>
  <si>
    <t>C:\Comercial\2020\Projeto LGPD\</t>
  </si>
  <si>
    <t>.~lock.Reneg Vcto 08-01 Flavio.ods#</t>
  </si>
  <si>
    <t>\\acsfs\profiles$\Flaviojmm\My Documents\.~lock.Reneg Vcto 08-01 Flavio.ods#</t>
  </si>
  <si>
    <t>lu97481503y.tmp</t>
  </si>
  <si>
    <t>\\acsfs\profiles$\Flaviojmm\My Documents\lu97481503y.tmp</t>
  </si>
  <si>
    <t>\\acsfs\profiles$\Flaviojmm\My Documents\lu97481503y.tmp\</t>
  </si>
  <si>
    <t>\\acsfs\profiles$\Flaviojmm\My Documents\lu97481503y.tmp\META-INF\</t>
  </si>
  <si>
    <t>\\acsfs\profiles$\Flaviojmm\My Documents\lu97481503y.tmp\Thumbnails\</t>
  </si>
  <si>
    <t>a1fb60ee-8752-4d9f-b610-5d228655a4da.tmp</t>
  </si>
  <si>
    <t>\\acsfs\profiles$\lorrainerdl\Downloads\a1fb60ee-8752-4d9f-b610-5d228655a4da.tmp</t>
  </si>
  <si>
    <t>f74b9e6b-50dc-4629-8701-e127fb6aa634.tmp</t>
  </si>
  <si>
    <t>\\acsfs\profiles$\lorrainerdl\Downloads\f74b9e6b-50dc-4629-8701-e127fb6aa634.tmp</t>
  </si>
  <si>
    <t>e1363ede-33d9-4169-9674-331e0785da22.tmp</t>
  </si>
  <si>
    <t>\\acsfs\profiles$\matheushds\Downloads\e1363ede-33d9-4169-9674-331e0785da22.tmp</t>
  </si>
  <si>
    <t>7dd50fb8-f9e1-44b8-9f3e-a35dd0920967.tmp</t>
  </si>
  <si>
    <t>\\acsfs\profiles$\gabrielarb\Downloads\7dd50fb8-f9e1-44b8-9f3e-a35dd0920967.tmp</t>
  </si>
  <si>
    <t>Laudo 02-01-2020 Caso Fernanda.docx</t>
  </si>
  <si>
    <t>\\acsfs\DEPTOS\Operacao\Banco_Votorantim\Qualidade\Anderson\Jose\Atualizado\Laudo 02-01-2020 Caso Fernanda.docx</t>
  </si>
  <si>
    <t>LUCAS SCRIPT.txt</t>
  </si>
  <si>
    <t>\\acsfs\DEPTOS\Operacao\Banco_Votorantim\Qualidade\Anderson\Jose\Atualizado\LUCAS SCRIPT.txt</t>
  </si>
  <si>
    <t>\\acsfs\DEPTOS\Operacao\Banco_Votorantim\Qualidade\</t>
  </si>
  <si>
    <t>\\acsfs\DEPTOS\Operacao\Banco_Votorantim\Qualidade\Thumbs.db</t>
  </si>
  <si>
    <t>c9836494-422d-4dd0-9d43-dcbc9200cb66.tmp</t>
  </si>
  <si>
    <t>\\acsfs\profiles$\nathaliarmr\Downloads\c9836494-422d-4dd0-9d43-dcbc9200cb66.tmp</t>
  </si>
  <si>
    <t>lu228442gowaj.tmp</t>
  </si>
  <si>
    <t>\\acsfs\profiles$\dhiulliananads\My Documents\lu228442gowaj.tmp</t>
  </si>
  <si>
    <t>\\acsfs\profiles$\dhiulliananads\My Documents\lu228442gowaj.tmp\</t>
  </si>
  <si>
    <t>\\acsfs\profiles$\dhiulliananads\My Documents\lu228442gowaj.tmp\META-INF\</t>
  </si>
  <si>
    <t>\\acsfs\profiles$\dhiulliananads\My Documents\lu228442gowaj.tmp\Thumbnails\</t>
  </si>
  <si>
    <t>~$xdocxValidacao_0601.xlsx</t>
  </si>
  <si>
    <t>\\acsfs\ACS\Gabriel da Silva\Contemporânea\Acessos\~$xdocxValidacao_0601.xlsx</t>
  </si>
  <si>
    <t>\\acsfs\ACS\Gabriel da Silva\Contemporânea\NPS\NPS_Voz\</t>
  </si>
  <si>
    <t>~$trataBaseVoz.xlsm</t>
  </si>
  <si>
    <t>\\acsfs\ACS\Gabriel da Silva\Contemporânea\NPS\NPS_Voz\~$trataBaseVoz.xlsm</t>
  </si>
  <si>
    <t>mail.google.com/sync/u/0/i/s?hl=pt-BR&amp;c=516</t>
  </si>
  <si>
    <t>mail.google.com/sync/u/0/i/s?hl=pt-BR&amp;c=520</t>
  </si>
  <si>
    <t>mail.google.com/sync/u/0/i/s?hl=pt-BR&amp;c=524</t>
  </si>
  <si>
    <t>\\acsfs\profiles$\gabrielafs\Contacts\</t>
  </si>
  <si>
    <t>GABRIELA FERREIRA SILVA (22442).contact</t>
  </si>
  <si>
    <t>\\acsfs\profiles$\gabrielafs\Contacts\GABRIELA FERREIRA SILVA (22442).contact</t>
  </si>
  <si>
    <t>\\acsfs\profiles$\gabrielafs\My Documents\My Videos\</t>
  </si>
  <si>
    <t>\\acsfs\profiles$\gabrielafs\My Documents\My Videos\desktop.ini</t>
  </si>
  <si>
    <t>\\acsfs\profiles$\gabrielafs\My Documents\My Pictures\</t>
  </si>
  <si>
    <t>\\acsfs\profiles$\gabrielafs\My Documents\My Pictures\desktop.ini</t>
  </si>
  <si>
    <t>\\acsfs\profiles$\gabrielafs\Contacts\desktop.ini</t>
  </si>
  <si>
    <t>\\acsfs\profiles$\gabrielafs\Favorites\</t>
  </si>
  <si>
    <t>\\acsfs\profiles$\gabrielafs\Favorites\desktop.ini</t>
  </si>
  <si>
    <t>\\acsfs\profiles$\gabrielafs\My Documents\My Music\</t>
  </si>
  <si>
    <t>\\acsfs\profiles$\gabrielafs\My Documents\My Music\desktop.ini</t>
  </si>
  <si>
    <t>\\acsfs\profiles$\gabrielafs\Searches\</t>
  </si>
  <si>
    <t>\\acsfs\profiles$\gabrielafs\Searches\desktop.ini</t>
  </si>
  <si>
    <t>\\acsfs\profiles$\gabrielafs\Downloads\desktop.ini</t>
  </si>
  <si>
    <t>\\acsfs\profiles$\gabrielafs\My Documents\desktop.ini</t>
  </si>
  <si>
    <t>\\acsfs\profiles$\gabrielafs\Saved Games\</t>
  </si>
  <si>
    <t>\\acsfs\profiles$\gabrielafs\Saved Games\desktop.ini</t>
  </si>
  <si>
    <t>\\acsfs\profiles$\gabrielafs\Favorites\Links for Brasil\</t>
  </si>
  <si>
    <t>\\acsfs\profiles$\gabrielafs\Favorites\Links for Brasil\desktop.ini</t>
  </si>
  <si>
    <t>\\acsfs\profiles$\gabrielafs\Favorites\Links for Brasil\Microsoft Brasil.url</t>
  </si>
  <si>
    <t>\\acsfs\profiles$\gabrielafs\Favorites\Links for Brasil\Windows Brasil.url</t>
  </si>
  <si>
    <t>\\acsfs\profiles$\gabrielafs\Favorites\Links for Brasil\MSN Brasil.url</t>
  </si>
  <si>
    <t>lu11956u7mz.tmp</t>
  </si>
  <si>
    <t>\\acsfs\profiles$\VIVIANALDS\My Documents\lu11956u7mz.tmp</t>
  </si>
  <si>
    <t>\\acsfs\profiles$\VIVIANALDS\My Documents\lu11956u7mz.tmp\</t>
  </si>
  <si>
    <t>\\acsfs\profiles$\VIVIANALDS\My Documents\lu11956u7mz.tmp\META-INF\</t>
  </si>
  <si>
    <t>\\acsfs\profiles$\VIVIANALDS\My Documents\lu11956u7mz.tmp\Thumbnails\</t>
  </si>
  <si>
    <t>9889a556-8547-495e-be09-294f6d5c1030.tmp</t>
  </si>
  <si>
    <t>\\acsfs\profiles$\lorrainerdl\Downloads\9889a556-8547-495e-be09-294f6d5c1030.tmp</t>
  </si>
  <si>
    <t>mirianppb</t>
  </si>
  <si>
    <t>C:\Users\mirianppb\Downloads\</t>
  </si>
  <si>
    <t>image2020-01-06-104154.pdf</t>
  </si>
  <si>
    <t>\\acsfs\DEPTOS\EDUCACAO EMPRESARIAL\2 - Operações\0 - BV\.PROVAS E ARQUIVOS DE TREINAMENTO\Formação CDC Laylla 02-12\Listas de presença\image2020-01-06-104154.pdf</t>
  </si>
  <si>
    <t>\\acsfs\DEPTOS\EDUCACAO EMPRESARIAL\2 - Operações\0 - BV\.PROVAS E ARQUIVOS DE TREINAMENTO\Formação CDC Laylla 02-12\Listas de presença\image2020-01-06-104154.pdf\</t>
  </si>
  <si>
    <t>\\acsfs\DEPTOS\EDUCACAO EMPRESARIAL\2 - Operações\0 - BV\.PROVAS E ARQUIVOS DE TREINAMENTO\Formação CDC Laylla 02-12\Listas de presença\image2020-01-06-104154.pdf\:Zone.Identifier:$DATA</t>
  </si>
  <si>
    <t>ff8718a6-f0c1-45e0-974c-e90c8a1c3525.tmp</t>
  </si>
  <si>
    <t>\\acsfs\profiles$\gabrielarb\Downloads\ff8718a6-f0c1-45e0-974c-e90c8a1c3525.tmp</t>
  </si>
  <si>
    <t>64dd94a3-eee4-4ab4-9cd3-bfbbcdb57085.tmp</t>
  </si>
  <si>
    <t>\\acsfs\profiles$\gabrielafs\Downloads\64dd94a3-eee4-4ab4-9cd3-bfbbcdb57085.tmp</t>
  </si>
  <si>
    <t>fbbc5d06-a664-4642-bfc6-49550e7b1ea9.tmp</t>
  </si>
  <si>
    <t>\\acsfs\profiles$\gabrielafs\Downloads\fbbc5d06-a664-4642-bfc6-49550e7b1ea9.tmp</t>
  </si>
  <si>
    <t>5d03b91a-586c-46f3-952e-340c11eee8d5.tmp</t>
  </si>
  <si>
    <t>\\acsfs\profiles$\gabrielafs\Downloads\5d03b91a-586c-46f3-952e-340c11eee8d5.tmp</t>
  </si>
  <si>
    <t>0de5a574-4efc-46bc-82df-9d29a7ebfca4.tmp</t>
  </si>
  <si>
    <t>\\acsfs\profiles$\gabrielafs\Downloads\0de5a574-4efc-46bc-82df-9d29a7ebfca4.tmp</t>
  </si>
  <si>
    <t>0ffe434c-736d-4027-95bf-313c7e390146.tmp</t>
  </si>
  <si>
    <t>\\acsfs\profiles$\gabrielafs\Downloads\0ffe434c-736d-4027-95bf-313c7e390146.tmp</t>
  </si>
  <si>
    <t>e791887a-898a-42b2-a496-065f670a3f11.tmp</t>
  </si>
  <si>
    <t>\\acsfs\profiles$\luanaagl\Downloads\e791887a-898a-42b2-a496-065f670a3f11.tmp</t>
  </si>
  <si>
    <t>10.200.67.195</t>
  </si>
  <si>
    <t>74-86-7A-FB-1A-B8</t>
  </si>
  <si>
    <t>VOTORANT-MB004</t>
  </si>
  <si>
    <t>\\acsfs\profiles$\leonardobb\Contacts\</t>
  </si>
  <si>
    <t>LEONARDO BORGES BARCELOS (39).contact</t>
  </si>
  <si>
    <t>\\acsfs\profiles$\leonardobb\Contacts\LEONARDO BORGES BARCELOS (39).contact</t>
  </si>
  <si>
    <t>\\acsfs\profiles$\leonardobb\My Documents\My Videos\</t>
  </si>
  <si>
    <t>\\acsfs\profiles$\leonardobb\My Documents\My Videos\desktop.ini</t>
  </si>
  <si>
    <t>\\acsfs\profiles$\leonardobb\My Documents\My Pictures\</t>
  </si>
  <si>
    <t>\\acsfs\profiles$\leonardobb\My Documents\My Pictures\desktop.ini</t>
  </si>
  <si>
    <t>\\acsfs\profiles$\leonardobb\Contacts\desktop.ini</t>
  </si>
  <si>
    <t>\\acsfs\profiles$\leonardobb\Favorites\</t>
  </si>
  <si>
    <t>\\acsfs\profiles$\leonardobb\Favorites\desktop.ini</t>
  </si>
  <si>
    <t>\\acsfs\profiles$\leonardobb\My Documents\My Music\</t>
  </si>
  <si>
    <t>\\acsfs\profiles$\leonardobb\My Documents\My Music\desktop.ini</t>
  </si>
  <si>
    <t>\\acsfs\profiles$\leonardobb\Searches\</t>
  </si>
  <si>
    <t>\\acsfs\profiles$\leonardobb\Searches\desktop.ini</t>
  </si>
  <si>
    <t>\\acsfs\profiles$\leonardobb\Downloads\desktop.ini</t>
  </si>
  <si>
    <t>\\acsfs\profiles$\leonardobb\My Documents\</t>
  </si>
  <si>
    <t>\\acsfs\profiles$\leonardobb\My Documents\desktop.ini</t>
  </si>
  <si>
    <t>\\acsfs\profiles$\leonardobb\Saved Games\</t>
  </si>
  <si>
    <t>\\acsfs\profiles$\leonardobb\Saved Games\desktop.ini</t>
  </si>
  <si>
    <t>\\acsfs\profiles$\leonardobb\Favorites\Links for Brasil\</t>
  </si>
  <si>
    <t>\\acsfs\profiles$\leonardobb\Favorites\Links for Brasil\desktop.ini</t>
  </si>
  <si>
    <t>\\acsfs\profiles$\leonardobb\Favorites\Links for Brasil\Microsoft Brasil.url</t>
  </si>
  <si>
    <t>\\acsfs\profiles$\leonardobb\Favorites\Links for Brasil\Windows Brasil.url</t>
  </si>
  <si>
    <t>\\acsfs\profiles$\leonardobb\Favorites\Links for Brasil\MSN Brasil.url</t>
  </si>
  <si>
    <t>fabianacscg@algartech.com;karinars@algartech.com;senildapdo@algartech.com;</t>
  </si>
  <si>
    <t>C:\Users\victorvgar\Desktop\AVON\Pesquisa\</t>
  </si>
  <si>
    <t>Pesquisa AVON Supers JAN.xlsx</t>
  </si>
  <si>
    <t>fabianacscg@algartech.com,karinars@algartech.com,senildapdo@algartech.com</t>
  </si>
  <si>
    <t>2893F0A6.tmp</t>
  </si>
  <si>
    <t>\\acsfs\ACS\Gabriel da Silva\Contemporânea\2893F0A6.tmp</t>
  </si>
  <si>
    <t>96294F55.tmp</t>
  </si>
  <si>
    <t>\\acsfs\ACS\Gabriel da Silva\Contemporânea\96294F55.tmp</t>
  </si>
  <si>
    <t>D4B34130.tmp</t>
  </si>
  <si>
    <t>\\acsfs\ACS\Gabriel da Silva\Contemporânea\D4B34130.tmp</t>
  </si>
  <si>
    <t>lu261206l55rp.tmp</t>
  </si>
  <si>
    <t>\\acsfs\profiles$\CINTIADCF\lu261206l55rp.tmp</t>
  </si>
  <si>
    <t>\\acsfs\profiles$\CINTIADCF\lu261206l55rp.tmp\</t>
  </si>
  <si>
    <t>\\acsfs\profiles$\CINTIADCF\lu261206l55rp.tmp\META-INF\</t>
  </si>
  <si>
    <t>\\acsfs\profiles$\CINTIADCF\lu261206l55rp.tmp\Thumbnails\</t>
  </si>
  <si>
    <t>\\acsfs\DEPTOS\Operacao\PCP\5 - Comum\ACOMPANHAMENTO AMEX\10- Acompanhamento PF\BACKOFFICE PF\01-BO_AGENCIAS\03 - PAINEL PRODUTIVIDADE\Painel\2019\12 - Dezembro\</t>
  </si>
  <si>
    <t>Painel de Produtividade - Backoffice Agências - Fechado - Dez19.xlsx</t>
  </si>
  <si>
    <t>2179f0e6-2ed4-4cde-9913-f460fa279953.tmp</t>
  </si>
  <si>
    <t>\\acsfs\profiles$\gabrielafs\Downloads\2179f0e6-2ed4-4cde-9913-f460fa279953.tmp</t>
  </si>
  <si>
    <t>10.211.3.56</t>
  </si>
  <si>
    <t>64-1C-67-9D-35-07</t>
  </si>
  <si>
    <t>SPTI-340009764</t>
  </si>
  <si>
    <t>daniel</t>
  </si>
  <si>
    <t>daniel@algartech.com</t>
  </si>
  <si>
    <t>diogo.milanez@algartech.com;wilsonaapn@algartech.com;</t>
  </si>
  <si>
    <t>C:\Trabalho\1.Artefatos\Erlang97 Old\</t>
  </si>
  <si>
    <t>ErlangXL97.xla</t>
  </si>
  <si>
    <t>diogo.milanez@algartech.com,wilsonaapn@algartech.com</t>
  </si>
  <si>
    <t>aaebbdbf-3fcb-4ef2-adde-8b90ec846bb8.tmp</t>
  </si>
  <si>
    <t>\\acsfs\profiles$\leonardobb\Downloads\aaebbdbf-3fcb-4ef2-adde-8b90ec846bb8.tmp</t>
  </si>
  <si>
    <t>d7019ae9-78d1-4312-a8c6-af42aeb75a96.tmp</t>
  </si>
  <si>
    <t>\\acsfs\profiles$\leonardobb\Downloads\d7019ae9-78d1-4312-a8c6-af42aeb75a96.tmp</t>
  </si>
  <si>
    <t>00ef6c3d-1e6f-4181-a48b-26bae96d4a89.tmp</t>
  </si>
  <si>
    <t>\\acsfs\profiles$\leonardobb\Downloads\00ef6c3d-1e6f-4181-a48b-26bae96d4a89.tmp</t>
  </si>
  <si>
    <t>e01b96ce-7516-43a7-a235-365eb35f15cb.tmp</t>
  </si>
  <si>
    <t>\\acsfs\profiles$\leonardobb\Downloads\e01b96ce-7516-43a7-a235-365eb35f15cb.tmp</t>
  </si>
  <si>
    <t>c:\users\adilsonloj\desktop\medidas disciplinares\</t>
  </si>
  <si>
    <t>formulário - aviso de suspensão disciplinar falta valeria.doc</t>
  </si>
  <si>
    <t>formulário - aviso de 1ª advertência disciplinar falta em horas quind.doc</t>
  </si>
  <si>
    <t>10.200.32.51</t>
  </si>
  <si>
    <t>64-1C-67-A0-39-3B</t>
  </si>
  <si>
    <t>NB-BRUNOPALUDO</t>
  </si>
  <si>
    <t>brunop</t>
  </si>
  <si>
    <t>mail.google.com/_/upload?authuser=1&amp;dcp=asu-n&amp;upload_id=AEnB2UrfF1jwm0iIEXqj1C-W8r5Sydy0hkNh9DVJGJrqY0mfdNMoaHUOr2OovLXhKqZEZzgTD7PVjlM9BHS72QRAeODc0hJZTg&amp;upload_protocol=resumable</t>
  </si>
  <si>
    <t>\\acsfs\DEPTOS\Operacao\PCP\3 - Corporativo\MIS\GERADOR DE BIO\CLIENTES\CORPORATIVO\ACP_RECEPTIVO\PLANEJAMENTO_PCP_POWER BI\Planejamento DW\Modelo\</t>
  </si>
  <si>
    <t>DW Algar - Planejado Intradiario OPERACAO MES ANO.xlsm</t>
  </si>
  <si>
    <t>4AE293A7.tmp</t>
  </si>
  <si>
    <t>\\acsfs\ACS\Gabriel da Silva\Contemporânea\4AE293A7.tmp</t>
  </si>
  <si>
    <t>CA9538EA.tmp</t>
  </si>
  <si>
    <t>\\acsfs\ACS\Gabriel da Silva\Contemporânea\CA9538EA.tmp</t>
  </si>
  <si>
    <t>~$Pesquisa_Satisfação_0101_0501.xlsx</t>
  </si>
  <si>
    <t>\\acsfs\ACS\Gabriel da Silva\Contemporânea\NPS\NPS_Voz\Janeiro.20\~$Pesquisa_Satisfação_0101_0501.xlsx</t>
  </si>
  <si>
    <t>image2020-01-06-104232 (1).pdf</t>
  </si>
  <si>
    <t>\\acsfs\DEPTOS\EDUCACAO EMPRESARIAL\2 - Operações\0 - BV\.PROVAS E ARQUIVOS DE TREINAMENTO\Formação CDC Laylla 02-12\Listas de presença\image2020-01-06-104232 (1).pdf</t>
  </si>
  <si>
    <t>\\acsfs\DEPTOS\EDUCACAO EMPRESARIAL\2 - Operações\0 - BV\.PROVAS E ARQUIVOS DE TREINAMENTO\Formação CDC Laylla 02-12\Listas de presença\image2020-01-06-104232 (1).pdf\</t>
  </si>
  <si>
    <t>\\acsfs\DEPTOS\EDUCACAO EMPRESARIAL\2 - Operações\0 - BV\.PROVAS E ARQUIVOS DE TREINAMENTO\Formação CDC Laylla 02-12\Listas de presença\image2020-01-06-104232 (1).pdf\:Zone.Identifier:$DATA</t>
  </si>
  <si>
    <t>6caaacd7-6e67-44f1-af97-f7e158f0c528.tmp</t>
  </si>
  <si>
    <t>\\acsfs\profiles$\luanaagl\Downloads\6caaacd7-6e67-44f1-af97-f7e158f0c528.tmp</t>
  </si>
  <si>
    <t>3be49569-2967-407c-a3f1-6fd374c80cf3.tmp</t>
  </si>
  <si>
    <t>\\acsfs\profiles$\maxmillianosv\Downloads\3be49569-2967-407c-a3f1-6fd374c80cf3.tmp</t>
  </si>
  <si>
    <t>10.200.58.19</t>
  </si>
  <si>
    <t>80-86-F2-FD-40-A8</t>
  </si>
  <si>
    <t>NB-JOAONSM</t>
  </si>
  <si>
    <t>joaonsm</t>
  </si>
  <si>
    <t>joaonsm@algartech.com</t>
  </si>
  <si>
    <t>lucasfbr@algartech.com;</t>
  </si>
  <si>
    <t>C:\Users\joaonsm\Downloads\</t>
  </si>
  <si>
    <t>Asset or User Report [2].xlsx</t>
  </si>
  <si>
    <t>mail.google.com/_/upload?authuser=1&amp;dcp=asu-n&amp;upload_id=AEnB2UpYFa-LShQQnWMM9p6xjdUfY0OkaYzopYnoGTEwWJDUTUDzbz9KhEGyRx-497sNdWI4k5LAfvyn2lZt4p1PE8B1cADShg&amp;upload_protocol=resumable</t>
  </si>
  <si>
    <t>\\acsfs\deptos\CEI - Coordenação de Engenharia e Infraestrutura\CEI – Manutenção\04 - Plantão\</t>
  </si>
  <si>
    <t>Escala de plantão.xlsx</t>
  </si>
  <si>
    <t>http:///batch?%24ct=multipart%2Fmixed%3B%20boundary%3D%22%3D%3D%3D%3D%3Dzdajyqh3ok0j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http:///batch?%24ct=multipart%2Fmixed%3B%20boundary%3D%22%3D%3D%3D%3D%3Dr1vxppivpuk6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picture�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picture�,thumbnailversion,workspaceids</t>
  </si>
  <si>
    <t>http:///batch?%24ct=multipart%2Fmixed%3B%20boundary%3D%22%3D%3D%3D%3D%3Dpzi6locqs0nv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;permission;permissionid;picture;picture�;rpermissions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,permission,permissionid,picture,picture�,rpermissions,thumbnailversion,workspaceids</t>
  </si>
  <si>
    <t>http:///batch?%24ct=multipart%2Fmixed%3B%20boundary%3D%22%3D%3D%3D%3D%3D8wfk84lgt5u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ybfq79xeck3e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ti2fqd48o5ho%3D%3D%3D%3D%3D%22&amp;key=AIzaSyAy9VVXHSpS2IJpptzYtGbLP3-3_l0aBk4</t>
  </si>
  <si>
    <t>http:///batch?%24ct=multipart%2Fmixed%3B%20boundary%3D%22%3D%3D%3D%3D%3Dbfajcenjchzz%3D%3D%3D%3D%3D%22&amp;key=AIzaSyAy9VVXHSpS2IJpptzYtGbLP3-3_l0aBk4</t>
  </si>
  <si>
    <t>http:///batch?%24ct=multipart%2Fmixed%3B%20boundary%3D%22%3D%3D%3D%3D%3Da5ms5nbzz8t%3D%3D%3D%3D%3D%22&amp;key=AIzaSyAy9VVXHSpS2IJpptzYtGbLP3-3_l0aBk4</t>
  </si>
  <si>
    <t>http:///batch?%24ct=multipart%2Fmixed%3B%20boundary%3D%22%3D%3D%3D%3D%3D2hvh64gowjw9%3D%3D%3D%3D%3D%22&amp;key=AIzaSyAy9VVXHSpS2IJpptzYtGbLP3-3_l0aBk4</t>
  </si>
  <si>
    <t>http:///batch?%24ct=multipart%2Fmixed%3B%20boundary%3D%22%3D%3D%3D%3D%3Dmgl0lawfrmt4%3D%3D%3D%3D%3D%22&amp;key=AIzaSyAy9VVXHSpS2IJpptzYtGbLP3-3_l0aBk4</t>
  </si>
  <si>
    <t>http:///drive/logImpressions</t>
  </si>
  <si>
    <t>"other�;0;0.441;0.697];0];12.38;12646.955000000162;12663.899999999558;12795.82499999924;12804.770000000644;12859.769999999116;12863.695000000007;12871.644999999262;12875.64999999995;12877.119999999195;12879.134999999224;12880.904999999984;12896.94000000054;235.04999999931897;258.42999999986205;281.0300000001007;284.7299999993993;29.727];3;33.627];39.64500000074622;39.98999999930675;40.979999999763095;41.77499999968859;45.51499999979569;52.59499999920081;59.74500000047556;71.67499999923166;8.861;["https://clients4.google.com/invalidation/lcs/client?service=appscommonstorage&amp;xpc=%7b%22cn%22%3a%227p89pjljnb%22%2c%22ppu%22%3a%22https%3a%2f%2fdrive.google.com%2frobots.txt%22%2c%22lpu%22%3a%22https%3a%2f%2fclients4.google.co;["https://drive.google.com/_/drive_fe/_/js/k=drive_fe.main.pt_br.jntnxbugcby.o/am=mbrqmmai_cx4iqam/d=0/ct=zgms/rs=afb8gszfd2loirz0m-naf3s_r6qqpftyjw/m=sy10p;cloudsearch;config;gapi_iframes;googleapis_client;https://blobcomments-pa.clients6.google.com/v1/metadata?docid=1r7tvfpep0xzzqfswos_wwj4ei</t>
  </si>
  <si>
    <t>http://"other�,0,0.441,0.697],0],12.38,12646.955000000162,12663.899999999558,12795.82499999924,12804.770000000644,12859.769999999116,12863.695000000007,12871.644999999262,12875.64999999995,12877.119999999195,12879.134999999224,12880.904999999984,12896.94000000054,235.04999999931897,258.42999999986205,281.0300000001007,284.7299999993993,29.727],3,33.627],39.64500000074622,39.98999999930675,40.979999999763095,41.77499999968859,45.51499999979569,52.59499999920081,59.74500000047556,71.67499999923166,8.861,["https://clients4.google.com/invalidation/lcs/client?service=appscommonstorage&amp;xpc=%7b%22cn%22%3a%227p89pjljnb%22%2c%22ppu%22%3a%22https%3a%2f%2fdrive.google.com%2frobots.txt%22%2c%22lpu%22%3a%22https%3a%2f%2fclients4.google.co,["https://drive.google.com/_/drive_fe/_/js/k=drive_fe.main.pt_br.jntnxbugcby.o/am=mbrqmmai_cx4iqam/d=0/ct=zgms/rs=afb8gszfd2loirz0m-naf3s_r6qqpftyjw/m=sy10p,cloudsearch,config,gapi_iframes,googleapis_client,https://blobcomments-pa.clients6.google.com/v1/metadata?docid=1r7tvfpep0xzzqfswos</t>
  </si>
  <si>
    <t>"other�;0;0.441;0.697];0]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135.08499999989;13158.214999999473;13337.059999999838;14;15;1578319680425000;1578319681228000;1];2.457;200];235.04999999931897;257.050000000163;258.42999999986205;2805;2805];281.0300000001007;284.7299999993993;29.727];293.24499999893305;3;310.27499999981956;33.627];39.64500000074622;39.98999999930675;40.979999999763095;41.77499999968859;45.51499999979569;52.59499999920081;571.8799999995099;59.74500000047556;6.178]]]];634.2900000017835;679.3300000008458;71.67499999923166;8;8.861;91025];91125;["https://clients4.google.com/invalidation/lcs/client?service=appscommonstorage&amp;xpc=%7b%22cn%22%3a%227p89pjljnb%22%2c%22ppu%22%3a%22https%3a%2f%2fdrive.google.com%2frobots.txt%22%2c%22lpu%22%3a%22https</t>
  </si>
  <si>
    <t>http://"other�,0,0.441,0.697],0]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135.08499999989,13158.214999999473,13337.059999999838,14,15,1578319680425000,1578319681228000,1],2.457,200],235.04999999931897,257.050000000163,258.42999999986205,2805,2805],281.0300000001007,284.7299999993993,29.727],293.24499999893305,3,310.27499999981956,33.627],39.64500000074622,39.98999999930675,40.979999999763095,41.77499999968859,45.51499999979569,52.59499999920081,571.8799999995099,59.74500000047556,6.178]]]],634.2900000017835,679.3300000008458,71.67499999923166,8,8.861,91025],91125,["https://clients4.google.com/invalidation/lcs/client?service=appscommonstorage&amp;xpc=%7b%22cn%22%3a%227p89pjljnb%22%2c%22ppu%22%3a%22https%3a%2f%2fdrive.google.com%2frobots.txt%22%2c%22lpu%22%3a%</t>
  </si>
  <si>
    <t>"mozilla/5.0 (windows nt 6.1; win64; x64) applewebkit/537.36 (khtml;"other�;0;0.441;0.697];0];1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135.08499999989;13158.214999999473;13337.059999999838;13700109;13700185;13700563;13700883;13700951;13701139;13701214;13701239;13701298;13701422;13701450;13701458;13701486;13701537;13701577;13701609;13701621;13701633;13701657;13701710;13701749;13701833;13701901;13701906;13701909;1370192;13701957;13701969;13702064;13702068;14;15;1578319666143000;1578319666241424:171408646:1610792476;1578319668695000;1578319680425000;1578319681228000;1578319706968000;1578319706973000;1578319707045000;16;17;18;1];1v3nyr6za0fnwstn3ovgubemdlt5mcwbp;2.457;200];235.04999999931897;257.050000000163;258.42999999986205;2805;2805];281.03000000010</t>
  </si>
  <si>
    <t>http://"mozilla/5.0 (windows nt 6.1; win64; x64) applewebkit/537.36 (khtml,"other�,0,0.441,0.697],0],1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135.08499999989,13158.214999999473,13337.059999999838,13700109,13700185,13700563,13700883,13700951,13701139,13701214,13701239,13701298,13701422,13701450,13701458,13701486,13701537,13701577,13701609,13701621,13701633,13701657,13701710,13701749,13701833,13701901,13701906,13701909,1370192,13701957,13701969,13702064,13702068,14,15,1578319666143000,1578319666241424:171408646:1610792476,1578319668695000,1578319680425000,1578319681228000,1578319706968000,1578319706973000,1578319707045000,16,17,18,1],1v3nyr6za0fnwstn3ovgubemdlt5mcwbp,2.457,200],235.04999999931897,257.050000000163,258.42999999986205,2805,2805],281.0300</t>
  </si>
  <si>
    <t>"mozilla/5.0 (windows nt 6.1; win64; x64) applewebkit/537.36 (khtml;"other�;0;0.441;0.697];0];1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135.08499999989;13158.214999999473;13337.059999999838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906;13701909;1370192;13701921;13701953;13701957;13701969;13702064;13702068;14;15;1578319666143000;1578319666241424:171408646:1610792476;1578319668695000;15</t>
  </si>
  <si>
    <t>http://"mozilla/5.0 (windows nt 6.1; win64; x64) applewebkit/537.36 (khtml,"other�,0,0.441,0.697],0],1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135.08499999989,13158.214999999473,13337.059999999838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1,13701906,13701909,1370192,13701921,13701953,13701957,13701969,13702064,13702068,14,15,1578319666143000,1578319666241424:171408646:1610792476,157831966869</t>
  </si>
  <si>
    <t>http:///batch?%24ct=multipart%2Fmixed%3B%20boundary%3D%22%3D%3D%3D%3D%3D6gts3f3w6uyd%3D%3D%3D%3D%3D%22&amp;key=AIzaSyAy9VVXHSpS2IJpptzYtGbLP3-3_l0aBk4</t>
  </si>
  <si>
    <t>http:///batch?%24ct=multipart%2Fmixed%3B%20boundary%3D%22%3D%3D%3D%3D%3Dhfrmihfdiw1%3D%3D%3D%3D%3D%22&amp;key=AIzaSyAy9VVXHSpS2IJpptzYtGbLP3-3_l0aBk4</t>
  </si>
  <si>
    <t>http:///batch?%24ct=multipart%2Fmixed%3B%20boundary%3D%22%3D%3D%3D%3D%3Da58cldf3top9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9===== content-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9===== content-,per,permissionid,picture,shared,sharedwithmedate,thumbnailversion,title,userpermission(role),workspaceids</t>
  </si>
  <si>
    <t>http:///batch?%24ct=multipart%2Fmixed%3B%20boundary%3D%22%3D%3D%3D%3D%3Dgyhokf5e2d8s%3D%3D%3D%3D%3D%22&amp;key=AIzaSyAy9VVXHSpS2IJpptzYtGbLP3-3_l0aBk4</t>
  </si>
  <si>
    <t>http:///batch?%24ct=multipart%2Fmixed%3B%20boundary%3D%22%3D%3D%3D%3D%3D2uz3cuqtcd5i%3D%3D%3D%3D%3D%22&amp;key=AIzaSyAy9VVXHSpS2IJpptzYtGbLP3-3_l0aBk4</t>
  </si>
  <si>
    <t>http:///batch?%24ct=multipart%2Fmixed%3B%20boundary%3D%22%3D%3D%3D%3D%3Do3l572a78069%3D%3D%3D%3D%3D%22&amp;key=AIzaSyAy9VVXHSpS2IJpptzYtGbLP3-3_l0aBk4</t>
  </si>
  <si>
    <t>3feadccd-f3a4-4611-8482-ac4a487a0e53.tmp</t>
  </si>
  <si>
    <t>\\acsfs\profiles$\vivianalds\Downloads\3feadccd-f3a4-4611-8482-ac4a487a0e53.tmp</t>
  </si>
  <si>
    <t>0317847f-250a-4e7b-9203-38a07c083d50.tmp</t>
  </si>
  <si>
    <t>\\acsfs\profiles$\vivianalds\Downloads\0317847f-250a-4e7b-9203-38a07c083d50.tmp</t>
  </si>
  <si>
    <t>57701558-663f-4f41-b18a-cdff71f352c2.tmp</t>
  </si>
  <si>
    <t>\\acsfs\profiles$\vivianalds\Downloads\57701558-663f-4f41-b18a-cdff71f352c2.tmp</t>
  </si>
  <si>
    <t>4c9ce034-bb5b-45a7-8e35-8bfa86635b96.tmp</t>
  </si>
  <si>
    <t>\\acsfs\profiles$\leonardobb\Downloads\4c9ce034-bb5b-45a7-8e35-8bfa86635b96.tmp</t>
  </si>
  <si>
    <t>andrelps@algartech.com;eliane.martins@bv.com.br;elianegr@bv.algartech.com;lilianls@algartech.com;qualidadealgarbv@algartech.com;robsonams@algartech.com;talmaiardo@algartech.com;</t>
  </si>
  <si>
    <t>andrelps@algartech.com,eliane.martins@bv.com.br,elianegr@bv.algartech.com,lilianls@algartech.com,qualidadealgarbv@algartech.com,robsonams@algartech.com,talmaiardo@algartech.com</t>
  </si>
  <si>
    <t>4C152FD6.tmp</t>
  </si>
  <si>
    <t>\\acsfs\ACS\Gabriel da Silva\Contemporânea\4C152FD6.tmp</t>
  </si>
  <si>
    <t>99007fb1-a131-4ba6-835d-8330a4f41d3d.tmp</t>
  </si>
  <si>
    <t>\\acsfs\profiles$\paulovadc\Downloads\99007fb1-a131-4ba6-835d-8330a4f41d3d.tmp</t>
  </si>
  <si>
    <t>lu261206l55rs.tmp</t>
  </si>
  <si>
    <t>\\acsfs\profiles$\CINTIADCF\lu261206l55rs.tmp</t>
  </si>
  <si>
    <t>\\acsfs\profiles$\CINTIADCF\lu261206l55rs.tmp\</t>
  </si>
  <si>
    <t>\\acsfs\profiles$\CINTIADCF\lu261206l55rs.tmp\META-INF\</t>
  </si>
  <si>
    <t>\\acsfs\profiles$\CINTIADCF\lu261206l55rs.tmp\Thumbnails\</t>
  </si>
  <si>
    <t>c:\users\gabriellycc\downloads\</t>
  </si>
  <si>
    <t>impacto_tech_dez19.xlsx</t>
  </si>
  <si>
    <t>be1c8d8c-bb64-4e8b-bf95-232a13a17591.tmp</t>
  </si>
  <si>
    <t>\\acsfs\profiles$\gabrielafs\Downloads\be1c8d8c-bb64-4e8b-bf95-232a13a17591.tmp</t>
  </si>
  <si>
    <t>439f09dc-c2a5-4d02-8758-e98b85a0ba1b.tmp</t>
  </si>
  <si>
    <t>\\acsfs\profiles$\mariagsg\Downloads\439f09dc-c2a5-4d02-8758-e98b85a0ba1b.tmp</t>
  </si>
  <si>
    <t>http:///batch?%24ct=multipart%2Fmixed%3B%20boundary%3D%22%3D%3D%3D%3D%3Dvnpe1qf8n8m5%3D%3D%3D%3D%3D%22&amp;key=AIzaSyAy9VVXHSpS2IJpptzYtGbLP3-3_l0aBk4</t>
  </si>
  <si>
    <t>http:///batch?%24ct=multipart%2Fmixed%3B%20boundary%3D%22%3D%3D%3D%3D%3D4zc198mywx7o%3D%3D%3D%3D%3D%22&amp;key=AIzaSyAy9VVXHSpS2IJpptzYtGbLP3-3_l0aBk4</t>
  </si>
  <si>
    <t>http:///batch?%24ct=multipart%2Fmixed%3B%20boundary%3D%22%3D%3D%3D%3D%3Dzfnudrlef09%3D%3D%3D%3D%3D%22&amp;key=AIzaSyAy9VVXHSpS2IJpptzYtGbLP3-3_l0aBk4</t>
  </si>
  <si>
    <t>http:///batch?%24ct=multipart%2Fmixed%3B%20boundary%3D%22%3D%3D%3D%3D%3Dnm2nt3tphvpf%3D%3D%3D%3D%3D%22&amp;key=AIzaSyAy9VVXHSpS2IJpptzYtGbLP3-3_l0aBk4</t>
  </si>
  <si>
    <t>http:///batch?%24ct=multipart%2Fmixed%3B%20boundary%3D%22%3D%3D%3D%3D%3Dsw517ejvn8xn%3D%3D%3D%3D%3D%22&amp;key=AIzaSyAy9VVXHSpS2IJpptzYtGbLP3-3_l0aBk4</t>
  </si>
  <si>
    <t>http:///batch?%24ct=multipart%2Fmixed%3B%20boundary%3D%22%3D%3D%3D%3D%3Dohcp3t9p3cip%3D%3D%3D%3D%3D%22&amp;key=AIzaSyAy9VVXHSpS2IJpptzYtGbLP3-3_l0aBk4</t>
  </si>
  <si>
    <t>http:///batch?%24ct=multipart%2Fmixed%3B%20boundary%3D%22%3D%3D%3D%3D%3Dc2wamopu8uuy%3D%3D%3D%3D%3D%22&amp;key=AIzaSyAy9VVXHSpS2IJpptzYtGbLP3-3_l0aBk4</t>
  </si>
  <si>
    <t>http:///batch?%24ct=multipart%2Fmixed%3B%20boundary%3D%22%3D%3D%3D%3D%3Degdvmj1n34y3%3D%3D%3D%3D%3D%22&amp;key=AIzaSyAy9VVXHSpS2IJpptzYtGbLP3-3_l0aBk4</t>
  </si>
  <si>
    <t>http:///batch?%24ct=multipart%2Fmixed%3B%20boundary%3D%22%3D%3D%3D%3D%3D1346mq3qt2xr%3D%3D%3D%3D%3D%22&amp;key=AIzaSyAy9VVXHSpS2IJpptzYtGbLP3-3_l0aBk4</t>
  </si>
  <si>
    <t>http:///batch?%24ct=multipart%2Fmixed%3B%20boundary%3D%22%3D%3D%3D%3D%3D4d196fk2kpl9%3D%3D%3D%3D%3D%22&amp;key=AIzaSyAy9VVXHSpS2IJpptzYtGbLP3-3_l0aBk4</t>
  </si>
  <si>
    <t>http:///batch?%24ct=multipart%2Fmixed%3B%20boundary%3D%22%3D%3D%3D%3D%3De48jrw56zizg%3D%3D%3D%3D%3D%22&amp;key=AIzaSyAy9VVXHSpS2IJpptzYtGbLP3-3_l0aBk4</t>
  </si>
  <si>
    <t>http:///batch?%24ct=multipart%2Fmixed%3B%20boundary%3D%22%3D%3D%3D%3D%3Dfrrf0nqyutau%3D%3D%3D%3D%3D%22&amp;key=AIzaSyAy9VVXHSpS2IJpptzYtGbLP3-3_l0aBk4</t>
  </si>
  <si>
    <t>http:///batch?%24ct=multipart%2Fmixed%3B%20boundary%3D%22%3D%3D%3D%3D%3Df2ux495jkh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9===== content-;per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9===== content-,per,permissionid,picture,shared,sharedwithmedate,thumbnailversion,title,userpermission(role),userpermission(role)�,workspaceids</t>
  </si>
  <si>
    <t>http:///batch?%24ct=multipart%2Fmixed%3B%20boundary%3D%22%3D%3D%3D%3D%3Dfipclqii3kvq%3D%3D%3D%3D%3D%22&amp;key=AIzaSyAy9VVXHSpS2IJpptzYtGbLP3-3_l0aBk4</t>
  </si>
  <si>
    <t>http:///batch?%24ct=multipart%2Fmixed%3B%20boundary%3D%22%3D%3D%3D%3D%3D95p74uiy74u0%3D%3D%3D%3D%3D%22&amp;key=AIzaSyAy9VVXHSpS2IJpptzYtGbLP3-3_l0aBk4</t>
  </si>
  <si>
    <t>http:///batch?%24ct=multipart%2Fmixed%3B%20boundary%3D%22%3D%3D%3D%3D%3Dew3l1zrn6hq5%3D%3D%3D%3D%3D%22&amp;key=AIzaSyAy9VVXHSpS2IJpptzYtGbLP3-3_l0aBk4</t>
  </si>
  <si>
    <t>http:///batch?%24ct=multipart%2Fmixed%3B%20boundary%3D%22%3D%3D%3D%3D%3D8gw78sxow9iv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9===== content-;per;permission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9===== content-,per,permission,permissionid,picture,shared,sharedwithmedate,thumbnailversion,title,userpermission(role),userpermission(role)�,workspaceids</t>
  </si>
  <si>
    <t>http:///batch?%24ct=multipart%2Fmixed%3B%20boundary%3D%22%3D%3D%3D%3D%3D4rg0jpgsywsm%3D%3D%3D%3D%3D%22&amp;key=AIzaSyAy9VVXHSpS2IJpptzYtGbLP3-3_l0aBk4</t>
  </si>
  <si>
    <t>http:///batch?%24ct=multipart%2Fmixed%3B%20boundary%3D%22%3D%3D%3D%3D%3Dqgujkf2f9784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9===== content-;per;permiss;permission;permissionid;picture;rpermissions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9===== content-,per,permiss,permission,permissionid,picture,rpermissions,shared,sharedwithmedate,thumbnailversion,title,userpermission(role),userpermission(role)�,workspaceids</t>
  </si>
  <si>
    <t>http:///batch?%24ct=multipart%2Fmixed%3B%20boundary%3D%22%3D%3D%3D%3D%3Ds9b0htf2ht3w%3D%3D%3D%3D%3D%22&amp;key=AIzaSyAy9VVXHSpS2IJpptzYtGbLP3-3_l0aBk4</t>
  </si>
  <si>
    <t>http:///batch?%24ct=multipart%2Fmixed%3B%20boundary%3D%22%3D%3D%3D%3D%3D8fkdpphp2k3e%3D%3D%3D%3D%3D%22&amp;key=AIzaSyAy9VVXHSpS2IJpptzYtGbLP3-3_l0aBk4</t>
  </si>
  <si>
    <t>http:///batch?%24ct=multipart%2Fmixed%3B%20boundary%3D%22%3D%3D%3D%3D%3D85tacvv4s6uq%3D%3D%3D%3D%3D%22&amp;key=AIzaSyAy9VVXHSpS2IJpptzYtGbLP3-3_l0aBk4</t>
  </si>
  <si>
    <t>http:///batch?%24ct=multipart%2Fmixed%3B%20boundary%3D%22%3D%3D%3D%3D%3Dsr45432p1n56%3D%3D%3D%3D%3D%22&amp;key=AIzaSyAy9VVXHSpS2IJpptzYtGbLP3-3_l0aBk4</t>
  </si>
  <si>
    <t>http:///batch?%24ct=multipart%2Fmixed%3B%20boundary%3D%22%3D%3D%3D%3D%3Dqwm0vfwubrxy%3D%3D%3D%3D%3D%22&amp;key=AIzaSyAy9VVXHSpS2IJpptzYtGbLP3-3_l0aBk4</t>
  </si>
  <si>
    <t>"mozilla/5.0 (windows nt 6.1; win64; x64) applewebkit/537.36 (khtml;"other�;0;0.441;0.491;0.491];0.668;0.697];0];1;1149.8400000000402;12.38;12.854]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.636;130.87499999892316;13135.08499999989;13158.214999999473;13337.059999999838;137.141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906;13701909;1370192;13701921;13701953;13701957;13701969;13702064;13702068;</t>
  </si>
  <si>
    <t>http://"mozilla/5.0 (windows nt 6.1; win64; x64) applewebkit/537.36 (khtml,"other�,0,0.441,0.491,0.491],0.668,0.697],0],1,1149.8400000000402,12.38,12.854]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.636,130.87499999892316,13135.08499999989,13158.214999999473,13337.059999999838,137.141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1,13701906,13701909,1370192,13701921,13701953,13701957,13701969,13702064,13</t>
  </si>
  <si>
    <t>"mozilla/5.0 (windows nt 6.1; win64; x64) applewebkit/537.36 (khtml;"other�;0;0.441;0.491;0.491];0.668;0.697];0];1;1149.8400000000402;1171.700000000783;1179.9300000002404;12.38;12.854];1200.26999999936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.636;130.87499999892316;13135.08499999989;13158.214999999473;13337.059999999838;1336.3499999995838;137.141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</t>
  </si>
  <si>
    <t>http://"mozilla/5.0 (windows nt 6.1; win64; x64) applewebkit/537.36 (khtml,"other�,0,0.441,0.491,0.491],0.668,0.697],0],1,1149.8400000000402,1171.700000000783,1179.9300000002404,12.38,12.854],1200.26999999936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.636,130.87499999892316,13135.08499999989,13158.214999999473,13337.059999999838,1336.3499999995838,137.141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</t>
  </si>
  <si>
    <t>http:///batch?%24ct=multipart%2Fmixed%3B%20boundary%3D%22%3D%3D%3D%3D%3D1tcwcwaihjq0%3D%3D%3D%3D%3D%22&amp;key=AIzaSyAy9VVXHSpS2IJpptzYtGbLP3-3_l0aBk4</t>
  </si>
  <si>
    <t>http:///batch?%24ct=multipart%2Fmixed%3B%20boundary%3D%22%3D%3D%3D%3D%3D6n8psvqj8q4b%3D%3D%3D%3D%3D%22&amp;key=AIzaSyAy9VVXHSpS2IJpptzYtGbLP3-3_l0aBk4</t>
  </si>
  <si>
    <t>http:///batch?%24ct=multipart%2Fmixed%3B%20boundary%3D%22%3D%3D%3D%3D%3Dxmc61g3pga6b%3D%3D%3D%3D%3D%22&amp;key=AIzaSyAy9VVXHSpS2IJpptzYtGbLP3-3_l0aBk4</t>
  </si>
  <si>
    <t>ancestorhasaugmentedpermissions;bdd8fd6bf75961a358e1830286_u x-goog-authuser: 0 --=====xmc61g3pga6b=====-- 99�Ωg�5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bdd8fd6bf75961a358e1830286_u x-goog-authuser: 0 --=====xmc61g3pga6b=====-- 99�Ωg�5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hn0lzvyrtlqs%3D%3D%3D%3D%3D%22&amp;key=AIzaSyAy9VVXHSpS2IJpptzYtGbLP3-3_l0aBk4</t>
  </si>
  <si>
    <t>http:///batch?%24ct=multipart%2Fmixed%3B%20boundary%3D%22%3D%3D%3D%3D%3D4l35epqi0w4%3D%3D%3D%3D%3D%22&amp;key=AIzaSyAy9VVXHSpS2IJpptzYtGbLP3-3_l0aBk4</t>
  </si>
  <si>
    <t>http:///batch?%24ct=multipart%2Fmixed%3B%20boundary%3D%22%3D%3D%3D%3D%3Dk3o4eayu6z9t%3D%3D%3D%3D%3D%22&amp;key=AIzaSyAy9VVXHSpS2IJpptzYtGbLP3-3_l0aBk4</t>
  </si>
  <si>
    <t>6b78a288-fd0b-44a5-aad0-860cc0baff1e.tmp</t>
  </si>
  <si>
    <t>\\acsfs\profiles$\vivianalds\Downloads\6b78a288-fd0b-44a5-aad0-860cc0baff1e.tmp</t>
  </si>
  <si>
    <t>e2d6dfe2-da4e-4a57-8f0c-d5bc313d06d5.tmp</t>
  </si>
  <si>
    <t>\\acsfs\profiles$\luanaagl\Downloads\e2d6dfe2-da4e-4a57-8f0c-d5bc313d06d5.tmp</t>
  </si>
  <si>
    <t>06c9dd96-b0f4-4244-954a-6696543b60a1.tmp</t>
  </si>
  <si>
    <t>\\acsfs\profiles$\luanaagl\Downloads\06c9dd96-b0f4-4244-954a-6696543b60a1.tmp</t>
  </si>
  <si>
    <t>6bc55e65-27d4-46c2-bab5-56fd1ee59988.tmp</t>
  </si>
  <si>
    <t>\\acsfs\profiles$\matheushds\Downloads\6bc55e65-27d4-46c2-bab5-56fd1ee59988.tmp</t>
  </si>
  <si>
    <t>82fbd27a-90a9-4da7-8bc3-b441b8d6c2d1.tmp</t>
  </si>
  <si>
    <t>\\acsfs\profiles$\inarajst\Downloads\82fbd27a-90a9-4da7-8bc3-b441b8d6c2d1.tmp</t>
  </si>
  <si>
    <t>http:///batch?%24ct=multipart%2Fmixed%3B%20boundary%3D%22%3D%3D%3D%3D%3Dtmxgn88mc13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srkxnowkfiouoreruerkwhewsc47flhcofjsrtukf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srkxnowkfiouoreruerkwhewsc47flhcofjsrtukf,thumbnailversion,title,userpermission(role),workspaceids</t>
  </si>
  <si>
    <t>http:///batch?%24ct=multipart%2Fmixed%3B%20boundary%3D%22%3D%3D%3D%3D%3D8zwx25my7fdh%3D%3D%3D%3D%3D%22&amp;key=AIzaSyAy9VVXHSpS2IJpptzYtGbLP3-3_l0aBk4</t>
  </si>
  <si>
    <t>http:///batch?%24ct=multipart%2Fmixed%3B%20boundary%3D%22%3D%3D%3D%3D%3Drdlec6b9ujgn%3D%3D%3D%3D%3D%22&amp;key=AIzaSyAy9VVXHSpS2IJpptzYtGbLP3-3_l0aBk4</t>
  </si>
  <si>
    <t>5e618a4c-e359-48c2-b801-f13e16619588.tmp</t>
  </si>
  <si>
    <t>\\acsfs\profiles$\luanaagl\Downloads\5e618a4c-e359-48c2-b801-f13e16619588.tmp</t>
  </si>
  <si>
    <t>045227fe-8b34-41b3-9de6-a04ec694e4e2.tmp</t>
  </si>
  <si>
    <t>\\acsfs\profiles$\luanaagl\Downloads\045227fe-8b34-41b3-9de6-a04ec694e4e2.tmp</t>
  </si>
  <si>
    <t>0bb5c1af-bf93-4ac4-bf40-e6aa573b8155.tmp</t>
  </si>
  <si>
    <t>\\acsfs\profiles$\luanaagl\Downloads\0bb5c1af-bf93-4ac4-bf40-e6aa573b8155.tmp</t>
  </si>
  <si>
    <t>lu97481504f.tmp</t>
  </si>
  <si>
    <t>\\acsfs\profiles$\Flaviojmm\My Documents\lu97481504f.tmp</t>
  </si>
  <si>
    <t>\\acsfs\profiles$\Flaviojmm\My Documents\lu97481504f.tmp\</t>
  </si>
  <si>
    <t>\\acsfs\profiles$\Flaviojmm\My Documents\lu97481504f.tmp\META-INF\</t>
  </si>
  <si>
    <t>\\acsfs\profiles$\Flaviojmm\My Documents\lu97481504f.tmp\Thumbnails\</t>
  </si>
  <si>
    <t>2f654322-237e-4ed2-9920-bb8369e24a97.tmp</t>
  </si>
  <si>
    <t>\\acsfs\profiles$\lorrainerdl\Downloads\2f654322-237e-4ed2-9920-bb8369e24a97.tmp</t>
  </si>
  <si>
    <t>218AF645.tmp</t>
  </si>
  <si>
    <t>\\acsfs\ACS\Gabriel da Silva\Contemporânea\218AF645.tmp</t>
  </si>
  <si>
    <t>http:///batch?%24ct=multipart%2Fmixed%3B%20boundary%3D%22%3D%3D%3D%3D%3Djig8z32xtuel%3D%3D%3D%3D%3D%22&amp;key=AIzaSyAy9VVXHSpS2IJpptzYtGbLP3-3_l0aBk4</t>
  </si>
  <si>
    <t>http:///batch?%24ct=multipart%2Fmixed%3B%20boundary%3D%22%3D%3D%3D%3D%3Ddpixot1bqsy3%3D%3D%3D%3D%3D%22&amp;key=AIzaSyAy9VVXHSpS2IJpptzYtGbLP3-3_l0aBk4</t>
  </si>
  <si>
    <t>http:///batch?%24ct=multipart%2Fmixed%3B%20boundary%3D%22%3D%3D%3D%3D%3Dl5zi11cfnwr5%3D%3D%3D%3D%3D%22&amp;key=AIzaSyAy9VVXHSpS2IJpptzYtGbLP3-3_l0aBk4</t>
  </si>
  <si>
    <t>http:///batch?%24ct=multipart%2Fmixed%3B%20boundary%3D%22%3D%3D%3D%3D%3Ds5o7g7tfi7jj%3D%3D%3D%3D%3D%22&amp;key=AIzaSyAy9VVXHSpS2IJpptzYtGbLP3-3_l0aBk4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;shareable;shared;sharedwithmedate;subscrib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,shareable,shared,sharedwithmedate,subscribe,thumbnailversion,title,userpermission(role),workspaceids</t>
  </si>
  <si>
    <t>KIT_PRE_DESLIG_PEDIDO_DEMISSAO_INDENIZADO_98786_MICHELE RODRIGUES DE SOUSA.pdf</t>
  </si>
  <si>
    <t>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,shareable,shared,sharedwithmedate,subscribe,thumbnailversion,title,userpermission(role),workspaceids</t>
  </si>
  <si>
    <t>http://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</t>
  </si>
  <si>
    <t>http:///batch?%24ct=multipart%2Fmixed%3B%20boundary%3D%22%3D%3D%3D%3D%3Dkkfjhw5jh03d%3D%3D%3D%3D%3D%22&amp;key=AIzaSyAy9VVXHSpS2IJpptzYtGbLP3-3_l0aBk4</t>
  </si>
  <si>
    <t>http:///batch?%24ct=multipart%2Fmixed%3B%20boundary%3D%22%3D%3D%3D%3D%3Dh5c11ann1irz%3D%3D%3D%3D%3D%22&amp;key=AIzaSyAy9VVXHSpS2IJpptzYtGbLP3-3_l0aBk4</t>
  </si>
  <si>
    <t>http:///batch?%24ct=multipart%2Fmixed%3B%20boundary%3D%22%3D%3D%3D%3D%3D4bptk45ffzr6%3D%3D%3D%3D%3D%22&amp;key=AIzaSyAy9VVXHSpS2IJpptzYtGbLP3-3_l0aBk4</t>
  </si>
  <si>
    <t>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;picture;quotabytesused;rpermissions;shar;shareable;shared;sharedwithmedate;subscribe;thumbnailversion;title;userpermission(role);workspaceids;</t>
  </si>
  <si>
    <t>http://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,picture,quotabytesused,rpermissions,shar,shareable,shared,sharedwithmedate,subscribe,thumbnailversion,title,userpermission(role),workspaceids</t>
  </si>
  <si>
    <t>http:///batch?%24ct=multipart%2Fmixed%3B%20boundary%3D%22%3D%3D%3D%3D%3Delte8bia5a4f%3D%3D%3D%3D%3D%22&amp;key=AIzaSyAy9VVXHSpS2IJpptzYtGbLP3-3_l0aBk4</t>
  </si>
  <si>
    <t>http:///batch?%24ct=multipart%2Fmixed%3B%20boundary%3D%22%3D%3D%3D%3D%3Doyqhm7gds8t8%3D%3D%3D%3D%3D%22&amp;key=AIzaSyAy9VVXHSpS2IJpptzYtGbLP3-3_l0aBk4</t>
  </si>
  <si>
    <t>http:///batch?%24ct=multipart%2Fmixed%3B%20boundary%3D%22%3D%3D%3D%3D%3Dmpnavhe2m2j%3D%3D%3D%3D%3D%22&amp;key=AIzaSyAy9VVXHSpS2IJpptzYtGbLP3-3_l0aBk4</t>
  </si>
  <si>
    <t>\\acsfs\profiles$\marcellewdl\Downloads\WavesAudio.MaxxAudioProforDell2019_fh4rh281wavaa!App\</t>
  </si>
  <si>
    <t>\\acsfs\profiles$\marcellewdl\Downloads\WavesAudio.MaxxAudioProforDell2019_fh4rh281wavaa!App\desktop.ini</t>
  </si>
  <si>
    <t>LocalFolder.txt</t>
  </si>
  <si>
    <t>\\acsfs\profiles$\marcellewdl\Downloads\WavesAudio.MaxxAudioProforDell2019_fh4rh281wavaa!App\LocalFolder.txt</t>
  </si>
  <si>
    <t>marcos.pereira@algartech.com</t>
  </si>
  <si>
    <t>petterson.rodrigues@tlpservicos.com.br;</t>
  </si>
  <si>
    <t>C:\A2\PAULAO\TIM\REGIONAL TIM\</t>
  </si>
  <si>
    <t>Contratadas Rede Externa TRJ (1).xlsx</t>
  </si>
  <si>
    <t>petterson.rodrigues@tlpservicos.com.br</t>
  </si>
  <si>
    <t>c:\users\camillarl\downloads\</t>
  </si>
  <si>
    <t>kit_pre_deslig_disp_sem_justa_causa_ind_101088_thiago abdao ferreira souza.pdf</t>
  </si>
  <si>
    <t>5a2fbdf5-fe30-4ecc-a7cf-5bea11c4d3b8.tmp</t>
  </si>
  <si>
    <t>\\acsfs\profiles$\dhiulliananads\Downloads\5a2fbdf5-fe30-4ecc-a7cf-5bea11c4d3b8.tmp</t>
  </si>
  <si>
    <t>810fe17f-50ad-4bbb-8a48-5886a8da0104.tmp</t>
  </si>
  <si>
    <t>\\acsfs\profiles$\lorrainerdl\Downloads\810fe17f-50ad-4bbb-8a48-5886a8da0104.tmp</t>
  </si>
  <si>
    <t>6F7ECAE0.tmp</t>
  </si>
  <si>
    <t>\\acsfs\ACS\Gabriel da Silva\Contemporânea\6F7ECAE0.tmp</t>
  </si>
  <si>
    <t>E9EA9717.tmp</t>
  </si>
  <si>
    <t>\\acsfs\ACS\Gabriel da Silva\Contemporânea\E9EA9717.tmp</t>
  </si>
  <si>
    <t>3551991A.tmp</t>
  </si>
  <si>
    <t>\\acsfs\ACS\Gabriel da Silva\Contemporânea\3551991A.tmp</t>
  </si>
  <si>
    <t>BE34E2D9.tmp</t>
  </si>
  <si>
    <t>\\acsfs\ACS\Gabriel da Silva\Contemporânea\BE34E2D9.tmp</t>
  </si>
  <si>
    <t>10.200.66.47</t>
  </si>
  <si>
    <t>78-2B-CB-C1-04-45</t>
  </si>
  <si>
    <t>VOTORANTS-FB033</t>
  </si>
  <si>
    <t>andrelps@algartech.com;supervisaobancovotorantim@algartech.com;vitor.accorsi@bv.com.br;</t>
  </si>
  <si>
    <t>andrelps@algartech.com,supervisaobancovotorantim@algartech.com,vitor.accorsi@bv.com.br</t>
  </si>
  <si>
    <t>lu166683u8jdi.tmp</t>
  </si>
  <si>
    <t>\\acsfs\profiles$\ALEXANDREMM\lu166683u8jdi.tmp</t>
  </si>
  <si>
    <t>\\acsfs\profiles$\ALEXANDREMM\lu166683u8jdi.tmp\</t>
  </si>
  <si>
    <t>\\acsfs\profiles$\ALEXANDREMM\lu166683u8jdi.tmp\META-INF\</t>
  </si>
  <si>
    <t>\\acsfs\profiles$\ALEXANDREMM\lu166683u8jdi.tmp\Thumbnails\</t>
  </si>
  <si>
    <t>lu166683u8jdl.tmp</t>
  </si>
  <si>
    <t>\\acsfs\profiles$\ALEXANDREMM\lu166683u8jdl.tmp</t>
  </si>
  <si>
    <t>\\acsfs\profiles$\ALEXANDREMM\lu166683u8jdl.tmp\</t>
  </si>
  <si>
    <t>\\acsfs\profiles$\ALEXANDREMM\lu166683u8jdl.tmp\META-INF\</t>
  </si>
  <si>
    <t>\\acsfs\profiles$\ALEXANDREMM\lu166683u8jdl.tmp\Thumbnails\</t>
  </si>
  <si>
    <t>bb66cf0f-937d-4c6c-97c1-27c50a781359.tmp</t>
  </si>
  <si>
    <t>\\acsfs\profiles$\kellzylenneasr\Downloads\bb66cf0f-937d-4c6c-97c1-27c50a781359.tmp</t>
  </si>
  <si>
    <t>http:///batch?%24ct=multipart%2Fmixed%3B%20boundary%3D%22%3D%3D%3D%3D%3D3xijj8ep36li%3D%3D%3D%3D%3D%22&amp;key=AIzaSyAy9VVXHSpS2IJpptzYtGbLP3-3_l0aBk4</t>
  </si>
  <si>
    <t>ancest;containsunsubscribedchildren;displayname;domain;emailaddress;filesize;id);lastmodifyinguser(kind;lastviewedbymedate;modifiedbymedate;ontainsunsubscribedchildren;owners(kind;permissionid;pictu;picture;rpermissions;workspaceids;</t>
  </si>
  <si>
    <t>http://ancest,containsunsubscribedchildren,displayname,domain,emailaddress,filesize,id),lastmodifyinguser(kind,lastviewedbymedate,modifiedbymedate,ontainsunsubscribedchildren,owners(kind,permissionid,pictu,picture,rpermissions,workspaceids</t>
  </si>
  <si>
    <t>http:///batch?%24ct=multipart%2Fmixed%3B%20boundary%3D%22%3D%3D%3D%3D%3D8lisq66r61l9%3D%3D%3D%3D%3D%22&amp;key=AIzaSyAy9VVXHSpS2IJpptzYtGbLP3-3_l0aBk4</t>
  </si>
  <si>
    <t>93a5163f-6b87-4f9e-818e-6783281f05a1.tmp</t>
  </si>
  <si>
    <t>\\acsfs\profiles$\lorrainerdl\Downloads\93a5163f-6b87-4f9e-818e-6783281f05a1.tmp</t>
  </si>
  <si>
    <t>46966aa5-b3c5-48a4-85e3-e3b58c2624b8.tmp</t>
  </si>
  <si>
    <t>\\acsfs\profiles$\lorrainerdl\Downloads\46966aa5-b3c5-48a4-85e3-e3b58c2624b8.tmp</t>
  </si>
  <si>
    <t>3e6da8e9-779c-48af-bac1-a8c63065061e.tmp</t>
  </si>
  <si>
    <t>\\acsfs\profiles$\lorrainerdl\Downloads\3e6da8e9-779c-48af-bac1-a8c63065061e.tmp</t>
  </si>
  <si>
    <t>efdd1266-3fea-4488-bcc4-cd0763e666eb.tmp</t>
  </si>
  <si>
    <t>\\acsfs\profiles$\ERICALSR\Downloads\efdd1266-3fea-4488-bcc4-cd0763e666eb.tmp</t>
  </si>
  <si>
    <t>65755d65-3a90-4dd3-935a-ada5360fd556.tmp</t>
  </si>
  <si>
    <t>\\acsfs\profiles$\gabriellalpr\Downloads\65755d65-3a90-4dd3-935a-ada5360fd556.tmp</t>
  </si>
  <si>
    <t>d0eff1f1-1d30-4e84-836a-a5a831317832.tmp</t>
  </si>
  <si>
    <t>\\acsfs\profiles$\THYAGOSP\Downloads\d0eff1f1-1d30-4e84-836a-a5a831317832.tmp</t>
  </si>
  <si>
    <t>eee431ce-9915-4b78-8f46-86121994fe74.tmp</t>
  </si>
  <si>
    <t>\\acsfs\profiles$\mariagsg\Downloads\eee431ce-9915-4b78-8f46-86121994fe74.tmp</t>
  </si>
  <si>
    <t>DCO CML SP</t>
  </si>
  <si>
    <t>10.207.12.82</t>
  </si>
  <si>
    <t>D8-9C-67-86-36-21</t>
  </si>
  <si>
    <t>NB-MARCOAB</t>
  </si>
  <si>
    <t>marcoab</t>
  </si>
  <si>
    <t>marcoab@algartech.com</t>
  </si>
  <si>
    <t>C:\Users\marcoab\Desktop\</t>
  </si>
  <si>
    <t>Nova Precificação - ALGAR - v2b - 2020.xlsx</t>
  </si>
  <si>
    <t>58078668-792b-4268-a925-c6da4c33defb.tmp</t>
  </si>
  <si>
    <t>\\acsfs\profiles$\luanaagl\Downloads\58078668-792b-4268-a925-c6da4c33defb.tmp</t>
  </si>
  <si>
    <t>lu97481504o.tmp</t>
  </si>
  <si>
    <t>\\acsfs\profiles$\Flaviojmm\My Documents\lu97481504o.tmp</t>
  </si>
  <si>
    <t>7b2677be-a6cb-4a21-9c54-30090791a150.tmp</t>
  </si>
  <si>
    <t>\\acsfs\profiles$\lorrainerdl\Downloads\7b2677be-a6cb-4a21-9c54-30090791a150.tmp</t>
  </si>
  <si>
    <t>1f5d440d-c276-4a56-9526-a99c664dd0dc.tmp</t>
  </si>
  <si>
    <t>\\acsfs\profiles$\lorrainerdl\Downloads\1f5d440d-c276-4a56-9526-a99c664dd0dc.tmp</t>
  </si>
  <si>
    <t>437a364f-c7a3-4bac-8d68-a9087401412e.tmp</t>
  </si>
  <si>
    <t>\\acsfs\profiles$\paulovadc\Downloads\437a364f-c7a3-4bac-8d68-a9087401412e.tmp</t>
  </si>
  <si>
    <t>\\acsfs\deptos\Operacao\PCP\5 - Comum\PLANEJAMENTO BV\14 - ACOMPANHAMENTO\1 - REPORT ACOMPANHAMENTO\2020\1 - JANEIRO\FINANCEIRA\</t>
  </si>
  <si>
    <t>\\acsfs\deptos\Operacao\PCP\5 - Comum\PLANEJAMENTO BV\14 - ACOMPANHAMENTO\1 - REPORT ACOMPANHAMENTO\2020\1 - JANEIRO\FINANCEIRA\REPORT ACOMPANHAMENTO - BV - JANEIRO.xlsb</t>
  </si>
  <si>
    <t>d8ada3fd-6dd8-4405-8f01-46827fdd44e9.tmp</t>
  </si>
  <si>
    <t>\\acsfs\profiles$\luanarda\Downloads\d8ada3fd-6dd8-4405-8f01-46827fdd44e9.tmp</t>
  </si>
  <si>
    <t>f9007761-fddc-49e5-b708-35bca96445f7.tmp</t>
  </si>
  <si>
    <t>\\acsfs\profiles$\ALYNYA\Downloads\f9007761-fddc-49e5-b708-35bca96445f7.tmp</t>
  </si>
  <si>
    <t>cb0a4b41-1a45-45af-8a71-66e9d4b29d3e.tmp</t>
  </si>
  <si>
    <t>\\acsfs\profiles$\lorraynevam\Downloads\cb0a4b41-1a45-45af-8a71-66e9d4b29d3e.tmp</t>
  </si>
  <si>
    <t>c462b907-9c3c-4721-83ff-2acbbaa6f38e.tmp</t>
  </si>
  <si>
    <t>\\acsfs\profiles$\jhonatadss\Downloads\c462b907-9c3c-4721-83ff-2acbbaa6f38e.tmp</t>
  </si>
  <si>
    <t>http:///batch?%24ct=multipart%2Fmixed%3B%20boundary%3D%22%3D%3D%3D%3D%3Ds1bud3iwnur7%3D%3D%3D%3D%3D%22&amp;key=AIzaSyAy9VVXHSpS2IJpptzYtGbLP3-3_l0aBk4</t>
  </si>
  <si>
    <t>http:///batch?%24ct=multipart%2Fmixed%3B%20boundary%3D%22%3D%3D%3D%3D%3D92k7w5jsag0s%3D%3D%3D%3D%3D%22&amp;key=AIzaSyAy9VVXHSpS2IJpptzYtGbLP3-3_l0aBk4</t>
  </si>
  <si>
    <t>http:///batch?%24ct=multipart%2Fmixed%3B%20boundary%3D%22%3D%3D%3D%3D%3Dtm28rwfl31t8%3D%3D%3D%3D%3D%22&amp;key=AIzaSyAy9VVXHSpS2IJpptzYtGbLP3-3_l0aBk4</t>
  </si>
  <si>
    <t>http:///batch?%24ct=multipart%2Fmixed%3B%20boundary%3D%22%3D%3D%3D%3D%3Di8swqoniw11t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lncm68k94vq2%3D%3D%3D%3D%3D%22&amp;key=AIzaSyAy9VVXHSpS2IJpptzYtGbLP3-3_l0aBk4</t>
  </si>
  <si>
    <t>http:///batch?%24ct=multipart%2Fmixed%3B%20boundary%3D%22%3D%3D%3D%3D%3D6hniwz9b2cgu%3D%3D%3D%3D%3D%22&amp;key=AIzaSyAy9VVXHSpS2IJpptzYtGbLP3-3_l0aBk4</t>
  </si>
  <si>
    <t>http:///batch?%24ct=multipart%2Fmixed%3B%20boundary%3D%22%3D%3D%3D%3D%3D8lc9zipkx55i%3D%3D%3D%3D%3D%22&amp;key=AIzaSyAy9VVXHSpS2IJpptzYtGbLP3-3_l0aBk4</t>
  </si>
  <si>
    <t>http:///batch?%24ct=multipart%2Fmixed%3B%20boundary%3D%22%3D%3D%3D%3D%3Dwu7elbm104q2%3D%3D%3D%3D%3D%22&amp;key=AIzaSyAy9VVXHSpS2IJpptzYtGbLP3-3_l0aBk4</t>
  </si>
  <si>
    <t>http:///batch?%24ct=multipart%2Fmixed%3B%20boundary%3D%22%3D%3D%3D%3D%3Dwwkhntqwzwfc%3D%3D%3D%3D%3D%22&amp;key=AIzaSyAy9VVXHSpS2IJpptzYtGbLP3-3_l0aBk4</t>
  </si>
  <si>
    <t>http:///batch?%24ct=multipart%2Fmixed%3B%20boundary%3D%22%3D%3D%3D%3D%3Dueysesi83mqw%3D%3D%3D%3D%3D%22&amp;key=AIzaSyAy9VVXHSpS2IJpptzYtGbLP3-3_l0aBk4</t>
  </si>
  <si>
    <t>http:///batch?%24ct=multipart%2Fmixed%3B%20boundary%3D%22%3D%3D%3D%3D%3Dodzjsqap4hqh%3D%3D%3D%3D%3D%22&amp;key=AIzaSyAy9VVXHSpS2IJpptzYtGbLP3-3_l0aBk4</t>
  </si>
  <si>
    <t>http:///batch?%24ct=multipart%2Fmixed%3B%20boundary%3D%22%3D%3D%3D%3D%3Damrieioj373%3D%3D%3D%3D%3D%22&amp;key=AIzaSyAy9VVXHSpS2IJpptzYtGbLP3-3_l0aBk4</t>
  </si>
  <si>
    <t>ances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;picture;rpermissions;shared;sharedwithmedate;thumbnailversion;title;userpermission(role);workspaceids;</t>
  </si>
  <si>
    <t>http://ances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,picture,rpermissions,shared,sharedwithmedate,thumbnailversion,title,userpermission(role),workspaceids</t>
  </si>
  <si>
    <t>http:///batch?%24ct=multipart%2Fmixed%3B%20boundary%3D%22%3D%3D%3D%3D%3Dwwn1r3g3yb6c%3D%3D%3D%3D%3D%22&amp;key=AIzaSyAy9VVXHSpS2IJpptzYtGbLP3-3_l0aBk4</t>
  </si>
  <si>
    <t>http:///batch?%24ct=multipart%2Fmixed%3B%20boundary%3D%22%3D%3D%3D%3D%3D3wap5kxxw838%3D%3D%3D%3D%3D%22&amp;key=AIzaSyAy9VVXHSpS2IJpptzYtGbLP3-3_l0aBk4</t>
  </si>
  <si>
    <t>http:///batch?%24ct=multipart%2Fmixed%3B%20boundary%3D%22%3D%3D%3D%3D%3Dgfulkh8w5v4p%3D%3D%3D%3D%3D%22&amp;key=AIzaSyAy9VVXHSpS2IJpptzYtGbLP3-3_l0aBk4</t>
  </si>
  <si>
    <t>http:///batch?%24ct=multipart%2Fmixed%3B%20boundary%3D%22%3D%3D%3D%3D%3Dkd5ftekbd10x%3D%3D%3D%3D%3D%22&amp;key=AIzaSyAy9VVXHSpS2IJpptzYtGbLP3-3_l0aBk4</t>
  </si>
  <si>
    <t>http:///batch?%24ct=multipart%2Fmixed%3B%20boundary%3D%22%3D%3D%3D%3D%3Dgjfzb56zsqct%3D%3D%3D%3D%3D%22&amp;key=AIzaSyAy9VVXHSpS2IJpptzYtGbLP3-3_l0aBk4</t>
  </si>
  <si>
    <t>http:///batch?%24ct=multipart%2Fmixed%3B%20boundary%3D%22%3D%3D%3D%3D%3D1kfsoafh49uk%3D%3D%3D%3D%3D%22&amp;key=AIzaSyAy9VVXHSpS2IJpptzYtGbLP3-3_l0aBk4</t>
  </si>
  <si>
    <t>http:///batch?%24ct=multipart%2Fmixed%3B%20boundary%3D%22%3D%3D%3D%3D%3Dir10ydpikske%3D%3D%3D%3D%3D%22&amp;key=AIzaSyAy9VVXHSpS2IJpptzYtGbLP3-3_l0aBk4</t>
  </si>
  <si>
    <t>http:///batch?%24ct=multipart%2Fmixed%3B%20boundary%3D%22%3D%3D%3D%3D%3Ds6pgr1imvo56%3D%3D%3D%3D%3D%22&amp;key=AIzaSyAy9VVXHSpS2IJpptzYtGbLP3-3_l0aBk4</t>
  </si>
  <si>
    <t>10.200.32.241</t>
  </si>
  <si>
    <t>D0-94-66-DB-62-BE</t>
  </si>
  <si>
    <t>TI-D06M</t>
  </si>
  <si>
    <t>isabelladab</t>
  </si>
  <si>
    <t>https://www.portalsinergyrh.com.br/operador/meta/salvaranexoobservacaodameta</t>
  </si>
  <si>
    <t>\\acsfs\DEPTOS\TI Corporativa\07 - SGSI\02-Equipe-SI\Laudos\</t>
  </si>
  <si>
    <t>Registro de Plano de ação - Historico com solicitante - ATUALIZADO (1).xlsx</t>
  </si>
  <si>
    <t>\\acsfs\profiles$\Flaviojmm\My Documents\lu97481504o.tmp\</t>
  </si>
  <si>
    <t>d5e60cf4-2724-4db4-911f-3d1c0364a460.tmp</t>
  </si>
  <si>
    <t>\\acsfs\profiles$\rafaelamsv\Downloads\d5e60cf4-2724-4db4-911f-3d1c0364a460.tmp</t>
  </si>
  <si>
    <t>\\acsfs\profiles$\Flaviojmm\My Documents\lu97481504o.tmp\META-INF\</t>
  </si>
  <si>
    <t>\\acsfs\profiles$\Flaviojmm\My Documents\lu97481504o.tmp\Thumbnails\</t>
  </si>
  <si>
    <t>lu97481504t.tmp</t>
  </si>
  <si>
    <t>\\acsfs\profiles$\Flaviojmm\My Documents\lu97481504t.tmp</t>
  </si>
  <si>
    <t>\\acsfs\profiles$\Flaviojmm\My Documents\lu97481504t.tmp\</t>
  </si>
  <si>
    <t>\\acsfs\profiles$\Flaviojmm\My Documents\lu97481504t.tmp\META-INF\</t>
  </si>
  <si>
    <t>\\acsfs\profiles$\Flaviojmm\My Documents\lu97481504t.tmp\Thumbnails\</t>
  </si>
  <si>
    <t>1b5f463e-18a8-4b67-9267-1e3442250258.tmp</t>
  </si>
  <si>
    <t>\\acsfs\profiles$\lorraynevam\Downloads\1b5f463e-18a8-4b67-9267-1e3442250258.tmp</t>
  </si>
  <si>
    <t>http:///batch?%24ct=multipart%2Fmixed%3B%20boundary%3D%22%3D%3D%3D%3D%3Doslrprs60f33%3D%3D%3D%3D%3D%22&amp;key=AIzaSyAy9VVXHSpS2IJpptzYtGbLP3-3_l0aBk4</t>
  </si>
  <si>
    <t>ancestorhasaugmentedpe;containsunsubscribedchildren;displayname;domain;emailaddres;emailaddress;filesize;id);lastmodifyinguser(kind;lastviewedbymedate;modifiedbymedate;ontainsunsubscribedchildren;owners(kind;permissionid;picture;rpermissions;workspaceids;</t>
  </si>
  <si>
    <t>http://ancestorhasaugmentedpe,containsunsubscribedchildren,displayname,domain,emailaddres,emailaddress,filesize,id),lastmodifyinguser(kind,lastviewedbymedate,modifiedbymedate,ontainsunsubscribedchildren,owners(kind,permissionid,picture,rpermissions,workspaceids</t>
  </si>
  <si>
    <t>http:///batch?%24ct=multipart%2Fmixed%3B%20boundary%3D%22%3D%3D%3D%3D%3Dojdlzaswrxtd%3D%3D%3D%3D%3D%22&amp;key=AIzaSyAy9VVXHSpS2IJpptzYtGbLP3-3_l0aBk4</t>
  </si>
  <si>
    <t>ancestorhasaugmentedpe;ancestorhasaugmentedpermissions;containsunsubscribedchildren;displayname;domain;emailaddres;emailaddress;explicitlytrashed;filesize;hasth;hasthumbnail;hasvisitorpermissions;id;id);items(kind;ken;lastmodifyinguser(kind;lastviewedbymedate;mimet;modifiedbymedate;modifieddate;ontainsunsubscribedchildren;owners(kind;permissionid;picture;rpermissions;shared;sharedwithmedate;thumbnailversion;title;userpermission(role);workspaceids;</t>
  </si>
  <si>
    <t>http://ancestorhasaugmentedpe,ancestorhasaugmentedpermissions,containsunsubscribedchildren,displayname,domain,emailaddres,emailaddress,explicitlytrashed,filesize,hasth,hasthumbnail,hasvisitorpermissions,id,id),items(kind,ken,lastmodifyinguser(kind,lastviewedbymedate,mimet,modifiedbymedate,modifieddate,ontainsunsubscribedchildren,owners(kind,permissionid,picture,rpermissions,shared,sharedwithmedate,thumbnailversion,title,userpermission(role),workspaceids</t>
  </si>
  <si>
    <t>C:\Users\gustavodsil\Desktop\</t>
  </si>
  <si>
    <t>Cópia de Pasta4.xlsx</t>
  </si>
  <si>
    <t>ancestorhasaugmentedpe,ancestorhasaugmentedpermissions,containsunsubscribedchildren,displayname,domain,emailaddres,emailaddress,explicitlytrashed,filesize,hasth,hasthumbnail,hasvisitorpermissions,id,id),items(kind,ken,lastmodifyinguser(kind,lastviewedbymedate,mimet,modifiedbymedate,modifieddate,ontainsunsubscribedchildren,owners(kind,permissionid,picture,rpermissions,shared,sharedwithmedate,thumbnailversion,title,userpermission(role),workspaceids</t>
  </si>
  <si>
    <t>ancestorhasaugmentedpe;ancestorhasaugmentedpermissions;containsunsubscribedchildren;displayname;domain;emailaddres;emailaddress;explicitlytrashed;file(kind;fileid;filesize;hasth;hasthumbnail;hasvisitorpermissions;id;id);items(deleted;items(kind;ken;kind;lastmodifyinguser(kind;lastviewedbymedate;mimet;modifiedbymedate;modifieddate;ontainsunsubscribedchildren;owners(kind;per;permissionid;picture;rpermissions;shared;sharedwithmedate;thumbnailversion;title;userpermission(role);workspaceids;</t>
  </si>
  <si>
    <t>http://ancestorhasaugmentedpe,ancestorhasaugmentedpermissions,containsunsubscribedchildren,displayname,domain,emailaddres,emailaddress,explicitlytrashed,file(kind,fileid,filesize,hasth,hasthumbnail,hasvisitorpermissions,id,id),items(deleted,items(kind,ken,kind,lastmodifyinguser(kind,lastviewedbymedate,mimet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vydckivwus1d%3D%3D%3D%3D%3D%22&amp;key=AIzaSyAy9VVXHSpS2IJpptzYtGbLP3-3_l0aBk4</t>
  </si>
  <si>
    <t>http:///batch?%24ct=multipart%2Fmixed%3B%20boundary%3D%22%3D%3D%3D%3D%3Dn3tkcwwvsz70%3D%3D%3D%3D%3D%22&amp;key=AIzaSyAy9VVXHSpS2IJpptzYtGbLP3-3_l0aBk4</t>
  </si>
  <si>
    <t>10.200.60.15</t>
  </si>
  <si>
    <t>48-51-B7-89-8F-C8</t>
  </si>
  <si>
    <t>NB-GUILHERMEDSF</t>
  </si>
  <si>
    <t>guilhermedsf</t>
  </si>
  <si>
    <t>C:\Users\guilhermedsf\Documents\</t>
  </si>
  <si>
    <t>Template_-_Prorrogacao_de_Titulos Gran.xlsx</t>
  </si>
  <si>
    <t>mail.google.com/_/upload?authuser=0&amp;dcp=asu-n&amp;upload_id=AEnB2UpGPvE5YTVLIPc0LSuQVh6JvRI84FO8jeMDFSuG1-9ayhqRC7w244Ok7wpqI1FAZgkaYZ7r_krfIa7oI_wGGYq95EyeNcnOC2JpWKWqZmJ7wNkI1Qg&amp;upload_protocol=resumable</t>
  </si>
  <si>
    <t>brunowp@algartech.com;humbertopj@algartech.com;leandrolds@algartech.com;lucianarba@algartech.com;patriciaars@algartech.com;ricardobal@algartech.com;</t>
  </si>
  <si>
    <t>\\acsfs\deptos\CAS - Coordenação de Arquitetura de Soluções\Projetos\2020\Unica\225399 - TRIBANCO - Readequação Contrato Operação Única\Preço\</t>
  </si>
  <si>
    <t>225399 - Readequação Contrato UNICA Plan Precificacao C019 B019.xlsb</t>
  </si>
  <si>
    <t>brunowp@algartech.com,humbertopj@algartech.com,leandrolds@algartech.com,lucianarba@algartech.com,patriciaars@algartech.com,ricardobal@algartech.com</t>
  </si>
  <si>
    <t>\\acsfs\deptos\CAS - Coordenação de Arquitetura de Soluções\Projetos\2020\Unica\225399 - TRIBANCO - Readequação Contrato Operação Única\Preço\225399 - Readequação Contrato UNICA Plan Precificacao C019 B019.xlsb\</t>
  </si>
  <si>
    <t>SERVICE DESK CARTÕES/MOBILE - UBERLÂNDIA</t>
  </si>
  <si>
    <t>10.200.58.7</t>
  </si>
  <si>
    <t>FC-01-7C-B3-BD-FD</t>
  </si>
  <si>
    <t>NB-ALINESF</t>
  </si>
  <si>
    <t>alinesf</t>
  </si>
  <si>
    <t>C:\Users\alinesf\Desktop\</t>
  </si>
  <si>
    <t>Equipe.xlsx</t>
  </si>
  <si>
    <t>"mimetype":"appl,ance,ancestorhasaugmentedpermissions,containsunsubscribedchildren,displayname,domain,emailaddress,emepo' in parents&amp;fields=kind,emepo?opendrive=false&amp;reason=102&amp;synctype=0&amp;errorrecovery=false&amp;fields=kind,emepo?opendrive=false&amp;reason=1412&amp;synctype=0&amp;errorrecovery=false&amp;fields=kind,exp,file(kind,fileid,filesize,hasthumbnail,hasvisitorpermissions,id,id),items(deleted,items(kind,ken,kind,lastmodifyinguser(kind,lastviewedbymedate,mod,modifiedbymedate,modifieddate,nextpagetoken,ontainsunsubscribedchildren,owners(kind,per,permi,permiss,permissionid,pic,pict,pictu,picture,rpermissions,s",shared,sharedwithmedate,thumbnailversion,title,userpermission(role),workspaceids</t>
  </si>
  <si>
    <t>\\acsfs\dsti\DNSG - Gerencia Service Desk\2 - Operações\2.4 - Bradesco\2.4.1 - Gestão da Área\1.1 - Administrativo\Contábil\</t>
  </si>
  <si>
    <t>BANCO BRADESCO CARTOES - DEZEMBRO.xlsx</t>
  </si>
  <si>
    <t>"mimetype":"appl,ance,ancest,ancestorhasaugmentedpermissions,con,containsunsubscribedchildren,displayname,domain,emailaddress,emepo' in parents&amp;fields=kind,emepo?opendrive=false&amp;reason=102&amp;synctype=0&amp;errorrecovery=false&amp;fields=kind,emepo?opendrive=false&amp;reason=1412&amp;synctype=0&amp;errorrecovery=false&amp;fields=kind,es - dezembro' and title contains 'xlsx' and trashed = false and '1jdftaecncn8z2oig__im_iisvccemepo' in parents&amp;fields=kind,exp,file(kind,fileid,filesize,hasthumbnail,hasvisitorpermissions,id,id),items(deleted,items(kind,ken,kind,lastmodifyinguser(kind,lastviewedbymedate,mod,modifiedbymedate,modifieddate,nextpagetoken,ontainsunsubscribedchildren,owners(kind,per,permi,permiss,permissionid,pic,pict,pictu,picture,picture�,rpermissions,s",shared,sharedwithmedate,thumbnailversion,title,userpermission(role),workspaceids</t>
  </si>
  <si>
    <t>JULIANA - RECISÃO.zip</t>
  </si>
  <si>
    <t>C:\Users\robsonams\Desktop\JULIANA - RECISÃO.zip\</t>
  </si>
  <si>
    <t>JULIANA - RECISÇO.pdf</t>
  </si>
  <si>
    <t>https://algar.folhasinergyrh.com.br/rescisao/upload?id=0&amp;idsolicitacao=18175&amp;idprerescisao=0</t>
  </si>
  <si>
    <t>06/01/2020;</t>
  </si>
  <si>
    <t>https://06/01/2020</t>
  </si>
  <si>
    <t>https://algar.folhasinergyrh.com.br/rescisao/upload?id=0&amp;idsolicitacao=0&amp;idprerescisao=1659</t>
  </si>
  <si>
    <t>10.200.58.94</t>
  </si>
  <si>
    <t>D8-9C-67-6F-2A-E9</t>
  </si>
  <si>
    <t>\\acsfs\dsti\Precificações\09 - TESTES\2019\11 - Novembro\Comparativos GAT\</t>
  </si>
  <si>
    <t>214269_Bradesco_SD_Cenário_01_24_JR_(C018_B018)_v3 - bp novo.xlsb</t>
  </si>
  <si>
    <t>\\acsfs\dsti\Precificações\09 - TESTES\2019\11 - Novembro\Comparativos GAT\214269_Bradesco_SD_Cenário_01_24_JR_(C018_B018)_v3 - bp novo.xlsb\</t>
  </si>
  <si>
    <t>mail.google.com/_/upload?authuser=0&amp;dcp=asu-n&amp;upload_id=AEnB2UpHc15e_MsYbUX_ED9iRTJEolnj5WvVQEKMTcGGEmtbTv6VF2mTjMxMmm8EaL_nXLlxKjdeMt_iLuiuz4RVcPbii1L_pw&amp;upload_protocol=resumable</t>
  </si>
  <si>
    <t>217469-IBM_Michelin_Atual_2020_(C018_B018).xlsb</t>
  </si>
  <si>
    <t>\\acsfs\dsti\Precificações\09 - TESTES\2019\11 - Novembro\Comparativos GAT\217469-IBM_Michelin_Atual_2020_(C018_B018).xlsb\</t>
  </si>
  <si>
    <t>ricardobal@algartech.com</t>
  </si>
  <si>
    <t>Formulário Solicitações de Férias Irregulares JAN 2020.xls</t>
  </si>
  <si>
    <t>lu97481504y.tmp</t>
  </si>
  <si>
    <t>\\acsfs\profiles$\Flaviojmm\My Documents\lu97481504y.tmp</t>
  </si>
  <si>
    <t>\\acsfs\profiles$\Flaviojmm\My Documents\lu97481504y.tmp\</t>
  </si>
  <si>
    <t>\\acsfs\profiles$\Flaviojmm\My Documents\lu97481504y.tmp\META-INF\</t>
  </si>
  <si>
    <t>\\acsfs\profiles$\Flaviojmm\My Documents\lu97481504y.tmp\Thumbnails\</t>
  </si>
  <si>
    <t>23bbf44f-1dcf-43fc-b9f4-8a56ce3d0826.tmp</t>
  </si>
  <si>
    <t>\\acsfs\profiles$\matheushds\Downloads\23bbf44f-1dcf-43fc-b9f4-8a56ce3d0826.tmp</t>
  </si>
  <si>
    <t>fd769010-5ac3-4d56-9dfd-27cd6690bb74.tmp</t>
  </si>
  <si>
    <t>\\acsfs\profiles$\quindaizaagds\Downloads\fd769010-5ac3-4d56-9dfd-27cd6690bb74.tmp</t>
  </si>
  <si>
    <t>43320d3a-3ef9-4434-b4ea-428aa138143e.tmp</t>
  </si>
  <si>
    <t>\\acsfs\profiles$\gabrielafs\Downloads\43320d3a-3ef9-4434-b4ea-428aa138143e.tmp</t>
  </si>
  <si>
    <t>4edf91af-c23b-4714-b3b8-1fdd03fe779a.tmp</t>
  </si>
  <si>
    <t>\\acsfs\profiles$\lorenabmc\Downloads\4edf91af-c23b-4714-b3b8-1fdd03fe779a.tmp</t>
  </si>
  <si>
    <t>10.211.3.96</t>
  </si>
  <si>
    <t>64-1C-67-9C-32-4A</t>
  </si>
  <si>
    <t>SPTI-340009443</t>
  </si>
  <si>
    <t>tatiane.rodrigues</t>
  </si>
  <si>
    <t>T:\02 - FATURAMENTO\Base GAT\GAT - Planejamento e Gestao\Relatorio Base - GAT\Lista Clientes GAT\</t>
  </si>
  <si>
    <t>Clientes da Base_GAT.xlsx</t>
  </si>
  <si>
    <t>formulário - feedback registrado erica.doc</t>
  </si>
  <si>
    <t>formulário - feedback registrado luana.doc</t>
  </si>
  <si>
    <t>formulário - feedback registrado natalia.doc</t>
  </si>
  <si>
    <t>formulário - feedback registrado quindaiza.doc</t>
  </si>
  <si>
    <t>5881fd0d-90fc-496b-a508-ee701faf2778.tmp</t>
  </si>
  <si>
    <t>\\acsfs\profiles$\ROZENCAM\Downloads\5881fd0d-90fc-496b-a508-ee701faf2778.tmp</t>
  </si>
  <si>
    <t>\\acsfs\profiles$\brendavdoa\Downloads\</t>
  </si>
  <si>
    <t>a67d9e3f-8b30-48c8-a658-ab6d00c09bba.tmp</t>
  </si>
  <si>
    <t>\\acsfs\profiles$\brendavdoa\Downloads\a67d9e3f-8b30-48c8-a658-ab6d00c09bba.tmp</t>
  </si>
  <si>
    <t>leonardofdsa_admin</t>
  </si>
  <si>
    <t>C:\Users\andersonrm\Contacts\</t>
  </si>
  <si>
    <t>C:\Users\andersonrm\Desktop\</t>
  </si>
  <si>
    <t>C:\Users\andersonrm\Documents\</t>
  </si>
  <si>
    <t>C:\Users\andersonrm\Downloads\</t>
  </si>
  <si>
    <t>C:\Users\andersonrm\Favorites\</t>
  </si>
  <si>
    <t>C:\Users\andersonrm\Links\</t>
  </si>
  <si>
    <t>C:\Users\andersonrm\Music\</t>
  </si>
  <si>
    <t>C:\Users\andersonrm\Pictures\</t>
  </si>
  <si>
    <t>C:\Users\andersonrm\Saved Games\</t>
  </si>
  <si>
    <t>C:\Users\andersonrm\Searches\</t>
  </si>
  <si>
    <t>C:\Users\andersonrm\Videos\</t>
  </si>
  <si>
    <t>C:\Users\andersonrm\Favorites\Links\</t>
  </si>
  <si>
    <t>C:\Users\andersonrm\Favorites\Links for Brasil\</t>
  </si>
  <si>
    <t>C:\Users\arthurfr\Contacts\</t>
  </si>
  <si>
    <t>C:\Users\arthurfr\Desktop\</t>
  </si>
  <si>
    <t>C:\Users\arthurfr\Documents\</t>
  </si>
  <si>
    <t>C:\Users\arthurfr\Downloads\</t>
  </si>
  <si>
    <t>C:\Users\arthurfr\Favorites\</t>
  </si>
  <si>
    <t>a14efd2d-08ed-4d6f-8048-c140e6eb5b45.tmp</t>
  </si>
  <si>
    <t>\\acsfs\profiles$\lorrainerdl\Downloads\a14efd2d-08ed-4d6f-8048-c140e6eb5b45.tmp</t>
  </si>
  <si>
    <t>C:\Users\arthurfr\Links\</t>
  </si>
  <si>
    <t>C:\Users\arthurfr\Music\</t>
  </si>
  <si>
    <t>C:\Users\arthurfr\Pictures\</t>
  </si>
  <si>
    <t>C:\Users\arthurfr\Saved Games\</t>
  </si>
  <si>
    <t>C:\Users\arthurfr\Searches\</t>
  </si>
  <si>
    <t>C:\Users\arthurfr\Videos\</t>
  </si>
  <si>
    <t>C:\Users\arthurfr\Favorites\Links\</t>
  </si>
  <si>
    <t>C:\Users\arthurfr\Favorites\Links for Brasil\</t>
  </si>
  <si>
    <t>C:\Users\danielsmo\Contacts\</t>
  </si>
  <si>
    <t>C:\Users\danielsmo\Desktop\</t>
  </si>
  <si>
    <t>C:\Users\danielsmo\Documents\</t>
  </si>
  <si>
    <t>C:\Users\danielsmo\Downloads\</t>
  </si>
  <si>
    <t>C:\Users\danielsmo\Favorites\</t>
  </si>
  <si>
    <t>C:\Users\danielsmo\Links\</t>
  </si>
  <si>
    <t>C:\Users\danielsmo\Music\</t>
  </si>
  <si>
    <t>C:\Users\danielsmo\Pictures\</t>
  </si>
  <si>
    <t>C:\Users\danielsmo\Saved Games\</t>
  </si>
  <si>
    <t>C:\Users\danielsmo\Searches\</t>
  </si>
  <si>
    <t>C:\Users\danielsmo\Videos\</t>
  </si>
  <si>
    <t>mail.google.com/_/upload?authuser=1&amp;dcp=asu-n&amp;upload_id=AEnB2UqRoWdgPfMRpWDyoWp0ObX_aA8gCCFqUcj0T7WLGrtM118wyvZgE7wod5hcgQwF1YggdQPpnlvdhjcrk6adOhbjnY2u4A&amp;upload_protocol=resumable</t>
  </si>
  <si>
    <t>C:\_Marco Tulio\0 - Coach\2 - Qualidade\02 - Gerencial\09 - Rateio\2019\201912 Dezembro\</t>
  </si>
  <si>
    <t>ESFORÇO - Dezembro.xlsm</t>
  </si>
  <si>
    <t>a53d5f68-b8f3-4d4d-8951-6db64635aee7.tmp</t>
  </si>
  <si>
    <t>\\acsfs\profiles$\larissaad\Downloads\a53d5f68-b8f3-4d4d-8951-6db64635aee7.tmp</t>
  </si>
  <si>
    <t>ee43da61-cc81-4bb7-a728-2468ffde7f8b.tmp</t>
  </si>
  <si>
    <t>\\acsfs\profiles$\gabrielafs\Downloads\ee43da61-cc81-4bb7-a728-2468ffde7f8b.tmp</t>
  </si>
  <si>
    <t>.~lock.RENEG BV - Venc 08.01.2020.ods#</t>
  </si>
  <si>
    <t>\\acsfs\profiles$\LUCASBS\RENEG BV\.~lock.RENEG BV - Venc 08.01.2020.ods#</t>
  </si>
  <si>
    <t>lu91924cls1.tmp</t>
  </si>
  <si>
    <t>\\acsfs\profiles$\LUCASBS\RENEG BV\lu91924cls1.tmp</t>
  </si>
  <si>
    <t>\\acsfs\profiles$\LUCASBS\RENEG BV\lu91924cls1.tmp\</t>
  </si>
  <si>
    <t>\\acsfs\profiles$\LUCASBS\RENEG BV\lu91924cls1.tmp\META-INF\</t>
  </si>
  <si>
    <t>\\acsfs\profiles$\LUCASBS\RENEG BV\lu91924cls1.tmp\Thumbnails\</t>
  </si>
  <si>
    <t>carlosfn@algartech.com;marissaar@algartech.com;saramfg@algartech.com;victorhsr@algartech.com;</t>
  </si>
  <si>
    <t>\\ACSFS\Engeset\FINANCEIRO_ULA\CONTROLA\SG\00 - Aplicações\05- Forecast\</t>
  </si>
  <si>
    <t>carlosfn@algartech.com,marissaar@algartech.com,saramfg@algartech.com,victorhsr@algartech.com</t>
  </si>
  <si>
    <t>10.200.58.65</t>
  </si>
  <si>
    <t>D8-9C-67-4D-99-3B</t>
  </si>
  <si>
    <t>NB-ALEXSANDRODM</t>
  </si>
  <si>
    <t>alexsandrodmju</t>
  </si>
  <si>
    <t>C:\Users\alexsandrodmju\Downloads\</t>
  </si>
  <si>
    <t>classificacao-de-atendimento_5e134aef3eefc.csv</t>
  </si>
  <si>
    <t>mail.google.com/_/upload?authuser=1&amp;dcp=asu-n&amp;upload_id=AEnB2Up4Wjuq4qrJHuFh7Tt8LNmK7k-qRWg920Ix5MmD7Dw9kVi2LsUVEzct4QQB-fFyuhLJNkUqNYhsDyfCEAmSjPcU6elAdg&amp;upload_protocol=resumable</t>
  </si>
  <si>
    <t>C:\Users\alexsandrodmju\Documents\Documentos\Duda\Sub-Demandas\Categorizações\</t>
  </si>
  <si>
    <t>0e7255b3-95ad-44d0-82bc-2db35e6598dc.tmp</t>
  </si>
  <si>
    <t>\\acsfs\profiles$\lorrainerdl\Downloads\0e7255b3-95ad-44d0-82bc-2db35e6598dc.tmp</t>
  </si>
  <si>
    <t>lu111788tsw397.tmp</t>
  </si>
  <si>
    <t>\\acsfs\profiles$\BRUNAAR\Numero\lu111788tsw397.tmp</t>
  </si>
  <si>
    <t>64d3baa4-1af7-4539-947b-8b3f54b17846.tmp</t>
  </si>
  <si>
    <t>\\acsfs\profiles$\henriquehmdo\Downloads\64d3baa4-1af7-4539-947b-8b3f54b17846.tmp</t>
  </si>
  <si>
    <t>mail.google.com/sync/u/0/i/s?hl=pt-BR&amp;c=572</t>
  </si>
  <si>
    <t>mail.google.com/sync/u/0/i/s?hl=pt-BR&amp;c=583</t>
  </si>
  <si>
    <t>mail.google.com/sync/u/0/i/s?hl=pt-BR&amp;c=585</t>
  </si>
  <si>
    <t>mail.google.com/sync/u/0/i/s?hl=pt-BR&amp;c=590</t>
  </si>
  <si>
    <t>mail.google.com/sync/u/0/i/s?hl=pt-BR&amp;c=592</t>
  </si>
  <si>
    <t>mail.google.com/sync/u/0/i/s?hl=pt-BR&amp;c=594</t>
  </si>
  <si>
    <t>mail.google.com/sync/u/0/i/s?hl=pt-BR&amp;c=601</t>
  </si>
  <si>
    <t>6755be60-fdc7-42b1-8bf2-3fc1ecc9aa18.tmp</t>
  </si>
  <si>
    <t>\\acsfs\profiles$\gabrielarb\Downloads\6755be60-fdc7-42b1-8bf2-3fc1ecc9aa18.tmp</t>
  </si>
  <si>
    <t>lu2060117c0.tmp</t>
  </si>
  <si>
    <t>\\acsfs\profiles$\CLAUDIAJCA\Reneg 18-12\lu2060117c0.tmp</t>
  </si>
  <si>
    <t>2a0cf2db-8dc2-4ccb-adb5-9cc5db559a8c.tmp</t>
  </si>
  <si>
    <t>\\acsfs\profiles$\milenaas\Downloads\2a0cf2db-8dc2-4ccb-adb5-9cc5db559a8c.tmp</t>
  </si>
  <si>
    <t>2d0f4136-82a9-433b-a43b-fe65da6d095a.tmp</t>
  </si>
  <si>
    <t>\\acsfs\profiles$\geovannasm\Downloads\2d0f4136-82a9-433b-a43b-fe65da6d095a.tmp</t>
  </si>
  <si>
    <t>90a5cd80-58a9-4464-a7f5-5d513b94fd37.tmp</t>
  </si>
  <si>
    <t>\\acsfs\profiles$\geovannasm\Downloads\90a5cd80-58a9-4464-a7f5-5d513b94fd37.tmp</t>
  </si>
  <si>
    <t>10.200.60.136</t>
  </si>
  <si>
    <t>D4-6A-6A-F9-D4-25</t>
  </si>
  <si>
    <t>Gestão de Reajustes 2019 v8.1 20_12 - carlosfn.xlsx</t>
  </si>
  <si>
    <t>44995098-2ece-4aa2-83c0-7eb27062418e.tmp</t>
  </si>
  <si>
    <t>\\acsfs\profiles$\rafaelahpn\Downloads\44995098-2ece-4aa2-83c0-7eb27062418e.tmp</t>
  </si>
  <si>
    <t>fb7c3042-a17b-48e0-bf7d-19f315828d92.tmp</t>
  </si>
  <si>
    <t>\\acsfs\profiles$\rafaelahpn\Downloads\fb7c3042-a17b-48e0-bf7d-19f315828d92.tmp</t>
  </si>
  <si>
    <t>mail.google.com/_/upload?authuser=1&amp;dcp=asu-n&amp;upload_id=AEnB2Uoj-fnmN-tXzGnm4pzKlsgNlkGMvvFSxgnjGK7ptJdv36iTpVESOCDojVuqCzuqi28S2vFXzUyzoiu54lGtCXdPbqrbug&amp;upload_protocol=resumable</t>
  </si>
  <si>
    <t>PRESIDENCIA / DIR. FINANCEIRA</t>
  </si>
  <si>
    <t>10.200.58.163</t>
  </si>
  <si>
    <t>D0-94-66-A2-57-F0</t>
  </si>
  <si>
    <t>ATDIRETORIA-02</t>
  </si>
  <si>
    <t>virginiamb</t>
  </si>
  <si>
    <t>c:\users\virginiamb\downloads\</t>
  </si>
  <si>
    <t>calendário de governança_2020 (9).xlsx</t>
  </si>
  <si>
    <t>\\acsfs\profiles$\CLAUDIAJCA\Reneg 18-12\lu2060117c0.tmp\</t>
  </si>
  <si>
    <t>\\acsfs\profiles$\CLAUDIAJCA\Reneg 18-12\lu2060117c0.tmp\META-INF\</t>
  </si>
  <si>
    <t>\\acsfs\profiles$\CLAUDIAJCA\Reneg 18-12\lu2060117c0.tmp\Thumbnails\</t>
  </si>
  <si>
    <t>0990f893-9edc-447d-b84c-f02085e32545.tmp</t>
  </si>
  <si>
    <t>\\acsfs\profiles$\adelvinsonle\Downloads\0990f893-9edc-447d-b84c-f02085e32545.tmp</t>
  </si>
  <si>
    <t>10.200.67.169</t>
  </si>
  <si>
    <t>74-86-7A-FB-18-C1</t>
  </si>
  <si>
    <t>VOTORANT-GB006</t>
  </si>
  <si>
    <t>deboragr</t>
  </si>
  <si>
    <t>https://udpwfmniceap02/web/guest/home?p_auth=xtco9kyh&amp;p_p_id=58&amp;p_p_lifecycle=1&amp;p_p_state=maximized&amp;p_p_mode=view&amp;savelastpath=0&amp;_58_struts_action=/login/forgot_password</t>
  </si>
  <si>
    <t>http:///batch?%24ct=multipart%2Fmixed%3B%20boundary%3D%22%3D%3D%3D%3D%3D9nmeizkxtc6w%3D%3D%3D%3D%3D%22&amp;key=AIzaSyAy9VVXHSpS2IJpptzYtGbLP3-3_l0aBk4</t>
  </si>
  <si>
    <t>ancestorhasaugmentedpermissions;containsunsubscribedchildren;displayname;domain;emailaddress;explicitlytrashed;filesize;hast;hasthumbnail;hasvisitorpermissions;id;id);items(kind;ken;lastmodifyinguser(kind;lastviewedbymedate;mime;modifiedbymedate;modifieddate;ontainsunsubscribedchildren;owners(kind;permissionid;picture;shared;sharedwithmedate;thumbnailversion;title;userpermission(role);workspaceids;</t>
  </si>
  <si>
    <t>http://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re,shared,sharedwithmedate,thumbnailversion,title,userpermission(role),workspaceids</t>
  </si>
  <si>
    <t>C:\Users\gustavodsil\Desktop\Excel\</t>
  </si>
  <si>
    <t>EQUIPE GUSTAVO CRBV.xlsx</t>
  </si>
  <si>
    <t>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re,shared,sharedwithmedate,thumbnailversion,title,userpermission(role),workspaceids</t>
  </si>
  <si>
    <t>ancest;ancestorhasaugmentedpermissions;containsunsubscribedchildren;displayname;domain;emailaddress;explicitlytrashed;filesize;hast;hasthumbnail;hasvisitorpermissions;id;id);items(kind;ken;lastmodifyinguser(kind;lastviewedbymedate;mime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n4onqobjhh3s%3D%3D%3D%3D%3D%22&amp;key=AIzaSyAy9VVXHSpS2IJpptzYtGbLP3-3_l0aBk4</t>
  </si>
  <si>
    <t>afdf4e05-12c1-4de1-b88b-ef117312eaab.tmp</t>
  </si>
  <si>
    <t>\\acsfs\profiles$\rafaelahpn\Downloads\afdf4e05-12c1-4de1-b88b-ef117312eaab.tmp</t>
  </si>
  <si>
    <t>7203e64c-a60e-45ea-8eff-c1858694f22c.tmp</t>
  </si>
  <si>
    <t>\\acsfs\profiles$\rafaelahpn\Downloads\7203e64c-a60e-45ea-8eff-c1858694f22c.tmp</t>
  </si>
  <si>
    <t>andrelpsa@algartech.com;joaogvc@algartech.com;josiascdsj@algartech.com;leonardoao@algartech.com;marianadjc@algartech.com;maristelavodq@bv.algartech.com;paulacn@algartech.com;planejamentodeoperacoesetrafego@bv.com.br;qualidadealgarbv@algartech.com;rafaelggs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planejamentodeoperacoesetrafego@bv.com.br,qualidadealgarbv@algartech.com,rafaelggs@algartech.com,supervisaobancovotorantim@algartech.com,taysdss@algartech.com,thiagolrc@bv.algartech.com,viniciussg@algartech.com</t>
  </si>
  <si>
    <t>mail.google.com/sync/u/0/i/s?hl=pt-BR&amp;c=628</t>
  </si>
  <si>
    <t>mail.google.com/sync/u/0/i/s?hl=pt-BR&amp;c=638</t>
  </si>
  <si>
    <t>mail.google.com/sync/u/0/i/s?hl=pt-BR&amp;c=640</t>
  </si>
  <si>
    <t>mail.google.com/sync/u/0/i/s?hl=pt-BR&amp;c=644</t>
  </si>
  <si>
    <t>5c60b497-58c5-46cf-ab59-8db8a0966303.tmp</t>
  </si>
  <si>
    <t>\\acsfs\profiles$\lucasqdss\Downloads\5c60b497-58c5-46cf-ab59-8db8a0966303.tmp</t>
  </si>
  <si>
    <t>lu111788tsw39b.tmp</t>
  </si>
  <si>
    <t>\\acsfs\profiles$\BRUNAAR\Numero\lu111788tsw39b.tmp</t>
  </si>
  <si>
    <t>5c7f1d7c-4dd8-4968-a5a8-65e94434a2ab.tmp</t>
  </si>
  <si>
    <t>\\acsfs\profiles$\sarahbal\Downloads\5c7f1d7c-4dd8-4968-a5a8-65e94434a2ab.tmp</t>
  </si>
  <si>
    <t>731e318c-5e5d-4cb3-8f3a-c2c2b1fcf39b.tmp</t>
  </si>
  <si>
    <t>\\acsfs\profiles$\rafaelahpn\Downloads\731e318c-5e5d-4cb3-8f3a-c2c2b1fcf39b.tmp</t>
  </si>
  <si>
    <t>2bbda549-3bdf-4480-bb1e-de62305323ac.tmp</t>
  </si>
  <si>
    <t>\\acsfs\profiles$\ALYNYA\Downloads\2bbda549-3bdf-4480-bb1e-de62305323ac.tmp</t>
  </si>
  <si>
    <t>\\acsfs\DEPTOS\EDUCACAO EMPRESARIAL\2 - Operações\</t>
  </si>
  <si>
    <t>10.200.66.171</t>
  </si>
  <si>
    <t>WEDERSON BRUNO ALVES DOS REIS (23583).contact</t>
  </si>
  <si>
    <t>\\acsfs\profiles$\wedersonbadr\Contacts\WEDERSON BRUNO ALVES DOS REIS (23583).contact</t>
  </si>
  <si>
    <t>77b9a0d5-7c19-42ff-9ab8-cceb0d5d7a82.tmp</t>
  </si>
  <si>
    <t>\\acsfs\profiles$\sarahbal\Downloads\77b9a0d5-7c19-42ff-9ab8-cceb0d5d7a82.tmp</t>
  </si>
  <si>
    <t>fbfb3698-6483-4e72-97bd-843cc5867655.tmp</t>
  </si>
  <si>
    <t>\\acsfs\profiles$\gabrielaff\Downloads\fbfb3698-6483-4e72-97bd-843cc5867655.tmp</t>
  </si>
  <si>
    <t>83938463-6f0a-4681-a5d0-27b60e69af20.tmp</t>
  </si>
  <si>
    <t>\\acsfs\profiles$\geovannasm\Downloads\83938463-6f0a-4681-a5d0-27b60e69af20.tmp</t>
  </si>
  <si>
    <t>mail.google.com/sync/u/0/i/s?hl=pt-BR&amp;c=664</t>
  </si>
  <si>
    <t>mail.google.com/sync/u/0/i/s?hl=pt-BR&amp;c=676</t>
  </si>
  <si>
    <t>81e154d4-264e-466e-9c8a-6bf9c1ef413e.tmp</t>
  </si>
  <si>
    <t>\\acsfs\profiles$\laianear\Downloads\81e154d4-264e-466e-9c8a-6bf9c1ef413e.tmp</t>
  </si>
  <si>
    <t>0ecc2df6-4463-4179-a1b7-a76a6dc11b56.tmp</t>
  </si>
  <si>
    <t>\\acsfs\profiles$\geovannasm\Downloads\0ecc2df6-4463-4179-a1b7-a76a6dc11b56.tmp</t>
  </si>
  <si>
    <t>4b854069-7e60-4cce-8276-633ef22bfc73.tmp</t>
  </si>
  <si>
    <t>\\acsfs\profiles$\geovannasm\Downloads\4b854069-7e60-4cce-8276-633ef22bfc73.tmp</t>
  </si>
  <si>
    <t>mail.google.com/sync/u/0/i/s?hl=pt-BR&amp;c=686</t>
  </si>
  <si>
    <t>4700c801-bf9a-4dac-b293-47aa671a7cf7.tmp</t>
  </si>
  <si>
    <t>\\acsfs\profiles$\laianear\Downloads\4700c801-bf9a-4dac-b293-47aa671a7cf7.tmp</t>
  </si>
  <si>
    <t>http:///batch?%24ct=multipart%2Fmixed%3B%20boundary%3D%22%3D%3D%3D%3D%3Dc4wrhgg75kdi%3D%3D%3D%3D%3D%22&amp;key=AIzaSyAy9VVXHSpS2IJpptzYtGbLP3-3_l0aBk4</t>
  </si>
  <si>
    <t>http:///batch?%24ct=multipart%2Fmixed%3B%20boundary%3D%22%3D%3D%3D%3D%3D8zr1bvaer4ov%3D%3D%3D%3D%3D%22&amp;key=AIzaSyAy9VVXHSpS2IJpptzYtGbLP3-3_l0aBk4</t>
  </si>
  <si>
    <t>ancest;ancestorhasaugmentedpermissions;containsunsubscribedchildren;displayname;domain;emailaddress;explicitlytrashed;filesize;has;hasthumbnail;hasvisitorpermissions;id;id);items(kind;ken;lastmodifyinguser(kind;lastviewedbymedate;mim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,hasthumbnail,hasvisitorpermissions,id,id),items(kind,ken,lastmodifyinguser(kind,lastviewedbymedate,mim,modifiedbymedate,modifieddate,ontainsunsubscribedchildren,owners(kind,permissionid,pictu,picture,rpermissions,shared,sharedwithmedate,thumbnailversion,title,userpermission(role),workspaceids</t>
  </si>
  <si>
    <t>OUROCARD FACIL VISA.pdf</t>
  </si>
  <si>
    <t>Algar_Encrypted Files</t>
  </si>
  <si>
    <t>ancest,ancestorhasaugmentedpermissions,containsunsubscribedchildren,displayname,domain,emailaddress,explicitlytrashed,filesize,has,hasthumbnail,hasvisitorpermissions,id,id),items(kind,ken,lastmodifyinguser(kind,lastviewedbymedate,mim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smfmpuc9oynt%3D%3D%3D%3D%3D%22&amp;key=AIzaSyAy9VVXHSpS2IJpptzYtGbLP3-3_l0aBk4</t>
  </si>
  <si>
    <t>\\acsfs\profiles$\Angelicacldr\My Documents\xworkcenter\lex\</t>
  </si>
  <si>
    <t>\\acsfs\profiles$\Angelicacldr\My Documents\xworkcenter\lex\temp.tlx</t>
  </si>
  <si>
    <t>\\acsfs\profiles$\Angelicacldr\My Documents\dbxwc\</t>
  </si>
  <si>
    <t>dbxwc.xwc</t>
  </si>
  <si>
    <t>\\acsfs\profiles$\Angelicacldr\My Documents\dbxwc\dbxwc.xwc</t>
  </si>
  <si>
    <t>33a36cc7-1b6b-449c-8ba0-7e3f3adbca26.tmp</t>
  </si>
  <si>
    <t>\\acsfs\profiles$\anafsb\Downloads\33a36cc7-1b6b-449c-8ba0-7e3f3adbca26.tmp</t>
  </si>
  <si>
    <t>fab90d44-ec35-4ed1-887a-ab9214cf9d23.tmp</t>
  </si>
  <si>
    <t>\\acsfs\profiles$\anafsb\Downloads\fab90d44-ec35-4ed1-887a-ab9214cf9d23.tmp</t>
  </si>
  <si>
    <t>2bba71e9-927c-420e-8354-48f50b9b72af.tmp</t>
  </si>
  <si>
    <t>\\acsfs\profiles$\anafsb\Downloads\2bba71e9-927c-420e-8354-48f50b9b72af.tmp</t>
  </si>
  <si>
    <t>6dfe0e29-9d32-423c-8a85-b04332c3452a.tmp</t>
  </si>
  <si>
    <t>\\acsfs\profiles$\gabriellalpr\Downloads\6dfe0e29-9d32-423c-8a85-b04332c3452a.tmp</t>
  </si>
  <si>
    <t>834f9c0b-d6d6-40be-b52f-9cf9667410e8.tmp</t>
  </si>
  <si>
    <t>\\acsfs\profiles$\BRUNAAR\Downloads\834f9c0b-d6d6-40be-b52f-9cf9667410e8.tmp</t>
  </si>
  <si>
    <t>lu111788tsw39f.tmp</t>
  </si>
  <si>
    <t>\\acsfs\profiles$\BRUNAAR\Numero\lu111788tsw39f.tmp</t>
  </si>
  <si>
    <t>c:\users\gustavodsil\appdata\local\google\chrome\user data\default\file system\030\t\</t>
  </si>
  <si>
    <t>http://cscatende.algarnet.com.br/framework/licenciamento/request/checkconcorrencia.php</t>
  </si>
  <si>
    <t>http:///batch?%24ct=multipart%2Fmixed%3B%20boundary%3D%22%3D%3D%3D%3D%3Din85v42vsht9%3D%3D%3D%3D%3D%22&amp;key=AIzaSyAy9VVXHSpS2IJpptzYtGbLP3-3_l0aBk4</t>
  </si>
  <si>
    <t>http:///batch?%24ct=multipart%2Fmixed%3B%20boundary%3D%22%3D%3D%3D%3D%3Dp4nbgw44xhvc%3D%3D%3D%3D%3D%22&amp;key=AIzaSyAy9VVXHSpS2IJpptzYtGbLP3-3_l0aBk4</t>
  </si>
  <si>
    <t>9db8bb37-c6f4-4b5b-a51a-f58c62e8fe98.tmp</t>
  </si>
  <si>
    <t>\\acsfs\profiles$\anafsb\Downloads\9db8bb37-c6f4-4b5b-a51a-f58c62e8fe98.tmp</t>
  </si>
  <si>
    <t>24eb8ce6-45c3-49f8-8263-0f23071f33a5.tmp</t>
  </si>
  <si>
    <t>\\acsfs\profiles$\brendavdoa\Downloads\24eb8ce6-45c3-49f8-8263-0f23071f33a5.tmp</t>
  </si>
  <si>
    <t>c899439d-69d5-44eb-bfc4-f1a489eebfc5.tmp</t>
  </si>
  <si>
    <t>\\acsfs\profiles$\brendavdoa\Downloads\c899439d-69d5-44eb-bfc4-f1a489eebfc5.tmp</t>
  </si>
  <si>
    <t>c3973e68-db2c-4ba2-a58d-43f76730d1d6.tmp</t>
  </si>
  <si>
    <t>\\acsfs\profiles$\gabrielarb\Downloads\c3973e68-db2c-4ba2-a58d-43f76730d1d6.tmp</t>
  </si>
  <si>
    <t>455c4f54-6763-4964-88a7-11ba52b19d30.tmp</t>
  </si>
  <si>
    <t>\\acsfs\profiles$\gabrielarb\Downloads\455c4f54-6763-4964-88a7-11ba52b19d30.tmp</t>
  </si>
  <si>
    <t>23086ab2-1e96-4196-9d5b-25fc65c3834a.tmp</t>
  </si>
  <si>
    <t>\\acsfs\profiles$\marcosvnds\Downloads\23086ab2-1e96-4196-9d5b-25fc65c3834a.tmp</t>
  </si>
  <si>
    <t>91b063b2-fd44-43d4-8e6f-8014d512ea05.tmp</t>
  </si>
  <si>
    <t>\\acsfs\profiles$\marcosvnds\Downloads\91b063b2-fd44-43d4-8e6f-8014d512ea05.tmp</t>
  </si>
  <si>
    <t>906f616e-2a8b-41eb-830c-76b929dc2e61.tmp</t>
  </si>
  <si>
    <t>\\acsfs\profiles$\marcosvnds\Downloads\906f616e-2a8b-41eb-830c-76b929dc2e61.tmp</t>
  </si>
  <si>
    <t>a1143d31-109d-491d-a51c-86dbd45e3bb9.tmp</t>
  </si>
  <si>
    <t>\\acsfs\profiles$\marcosvnds\Downloads\a1143d31-109d-491d-a51c-86dbd45e3bb9.tmp</t>
  </si>
  <si>
    <t>87f3310b-dcb8-41c8-bc68-da10deab10ec.tmp</t>
  </si>
  <si>
    <t>\\acsfs\profiles$\marcosvnds\Downloads\87f3310b-dcb8-41c8-bc68-da10deab10ec.tmp</t>
  </si>
  <si>
    <t>90a5a855-a664-41d6-a07a-ddf7e2d27904.tmp</t>
  </si>
  <si>
    <t>\\acsfs\profiles$\laianear\Downloads\90a5a855-a664-41d6-a07a-ddf7e2d27904.tmp</t>
  </si>
  <si>
    <t>http:///batch?%24ct=multipart%2Fmixed%3B%20boundary%3D%22%3D%3D%3D%3D%3D8vukzpnvtabc%3D%3D%3D%3D%3D%22&amp;key=AIzaSyAy9VVXHSpS2IJpptzYtGbLP3-3_l0aBk4</t>
  </si>
  <si>
    <t>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95ea8888-d447-4574-9611-55e5f3a08351.tmp</t>
  </si>
  <si>
    <t>\\acsfs\profiles$\anafsb\Downloads\95ea8888-d447-4574-9611-55e5f3a08351.tmp</t>
  </si>
  <si>
    <t>b22c1de5-6ad1-47e3-a046-f98667f9ed47.tmp</t>
  </si>
  <si>
    <t>\\acsfs\profiles$\anafsb\Downloads\b22c1de5-6ad1-47e3-a046-f98667f9ed47.tmp</t>
  </si>
  <si>
    <t>d51e4563-e925-46a0-b45e-c496665d56d6.tmp</t>
  </si>
  <si>
    <t>\\acsfs\profiles$\regisedsj\Downloads\d51e4563-e925-46a0-b45e-c496665d56d6.tmp</t>
  </si>
  <si>
    <t>8ffa64dd-f354-4cd9-bdab-6747f79df579.tmp</t>
  </si>
  <si>
    <t>\\acsfs\profiles$\regisedsj\Downloads\8ffa64dd-f354-4cd9-bdab-6747f79df579.tmp</t>
  </si>
  <si>
    <t>76054172-17de-4449-af88-fab35bceee71.tmp</t>
  </si>
  <si>
    <t>\\acsfs\profiles$\leydianeamd\Downloads\76054172-17de-4449-af88-fab35bceee71.tmp</t>
  </si>
  <si>
    <t>Não confirmado 352858.crdownload</t>
  </si>
  <si>
    <t>\\acsfs\profiles$\leydianeamd\Downloads\Não confirmado 352858.crdownload</t>
  </si>
  <si>
    <t>12df33ad-9f86-4918-93e8-a2b3c1688fac.tmp</t>
  </si>
  <si>
    <t>\\acsfs\profiles$\leydianeamd\Downloads\12df33ad-9f86-4918-93e8-a2b3c1688fac.tmp</t>
  </si>
  <si>
    <t>fde4df69-3ab5-4eae-9a97-950f778992b4.tmp</t>
  </si>
  <si>
    <t>\\acsfs\profiles$\marcosvnds\Downloads\fde4df69-3ab5-4eae-9a97-950f778992b4.tmp</t>
  </si>
  <si>
    <t>afd743f7-f8b6-43a4-b720-171639aa4a93.tmp</t>
  </si>
  <si>
    <t>\\acsfs\profiles$\marcosvnds\Downloads\afd743f7-f8b6-43a4-b720-171639aa4a93.tmp</t>
  </si>
  <si>
    <t>cd15b387-24bf-424c-b0c2-d8a33e22d2a2.tmp</t>
  </si>
  <si>
    <t>\\acsfs\profiles$\marcosvnds\Downloads\cd15b387-24bf-424c-b0c2-d8a33e22d2a2.tmp</t>
  </si>
  <si>
    <t>~$ofertas_2210.xlsx</t>
  </si>
  <si>
    <t>\\acsfs\ACS\Gabriel da Silva\Contemporânea\VENDAS\~$ofertas_2210.xlsx</t>
  </si>
  <si>
    <t>~$consideracoes Rel BV.xlsx</t>
  </si>
  <si>
    <t>\\acsfs\ACS\Gabriel da Silva\Contemporânea\VENDAS\~$consideracoes Rel BV.xlsx</t>
  </si>
  <si>
    <t>660edf1b-6b6f-445a-a458-c339a959180d.tmp</t>
  </si>
  <si>
    <t>\\acsfs\profiles$\gabrielsma\Downloads\660edf1b-6b6f-445a-a458-c339a959180d.tmp</t>
  </si>
  <si>
    <t>Não confirmado 190655.crdownload</t>
  </si>
  <si>
    <t>\\acsfs\ACS\Gabriel da Silva\Contemporânea\VENDAS\Não confirmado 190655.crdownload</t>
  </si>
  <si>
    <t>Painel_Janeiro_2020.xlsx:Zone.Identifier</t>
  </si>
  <si>
    <t>\\acsfs\ACS\Gabriel da Silva\Contemporânea\VENDAS\Painel_Janeiro_2020.xlsx:Zone.Identifier</t>
  </si>
  <si>
    <t>e13b8c62-e536-49ae-a432-0ab005e6ed23.tmp</t>
  </si>
  <si>
    <t>\\acsfs\profiles$\gabrielsma\Downloads\e13b8c62-e536-49ae-a432-0ab005e6ed23.tmp</t>
  </si>
  <si>
    <t>798916af-12ab-4519-9dff-d32931054551.tmp</t>
  </si>
  <si>
    <t>\\acsfs\profiles$\gabrielsma\Downloads\798916af-12ab-4519-9dff-d32931054551.tmp</t>
  </si>
  <si>
    <t>Não confirmado 400826.crdownload</t>
  </si>
  <si>
    <t>\\acsfs\ACS\Gabriel da Silva\Contemporânea\VENDAS\Não confirmado 400826.crdownload</t>
  </si>
  <si>
    <t>Novo Relatório de Vendas.Jan20.zip:Zone.Identifier</t>
  </si>
  <si>
    <t>\\acsfs\ACS\Gabriel da Silva\Contemporânea\VENDAS\Novo Relatório de Vendas.Jan20.zip:Zone.Identifier</t>
  </si>
  <si>
    <t>bd9afba4-2738-4ad8-9fb4-f1f04c40a7f3.tmp</t>
  </si>
  <si>
    <t>\\acsfs\profiles$\rafaelahpn\Downloads\bd9afba4-2738-4ad8-9fb4-f1f04c40a7f3.tmp</t>
  </si>
  <si>
    <t>mail.google.com/sync/u/0/i/s?hl=pt-BR&amp;c=700</t>
  </si>
  <si>
    <t>mail.google.com/sync/u/0/i/s?hl=pt-BR&amp;c=703</t>
  </si>
  <si>
    <t>leonardoao@algartech.com;marianadjc@algartech.com;thiagordu@algartech.com;</t>
  </si>
  <si>
    <t>leonardoao@algartech.com,marianadjc@algartech.com,thiagordu@algartech.com</t>
  </si>
  <si>
    <t>mail.google.com/sync/u/0/i/s?hl=pt-BR&amp;c=705</t>
  </si>
  <si>
    <t>mail.google.com/sync/u/0/i/s?hl=pt-BR&amp;c=710</t>
  </si>
  <si>
    <t>mail.google.com/sync/u/0/i/s?hl=pt-BR&amp;c=712</t>
  </si>
  <si>
    <t>mail.google.com/sync/u/0/i/s?hl=pt-BR&amp;c=725</t>
  </si>
  <si>
    <t>mail.google.com/sync/u/0/i/s?hl=pt-BR&amp;c=734</t>
  </si>
  <si>
    <t>mail.google.com/sync/u/0/i/s?hl=pt-BR&amp;c=736</t>
  </si>
  <si>
    <t>mail.google.com/sync/u/0/i/s?hl=pt-BR&amp;c=738</t>
  </si>
  <si>
    <t>mail.google.com/sync/u/0/i/s?hl=pt-BR&amp;c=740</t>
  </si>
  <si>
    <t>mail.google.com/sync/u/0/i/s?hl=pt-BR&amp;c=744</t>
  </si>
  <si>
    <t>mail.google.com/sync/u/0/i/s?hl=pt-BR&amp;c=748</t>
  </si>
  <si>
    <t>mail.google.com/sync/u/0/i/s?hl=pt-BR&amp;c=750</t>
  </si>
  <si>
    <t>OPERACAO - NEXT (1).xlsx</t>
  </si>
  <si>
    <t>36a9da2c-5eeb-4c71-a3d8-df22932eb484.tmp</t>
  </si>
  <si>
    <t>\\acsfs\profiles$\adelvinsonle\Downloads\36a9da2c-5eeb-4c71-a3d8-df22932eb484.tmp</t>
  </si>
  <si>
    <t>lu111788tsw39j.tmp</t>
  </si>
  <si>
    <t>\\acsfs\profiles$\BRUNAAR\Numero\lu111788tsw39j.tmp</t>
  </si>
  <si>
    <t>lu111788tsw39n.tmp</t>
  </si>
  <si>
    <t>\\acsfs\profiles$\BRUNAAR\Numero\lu111788tsw39n.tmp</t>
  </si>
  <si>
    <t>3AE365B2.tmp</t>
  </si>
  <si>
    <t>\\acsfs\ACS\Gabriel da Silva\Contemporânea\3AE365B2.tmp</t>
  </si>
  <si>
    <t>ED66E751.tmp</t>
  </si>
  <si>
    <t>\\acsfs\ACS\Gabriel da Silva\Contemporânea\ED66E751.tmp</t>
  </si>
  <si>
    <t>9E588EDC.tmp</t>
  </si>
  <si>
    <t>\\acsfs\ACS\Gabriel da Silva\Contemporânea\9E588EDC.tmp</t>
  </si>
  <si>
    <t>~$BDBV.xlsm</t>
  </si>
  <si>
    <t>\\acsfs\ACS\Gabriel da Silva\Contemporânea\~$BDBV.xlsm</t>
  </si>
  <si>
    <t>9690e47e-ffb2-4678-9307-2298a6c9d94c.tmp</t>
  </si>
  <si>
    <t>\\acsfs\profiles$\ERICALSR\Downloads\9690e47e-ffb2-4678-9307-2298a6c9d94c.tmp</t>
  </si>
  <si>
    <t>mail.google.com/sync/u/0/i/s?hl=pt-BR&amp;c=764</t>
  </si>
  <si>
    <t>mail.google.com/sync/u/0/i/s?hl=pt-BR&amp;c=766</t>
  </si>
  <si>
    <t>mail.google.com/sync/u/0/i/s?hl=pt-BR&amp;c=768</t>
  </si>
  <si>
    <t>mail.google.com/sync/u/0/i/s?hl=pt-BR&amp;c=770</t>
  </si>
  <si>
    <t>karolynecj@algartech.com.br;leonardoao@algartech.com;marianadjc@algartech.com;thiagordu@algartech.com;</t>
  </si>
  <si>
    <t>karolynecj@algartech.com.br,leonardoao@algartech.com,marianadjc@algartech.com,thiagordu@algartech.com</t>
  </si>
  <si>
    <t>a9a19b46-f0f3-4d8f-bfbf-86555e287b85.tmp</t>
  </si>
  <si>
    <t>\\acsfs\profiles$\leticiala\Downloads\a9a19b46-f0f3-4d8f-bfbf-86555e287b85.tmp</t>
  </si>
  <si>
    <t>lu62232azc4gv.tmp</t>
  </si>
  <si>
    <t>\\acsfs\profiles$\ALYNYA\My Documents\lu62232azc4gv.tmp</t>
  </si>
  <si>
    <t>\\acsfs\profiles$\ALYNYA\My Documents\lu62232azc4gv.tmp\</t>
  </si>
  <si>
    <t>\\acsfs\profiles$\ALYNYA\My Documents\lu62232azc4gv.tmp\META-INF\</t>
  </si>
  <si>
    <t>\\acsfs\profiles$\ALYNYA\My Documents\lu62232azc4gv.tmp\Thumbnails\</t>
  </si>
  <si>
    <t>3bb90812-629f-447f-98dd-0c27614ef19b.tmp</t>
  </si>
  <si>
    <t>\\acsfs\profiles$\gabrielarb\Downloads\3bb90812-629f-447f-98dd-0c27614ef19b.tmp</t>
  </si>
  <si>
    <t>\\acsfs\profiles$\ciceraads\Contacts\</t>
  </si>
  <si>
    <t>CICERA ALEXANDRA DOS SANTOS (26365).contact</t>
  </si>
  <si>
    <t>\\acsfs\profiles$\ciceraads\Contacts\CICERA ALEXANDRA DOS SANTOS (26365).contact</t>
  </si>
  <si>
    <t>\\acsfs\profiles$\ciceraads\My Documents\My Videos\</t>
  </si>
  <si>
    <t>\\acsfs\profiles$\ciceraads\My Documents\My Videos\desktop.ini</t>
  </si>
  <si>
    <t>\\acsfs\profiles$\ciceraads\My Documents\My Pictures\</t>
  </si>
  <si>
    <t>\\acsfs\profiles$\ciceraads\My Documents\My Pictures\desktop.ini</t>
  </si>
  <si>
    <t>\\acsfs\profiles$\ciceraads\Contacts\desktop.ini</t>
  </si>
  <si>
    <t>\\acsfs\profiles$\ciceraads\Favorites\</t>
  </si>
  <si>
    <t>\\acsfs\profiles$\ciceraads\Favorites\desktop.ini</t>
  </si>
  <si>
    <t>\\acsfs\profiles$\ciceraads\My Documents\My Music\</t>
  </si>
  <si>
    <t>\\acsfs\profiles$\ciceraads\My Documents\My Music\desktop.ini</t>
  </si>
  <si>
    <t>\\acsfs\profiles$\ciceraads\Searches\</t>
  </si>
  <si>
    <t>\\acsfs\profiles$\ciceraads\Searches\desktop.ini</t>
  </si>
  <si>
    <t>\\acsfs\profiles$\ciceraads\Downloads\</t>
  </si>
  <si>
    <t>\\acsfs\profiles$\ciceraads\Downloads\desktop.ini</t>
  </si>
  <si>
    <t>\\acsfs\profiles$\ciceraads\My Documents\</t>
  </si>
  <si>
    <t>\\acsfs\profiles$\ciceraads\My Documents\desktop.ini</t>
  </si>
  <si>
    <t>\\acsfs\profiles$\ciceraads\Saved Games\</t>
  </si>
  <si>
    <t>\\acsfs\profiles$\ciceraads\Saved Games\desktop.ini</t>
  </si>
  <si>
    <t>\\acsfs\profiles$\ciceraads\Favorites\Links for Brasil\</t>
  </si>
  <si>
    <t>\\acsfs\profiles$\ciceraads\Favorites\Links for Brasil\desktop.ini</t>
  </si>
  <si>
    <t>\\acsfs\profiles$\ciceraads\Favorites\Links for Brasil\Microsoft Brasil.url</t>
  </si>
  <si>
    <t>lu111788tsw39r.tmp</t>
  </si>
  <si>
    <t>\\acsfs\profiles$\BRUNAAR\Numero\lu111788tsw39r.tmp</t>
  </si>
  <si>
    <t>0468fc08-12b9-4010-a316-b07b73085368.tmp</t>
  </si>
  <si>
    <t>\\acsfs\profiles$\LAISLG\Downloads\0468fc08-12b9-4010-a316-b07b73085368.tmp</t>
  </si>
  <si>
    <t>http:///batch?%24ct=multipart%2Fmixed%3B%20boundary%3D%22%3D%3D%3D%3D%3Dtahpljuh9e8g%3D%3D%3D%3D%3D%22&amp;key=AIzaSyAy9VVXHSpS2IJpptzYtGbLP3-3_l0aBk4</t>
  </si>
  <si>
    <t>http:///batch?%24ct=multipart%2Fmixed%3B%20boundary%3D%22%3D%3D%3D%3D%3Djk4nlfbek5j4%3D%3D%3D%3D%3D%22&amp;key=AIzaSyAy9VVXHSpS2IJpptzYtGbLP3-3_l0aBk4</t>
  </si>
  <si>
    <t>http:///batch?%24ct=multipart%2Fmixed%3B%20boundary%3D%22%3D%3D%3D%3D%3D6gu4g7qnl107%3D%3D%3D%3D%3D%22&amp;key=AIzaSyAy9VVXHSpS2IJpptzYtGbLP3-3_l0aBk4</t>
  </si>
  <si>
    <t>http:///batch?%24ct=multipart%2Fmixed%3B%20boundary%3D%22%3D%3D%3D%3D%3Dxnqpkbe9di0y%3D%3D%3D%3D%3D%22&amp;key=AIzaSyAy9VVXHSpS2IJpptzYtGbLP3-3_l0aBk4</t>
  </si>
  <si>
    <t>3f87a7f91c4d2e6f1cae0006abad1213e_u x-goog-authuser: 0 --=====xnqpkbe9di0y=====-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3f87a7f91c4d2e6f1cae0006abad1213e_u x-goog-authuser: 0 --=====xnqpkbe9di0y=====-- 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gwox7e7cq1py%3D%3D%3D%3D%3D%22&amp;key=AIzaSyAy9VVXHSpS2IJpptzYtGbLP3-3_l0aBk4</t>
  </si>
  <si>
    <t>http:///batch?%24ct=multipart%2Fmixed%3B%20boundary%3D%22%3D%3D%3D%3D%3Dv5xkkb2284u1%3D%3D%3D%3D%3D%22&amp;key=AIzaSyAy9VVXHSpS2IJpptzYtGbLP3-3_l0aBk4</t>
  </si>
  <si>
    <t>http:///batch?%24ct=multipart%2Fmixed%3B%20boundary%3D%22%3D%3D%3D%3D%3Dilv8xtaivn7o%3D%3D%3D%3D%3D%22&amp;key=AIzaSyAy9VVXHSpS2IJpptzYtGbLP3-3_l0aBk4</t>
  </si>
  <si>
    <t>http:///batch?%24ct=multipart%2Fmixed%3B%20boundary%3D%22%3D%3D%3D%3D%3D6k239xjr2cmp%3D%3D%3D%3D%3D%22&amp;key=AIzaSyAy9VVXHSpS2IJpptzYtGbLP3-3_l0aBk4</t>
  </si>
  <si>
    <t>http:///batch?%24ct=multipart%2Fmixed%3B%20boundary%3D%22%3D%3D%3D%3D%3Dqg4ei9l6xxkd%3D%3D%3D%3D%3D%22&amp;key=AIzaSyAy9VVXHSpS2IJpptzYtGbLP3-3_l0aBk4</t>
  </si>
  <si>
    <t>http:///batch?%24ct=multipart%2Fmixed%3B%20boundary%3D%22%3D%3D%3D%3D%3D9diu1eot06t6%3D%3D%3D%3D%3D%22&amp;key=AIzaSyAy9VVXHSpS2IJpptzYtGbLP3-3_l0aBk4</t>
  </si>
  <si>
    <t>http:///batch?%24ct=multipart%2Fmixed%3B%20boundary%3D%22%3D%3D%3D%3D%3Dp3cjaqv6vb1%3D%3D%3D%3D%3D%22&amp;key=AIzaSyAy9VVXHSpS2IJpptzYtGbLP3-3_l0aBk4</t>
  </si>
  <si>
    <t>55eeab09-9cbf-4852-a325-89c16ead1159.tmp</t>
  </si>
  <si>
    <t>\\acsfs\profiles$\leonardobb\Downloads\55eeab09-9cbf-4852-a325-89c16ead1159.tmp</t>
  </si>
  <si>
    <t>8a4c985b-8531-4697-a9e1-8a4ad542e7a8.tmp</t>
  </si>
  <si>
    <t>\\acsfs\profiles$\gabrielaff\Downloads\8a4c985b-8531-4697-a9e1-8a4ad542e7a8.tmp</t>
  </si>
  <si>
    <t>cddfd942-27dc-4685-a7cd-99e05dbbaa5d.tmp</t>
  </si>
  <si>
    <t>\\acsfs\profiles$\leticiala\Downloads\cddfd942-27dc-4685-a7cd-99e05dbbaa5d.tmp</t>
  </si>
  <si>
    <t>\\acsfs\profiles$\ciceraads\Favorites\Links for Brasil\Windows Brasil.url</t>
  </si>
  <si>
    <t>\\acsfs\profiles$\ciceraads\Favorites\Links for Brasil\MSN Brasil.url</t>
  </si>
  <si>
    <t>1dcd8e9f-e8eb-4928-a218-d199365fcca3.tmp</t>
  </si>
  <si>
    <t>\\acsfs\profiles$\nayarasds\Downloads\1dcd8e9f-e8eb-4928-a218-d199365fcca3.tmp</t>
  </si>
  <si>
    <t>http:///batch?%24ct=multipart%2Fmixed%3B%20boundary%3D%22%3D%3D%3D%3D%3Dc4ky59otqwd3%3D%3D%3D%3D%3D%22&amp;key=AIzaSyAy9VVXHSpS2IJpptzYtGbLP3-3_l0aBk4</t>
  </si>
  <si>
    <t>http:///batch?%24ct=multipart%2Fmixed%3B%20boundary%3D%22%3D%3D%3D%3D%3D4oz6eruehh5h%3D%3D%3D%3D%3D%22&amp;key=AIzaSyAy9VVXHSpS2IJpptzYtGbLP3-3_l0aBk4</t>
  </si>
  <si>
    <t>http:///batch?%24ct=multipart%2Fmixed%3B%20boundary%3D%22%3D%3D%3D%3D%3Ds1yq0iyh8uq%3D%3D%3D%3D%3D%22&amp;key=AIzaSyAy9VVXHSpS2IJpptzYtGbLP3-3_l0aBk4</t>
  </si>
  <si>
    <t>http:///batch?%24ct=multipart%2Fmixed%3B%20boundary%3D%22%3D%3D%3D%3D%3Ddnsme77zicxd%3D%3D%3D%3D%3D%22&amp;key=AIzaSyAy9VVXHSpS2IJpptzYtGbLP3-3_l0aBk4</t>
  </si>
  <si>
    <t>http:///batch?%24ct=multipart%2Fmixed%3B%20boundary%3D%22%3D%3D%3D%3D%3D576irt3llahl%3D%3D%3D%3D%3D%22&amp;key=AIzaSyAy9VVXHSpS2IJpptzYtGbLP3-3_l0aBk4</t>
  </si>
  <si>
    <t>http:///batch?%24ct=multipart%2Fmixed%3B%20boundary%3D%22%3D%3D%3D%3D%3Dmspdv3nrurfg%3D%3D%3D%3D%3D%22&amp;key=AIzaSyAy9VVXHSpS2IJpptzYtGbLP3-3_l0aBk4</t>
  </si>
  <si>
    <t>marianerdo</t>
  </si>
  <si>
    <t>\\acsfs\DEPTOS\EDUCACAO EMPRESARIAL\2 - Operações\0.01 BV CARTÕES\Mariane\</t>
  </si>
  <si>
    <t>recisão Thiago.zip</t>
  </si>
  <si>
    <t>C:\Users\camillarl\Desktop\recisão Thiago.zip\</t>
  </si>
  <si>
    <t>recisÆo Thiago.pdf</t>
  </si>
  <si>
    <t>https://algar.folhasinergyrh.com.br/rescisao/upload?id=0&amp;idsolicitacao=18232&amp;idprerescisao=0</t>
  </si>
  <si>
    <t>lu97481505b.tmp</t>
  </si>
  <si>
    <t>\\acsfs\profiles$\Flaviojmm\My Documents\lu97481505b.tmp</t>
  </si>
  <si>
    <t>\\acsfs\profiles$\Flaviojmm\My Documents\lu97481505b.tmp\</t>
  </si>
  <si>
    <t>\\acsfs\profiles$\Flaviojmm\My Documents\lu97481505b.tmp\META-INF\</t>
  </si>
  <si>
    <t>\\acsfs\profiles$\Flaviojmm\My Documents\lu97481505b.tmp\Thumbnails\</t>
  </si>
  <si>
    <t>wagnerhad</t>
  </si>
  <si>
    <t>\\acsfs\ACS\Gabriel da Silva\Contemporânea\BDBV\6B2047AB.tmp\</t>
  </si>
  <si>
    <t>\\acsfs\ACS\Gabriel da Silva\Contemporânea\BDBV\6B2047AB.tmp\:Zone.Identifier:$DATA</t>
  </si>
  <si>
    <t>f99eb4d7-2953-4b86-ab99-a7e088236369.tmp</t>
  </si>
  <si>
    <t>\\acsfs\profiles$\gabriellalpr\Downloads\f99eb4d7-2953-4b86-ab99-a7e088236369.tmp</t>
  </si>
  <si>
    <t>http:///batch?%24ct=multipart%2Fmixed%3B%20boundary%3D%22%3D%3D%3D%3D%3Dqnjri4owrrhe%3D%3D%3D%3D%3D%22&amp;key=AIzaSyAy9VVXHSpS2IJpptzYtGbLP3-3_l0aBk4</t>
  </si>
  <si>
    <t>http:///batch?%24ct=multipart%2Fmixed%3B%20boundary%3D%22%3D%3D%3D%3D%3Dqa7vaxmd6zfz%3D%3D%3D%3D%3D%22&amp;key=AIzaSyAy9VVXHSpS2IJpptzYtGbLP3-3_l0aBk4</t>
  </si>
  <si>
    <t>http:///batch?%24ct=multipart%2Fmixed%3B%20boundary%3D%22%3D%3D%3D%3D%3Df9yao5pfeour%3D%3D%3D%3D%3D%22&amp;key=AIzaSyAy9VVXHSpS2IJpptzYtGbLP3-3_l0aBk4</t>
  </si>
  <si>
    <t>http:///batch?%24ct=multipart%2Fmixed%3B%20boundary%3D%22%3D%3D%3D%3D%3Dusa1ps37eqbf%3D%3D%3D%3D%3D%22&amp;key=AIzaSyAy9VVXHSpS2IJpptzYtGbLP3-3_l0aBk4</t>
  </si>
  <si>
    <t>http:///batch?%24ct=multipart%2Fmixed%3B%20boundary%3D%22%3D%3D%3D%3D%3Dm9pvvh5piaq8%3D%3D%3D%3D%3D%22&amp;key=AIzaSyAy9VVXHSpS2IJpptzYtGbLP3-3_l0aBk4</t>
  </si>
  <si>
    <t>http:///batch?%24ct=multipart%2Fmixed%3B%20boundary%3D%22%3D%3D%3D%3D%3De5b7yzengemy%3D%3D%3D%3D%3D%22&amp;key=AIzaSyAy9VVXHSpS2IJpptzYtGbLP3-3_l0aBk4</t>
  </si>
  <si>
    <t>http://sdcatalogo.algartech.com:8080/usm/documents?&amp;sh=ybgrdasckchhkirfqdgr00yxm2c=&amp;portal=true&amp;sp=rriif</t>
  </si>
  <si>
    <t>C:\Users\marianerdo\Downloads\</t>
  </si>
  <si>
    <t>Dados Colaboradores_Parceiros_ALGAR VF.xls</t>
  </si>
  <si>
    <t>d0ddc76f-29e1-47e4-9039-83c30dad0a65.tmp</t>
  </si>
  <si>
    <t>\\acsfs\profiles$\laylaams\Downloads\d0ddc76f-29e1-47e4-9039-83c30dad0a65.tmp</t>
  </si>
  <si>
    <t>de8314c7-cbb8-4f2d-96f1-b301c2fb025f.tmp</t>
  </si>
  <si>
    <t>\\acsfs\profiles$\matheushds\Downloads\de8314c7-cbb8-4f2d-96f1-b301c2fb025f.tmp</t>
  </si>
  <si>
    <t>trataBaseVoz.xlsm</t>
  </si>
  <si>
    <t>\\acsfs\ACS\Gabriel da Silva\Contemporânea\NPS\NPS_Voz\trataBaseVoz.xlsm</t>
  </si>
  <si>
    <t>COORDENACAO DIVERSOS</t>
  </si>
  <si>
    <t>64-1C-67-9C-32-F8</t>
  </si>
  <si>
    <t>NB-RODRIGOM</t>
  </si>
  <si>
    <t>rodrigormc</t>
  </si>
  <si>
    <t>rodrigormc@algartech.com</t>
  </si>
  <si>
    <t>patriciaac@algartech.com;paulohm@algartech.com;vivianeppe@algartech.com;</t>
  </si>
  <si>
    <t>C:\Users\rodrigormc\Desktop\Daily\</t>
  </si>
  <si>
    <t>Daily Unificado Correntista_201912.xlsx</t>
  </si>
  <si>
    <t>patriciaac@algartech.com,paulohm@algartech.com,vivianeppe@algartech.com</t>
  </si>
  <si>
    <t>http:///batch?%24ct=multipart%2Fmixed%3B%20boundary%3D%22%3D%3D%3D%3D%3Diaudyrjxbal4%3D%3D%3D%3D%3D%22&amp;key=AIzaSyAy9VVXHSpS2IJpptzYtGbLP3-3_l0aBk4</t>
  </si>
  <si>
    <t>http:///batch?%24ct=multipart%2Fmixed%3B%20boundary%3D%22%3D%3D%3D%3D%3Des4cr5rktxk5%3D%3D%3D%3D%3D%22&amp;key=AIzaSyAy9VVXHSpS2IJpptzYtGbLP3-3_l0aBk4</t>
  </si>
  <si>
    <t>http:///batch?%24ct=multipart%2Fmixed%3B%20boundary%3D%22%3D%3D%3D%3D%3Dm15rr99zyns3%3D%3D%3D%3D%3D%22&amp;key=AIzaSyAy9VVXHSpS2IJpptzYtGbLP3-3_l0aBk4</t>
  </si>
  <si>
    <t>lu91924clsp.tmp</t>
  </si>
  <si>
    <t>\\acsfs\profiles$\LUCASBS\RENEG BV\lu91924clsp.tmp</t>
  </si>
  <si>
    <t>\\acsfs\profiles$\LUCASBS\RENEG BV\lu91924clsp.tmp\</t>
  </si>
  <si>
    <t>\\acsfs\profiles$\LUCASBS\RENEG BV\lu91924clsp.tmp\META-INF\</t>
  </si>
  <si>
    <t>\\acsfs\profiles$\LUCASBS\RENEG BV\lu91924clsp.tmp\Thumbnails\</t>
  </si>
  <si>
    <t>ecab13e6-88fb-40ae-a6d1-19ad6a82abd9.tmp</t>
  </si>
  <si>
    <t>\\acsfs\profiles$\laylaams\Downloads\ecab13e6-88fb-40ae-a6d1-19ad6a82abd9.tmp</t>
  </si>
  <si>
    <t>lu2260dfa7.tmp</t>
  </si>
  <si>
    <t>\\acsfs\profiles$\laylaams\My Documents\lu2260dfa7.tmp</t>
  </si>
  <si>
    <t>\\acsfs\profiles$\laylaams\My Documents\lu2260dfa7.tmp\</t>
  </si>
  <si>
    <t>\\acsfs\profiles$\laylaams\My Documents\lu2260dfa7.tmp\META-INF\</t>
  </si>
  <si>
    <t>\\acsfs\profiles$\laylaams\My Documents\lu2260dfa7.tmp\Thumbnails\</t>
  </si>
  <si>
    <t>lu2060117ch.tmp</t>
  </si>
  <si>
    <t>\\acsfs\profiles$\CLAUDIAJCA\Reneg 18-12\lu2060117ch.tmp</t>
  </si>
  <si>
    <t>\\acsfs\profiles$\CLAUDIAJCA\Reneg 18-12\lu2060117ch.tmp\</t>
  </si>
  <si>
    <t>\\acsfs\profiles$\CLAUDIAJCA\Reneg 18-12\lu2060117ch.tmp\META-INF\</t>
  </si>
  <si>
    <t>\\acsfs\profiles$\CLAUDIAJCA\Reneg 18-12\lu2060117ch.tmp\Thumbnails\</t>
  </si>
  <si>
    <t>C:\Users\polati\OneDrive - Grupo Algar\algar\BU Financeira 2020\objetivos e metas\</t>
  </si>
  <si>
    <t>Objetivos Diretores GRC e GST - 1Sem2020.xlsx</t>
  </si>
  <si>
    <t>\\acsfs\Deptos\EDUCACAO EMPRESARIAL\KÉSIA\Ligações 1º Ciclo - Janeiro 2020\</t>
  </si>
  <si>
    <t>ANDREA PAULA DA SILVA GOMES_1_6773760293185062027_1_32.wav</t>
  </si>
  <si>
    <t>\\acsfs\Deptos\EDUCACAO EMPRESARIAL\KÉSIA\Ligações 1º Ciclo - Janeiro 2020\ANDREA PAULA DA SILVA GOMES_1_6773760293185062027_1_32.wav</t>
  </si>
  <si>
    <t>lu145166npsc.tmp</t>
  </si>
  <si>
    <t>\\acsfs\profiles$\VIVIANALDS\My Documents\lu145166npsc.tmp</t>
  </si>
  <si>
    <t>\\acsfs\profiles$\VIVIANALDS\My Documents\lu145166npsc.tmp\</t>
  </si>
  <si>
    <t>\\acsfs\profiles$\VIVIANALDS\My Documents\lu145166npsc.tmp\META-INF\</t>
  </si>
  <si>
    <t>\\acsfs\profiles$\VIVIANALDS\My Documents\lu145166npsc.tmp\Thumbnails\</t>
  </si>
  <si>
    <t>042a287e-d182-4292-834f-37a30779d36f.tmp</t>
  </si>
  <si>
    <t>\\acsfs\profiles$\leonardobb\Downloads\042a287e-d182-4292-834f-37a30779d36f.tmp</t>
  </si>
  <si>
    <t>9b50faa8-b80b-4273-b95b-2ea2d15d88bb.tmp</t>
  </si>
  <si>
    <t>\\acsfs\profiles$\luanaagl\Downloads\9b50faa8-b80b-4273-b95b-2ea2d15d88bb.tmp</t>
  </si>
  <si>
    <t>cea885b4-1187-4e97-a6c1-e6a4309145be.tmp</t>
  </si>
  <si>
    <t>\\acsfs\profiles$\rafaelahpn\Downloads\cea885b4-1187-4e97-a6c1-e6a4309145be.tmp</t>
  </si>
  <si>
    <t>ccbb5846-3240-47e9-8928-a74d2619a23a.tmp</t>
  </si>
  <si>
    <t>\\acsfs\profiles$\inarajst\Downloads\ccbb5846-3240-47e9-8928-a74d2619a23a.tmp</t>
  </si>
  <si>
    <t>Contato Reneg Vencimento 08-01.zip</t>
  </si>
  <si>
    <t>\\acsfs\profiles$\CLAUDIAJCA\Reneg 18-12\Contato Reneg Vencimento 08-01.zip</t>
  </si>
  <si>
    <t>\\acsfs\profiles$\CLAUDIAJCA\Reneg 18-12\Contato Reneg Vencimento 08-01.zip\</t>
  </si>
  <si>
    <t>Contato Reneg Vencimento 08-01.ods</t>
  </si>
  <si>
    <t>\\acsfs\profiles$\CLAUDIAJCA\Reneg 18-12\Contato Reneg Vencimento 08-01.zip\Contato Reneg Vencimento 08-01.ods\</t>
  </si>
  <si>
    <t>\\acsfs\profiles$\CLAUDIAJCA\Reneg 18-12\Contato Reneg Vencimento 08-01.zip\Contato Reneg Vencimento 08-01.ods\META-INF\</t>
  </si>
  <si>
    <t>\\acsfs\profiles$\CLAUDIAJCA\Reneg 18-12\Contato Reneg Vencimento 08-01.zip\Contato Reneg Vencimento 08-01.ods\Thumbnails\</t>
  </si>
  <si>
    <t>Contato Reneg Vencimento 08-01 (2).zip</t>
  </si>
  <si>
    <t>\\acsfs\profiles$\CLAUDIAJCA\Reneg 18-12\Contato Reneg Vencimento 08-01 (2).zip</t>
  </si>
  <si>
    <t>\\acsfs\profiles$\CLAUDIAJCA\Reneg 18-12\Contato Reneg Vencimento 08-01 (2).zip\</t>
  </si>
  <si>
    <t>\\acsfs\profiles$\CLAUDIAJCA\Reneg 18-12\Contato Reneg Vencimento 08-01 (2).zip\Contato Reneg Vencimento 08-01.ods\</t>
  </si>
  <si>
    <t>\\acsfs\profiles$\CLAUDIAJCA\Reneg 18-12\Contato Reneg Vencimento 08-01 (2).zip\Contato Reneg Vencimento 08-01.ods\META-INF\</t>
  </si>
  <si>
    <t>\\acsfs\profiles$\CLAUDIAJCA\Reneg 18-12\Contato Reneg Vencimento 08-01 (2).zip\Contato Reneg Vencimento 08-01.ods\Thumbnails\</t>
  </si>
  <si>
    <t>mail.google.com/_/upload?authuser=0&amp;dcp=asu-n&amp;upload_id=AEnB2UpwUqIbUdm_rzqxEpm-gCt28OPDpLQCmoVK1kCHzN6AQ_myWMQdCBwVwtnDgplU-0AjgV_qlrRvIEVKJZ5anFSIRsGE4A&amp;upload_protocol=resumable</t>
  </si>
  <si>
    <t>Distribuição - Auditores - 1ª Semana.xls</t>
  </si>
  <si>
    <t>\\acsfs\Deptos\EDUCACAO EMPRESARIAL\KÉSIA\276C2D4C.tmp\</t>
  </si>
  <si>
    <t>\\acsfs\Deptos\EDUCACAO EMPRESARIAL\KÉSIA\276C2D4C.tmp\:Zone.Identifier:$DATA</t>
  </si>
  <si>
    <t>http:///batch?%24ct=multipart%2Fmixed%3B%20boundary%3D%22%3D%3D%3D%3D%3D2m067tfwz6wf%3D%3D%3D%3D%3D%22&amp;key=AIzaSyAy9VVXHSpS2IJpptzYtGbLP3-3_l0aBk4</t>
  </si>
  <si>
    <t>http:///batch?%24ct=multipart%2Fmixed%3B%20boundary%3D%22%3D%3D%3D%3D%3Dd2hbk9astlez%3D%3D%3D%3D%3D%22&amp;key=AIzaSyAy9VVXHSpS2IJpptzYtGbLP3-3_l0aBk4</t>
  </si>
  <si>
    <t>http:///batch?%24ct=multipart%2Fmixed%3B%20boundary%3D%22%3D%3D%3D%3D%3Daswa8ahvfel6%3D%3D%3D%3D%3D%22&amp;key=AIzaSyAy9VVXHSpS2IJpptzYtGbLP3-3_l0aBk4</t>
  </si>
  <si>
    <t>http:///batch?%24ct=multipart%2Fmixed%3B%20boundary%3D%22%3D%3D%3D%3D%3Dz5m2fb635iko%3D%3D%3D%3D%3D%22&amp;key=AIzaSyAy9VVXHSpS2IJpptzYtGbLP3-3_l0aBk4</t>
  </si>
  <si>
    <t>http:///batch?%24ct=multipart%2Fmixed%3B%20boundary%3D%22%3D%3D%3D%3D%3Dcezgc847sm7c%3D%3D%3D%3D%3D%22&amp;key=AIzaSyAy9VVXHSpS2IJpptzYtGbLP3-3_l0aBk4</t>
  </si>
  <si>
    <t>lu91924clsu.tmp</t>
  </si>
  <si>
    <t>\\acsfs\profiles$\LUCASBS\RENEG BV\lu91924clsu.tmp</t>
  </si>
  <si>
    <t>\\acsfs\profiles$\LUCASBS\RENEG BV\lu91924clsu.tmp\</t>
  </si>
  <si>
    <t>\\acsfs\profiles$\LUCASBS\RENEG BV\lu91924clsu.tmp\META-INF\</t>
  </si>
  <si>
    <t>\\acsfs\profiles$\LUCASBS\RENEG BV\lu91924clsu.tmp\Thumbnails\</t>
  </si>
  <si>
    <t>625ef52d-08a7-43a0-b324-5aa2247bb045.tmp</t>
  </si>
  <si>
    <t>\\acsfs\profiles$\karinarm\Downloads\625ef52d-08a7-43a0-b324-5aa2247bb045.tmp</t>
  </si>
  <si>
    <t>5abcf59a-1e95-41ad-9401-40f1142a5754.tmp</t>
  </si>
  <si>
    <t>\\acsfs\profiles$\brendavdoa\Downloads\5abcf59a-1e95-41ad-9401-40f1142a5754.tmp</t>
  </si>
  <si>
    <t>lu97481505o.tmp</t>
  </si>
  <si>
    <t>\\acsfs\profiles$\Flaviojmm\My Documents\lu97481505o.tmp</t>
  </si>
  <si>
    <t>Fechamento Dezembro_ UCB e VALE</t>
  </si>
  <si>
    <t>Dezembro_ VALE e UCB.xlsm</t>
  </si>
  <si>
    <t>\\acsfs\ACS\Gabriel da Silva\Contemporânea\NPS\EC4088D3.tmp\</t>
  </si>
  <si>
    <t>\\acsfs\ACS\Gabriel da Silva\Contemporânea\NPS\EC4088D3.tmp\:Zone.Identifier:$DATA</t>
  </si>
  <si>
    <t>\\acsfs\ACS\Gabriel da Silva\Contemporânea\NPS\NPS CONSIGNADO.xlsx\</t>
  </si>
  <si>
    <t>\\acsfs\ACS\Gabriel da Silva\Contemporânea\NPS\NPS CONSIGNADO.xlsx</t>
  </si>
  <si>
    <t>\\acsfs\ACS\Gabriel da Silva\Contemporânea\NPS\</t>
  </si>
  <si>
    <t>NPS CONSIGNADO.xlsx</t>
  </si>
  <si>
    <t>c8dfc7a0-4dad-429e-826b-85ee837351ad.tmp</t>
  </si>
  <si>
    <t>\\acsfs\profiles$\paulovadc\Downloads\c8dfc7a0-4dad-429e-826b-85ee837351ad.tmp</t>
  </si>
  <si>
    <t>1e38cff9-de38-487f-a6a7-d2ed3210e06d.tmp</t>
  </si>
  <si>
    <t>\\acsfs\profiles$\jalilebds\Downloads\1e38cff9-de38-487f-a6a7-d2ed3210e06d.tmp</t>
  </si>
  <si>
    <t>.~lock.Contato Reneg Vencimento 08-01 Env Adilson.ods#</t>
  </si>
  <si>
    <t>\\acsfs\profiles$\CLAUDIAJCA\Reneg 18-12\.~lock.Contato Reneg Vencimento 08-01 Env Adilson.ods#</t>
  </si>
  <si>
    <t>lu150447fbra.tmp</t>
  </si>
  <si>
    <t>\\acsfs\profiles$\CLAUDIAJCA\Reneg 18-12\lu150447fbra.tmp</t>
  </si>
  <si>
    <t>5829;</t>
  </si>
  <si>
    <t>https://5829</t>
  </si>
  <si>
    <t>442ba9c5-a439-4949-a18e-15256201aa6a.tmp</t>
  </si>
  <si>
    <t>\\acsfs\profiles$\brendavdoa\Downloads\442ba9c5-a439-4949-a18e-15256201aa6a.tmp</t>
  </si>
  <si>
    <t>\\acsfs\profiles$\Flaviojmm\My Documents\lu97481505o.tmp\</t>
  </si>
  <si>
    <t>\\acsfs\profiles$\Flaviojmm\My Documents\lu97481505o.tmp\META-INF\</t>
  </si>
  <si>
    <t>\\acsfs\profiles$\Flaviojmm\My Documents\lu97481505o.tmp\Thumbnails\</t>
  </si>
  <si>
    <t>lu97481505t.tmp</t>
  </si>
  <si>
    <t>\\acsfs\profiles$\Flaviojmm\My Documents\lu97481505t.tmp</t>
  </si>
  <si>
    <t>\\acsfs\profiles$\Flaviojmm\My Documents\lu97481505t.tmp\</t>
  </si>
  <si>
    <t>\\acsfs\profiles$\Flaviojmm\My Documents\lu97481505t.tmp\META-INF\</t>
  </si>
  <si>
    <t>\\acsfs\profiles$\Flaviojmm\My Documents\lu97481505t.tmp\Thumbnails\</t>
  </si>
  <si>
    <t>\\acsfs\ACS\Gabriel da Silva\Contemporânea\NPS\5F64A386.tmp\</t>
  </si>
  <si>
    <t>\\acsfs\ACS\Gabriel da Silva\Contemporânea\NPS\5F64A386.tmp\:Zone.Identifier:$DATA</t>
  </si>
  <si>
    <t>lu79481asj7o.tmp</t>
  </si>
  <si>
    <t>\\acsfs\profiles$\jalilebds\Downloads\lu79481asj7o.tmp</t>
  </si>
  <si>
    <t>\\acsfs\profiles$\CLAUDIAJCA\Reneg 18-12\lu150447fbra.tmp\</t>
  </si>
  <si>
    <t>\\acsfs\profiles$\CLAUDIAJCA\Reneg 18-12\lu150447fbra.tmp\META-INF\</t>
  </si>
  <si>
    <t>\\acsfs\profiles$\CLAUDIAJCA\Reneg 18-12\lu150447fbra.tmp\Thumbnails\</t>
  </si>
  <si>
    <t>Contato Reneg Vencimento 08-01 Env Adilson.zip</t>
  </si>
  <si>
    <t>\\acsfs\profiles$\CLAUDIAJCA\Reneg 18-12\Contato Reneg Vencimento 08-01 Env Adilson.zip</t>
  </si>
  <si>
    <t>\\acsfs\profiles$\CLAUDIAJCA\Reneg 18-12\Contato Reneg Vencimento 08-01 Env Adilson.zip\</t>
  </si>
  <si>
    <t>Contato Reneg Vencimento 08-01 Env Adilson.ods</t>
  </si>
  <si>
    <t>\\acsfs\profiles$\CLAUDIAJCA\Reneg 18-12\Contato Reneg Vencimento 08-01 Env Adilson.zip\Contato Reneg Vencimento 08-01 Env Adilson.ods\</t>
  </si>
  <si>
    <t>\\acsfs\profiles$\CLAUDIAJCA\Reneg 18-12\Contato Reneg Vencimento 08-01 Env Adilson.zip\Contato Reneg Vencimento 08-01 Env Adilson.ods\META-INF\</t>
  </si>
  <si>
    <t>\\acsfs\profiles$\CLAUDIAJCA\Reneg 18-12\Contato Reneg Vencimento 08-01 Env Adilson.zip\Contato Reneg Vencimento 08-01 Env Adilson.ods\Thumbnails\</t>
  </si>
  <si>
    <t>PEDRO HENRIQUE ALMEIDA BATISTA_1_6775169892861686445_1_32.wav</t>
  </si>
  <si>
    <t>\\acsfs\Deptos\EDUCACAO EMPRESARIAL\KÉSIA\Ligações 1º Ciclo - Janeiro 2020\PEDRO HENRIQUE ALMEIDA BATISTA_1_6775169892861686445_1_32.wav</t>
  </si>
  <si>
    <t>945cf95a-2e08-44ce-b095-230720a931f5.tmp</t>
  </si>
  <si>
    <t>\\acsfs\profiles$\marcosvnds\Downloads\945cf95a-2e08-44ce-b095-230720a931f5.tmp</t>
  </si>
  <si>
    <t>\\acsfs\profiles$\KARENJSS\Contacts\</t>
  </si>
  <si>
    <t>Karen Jane Santos Silva (21).contact</t>
  </si>
  <si>
    <t>\\acsfs\profiles$\KARENJSS\Contacts\Karen Jane Santos Silva (21).contact</t>
  </si>
  <si>
    <t>bcb675ab-3e66-432d-aff9-eadec4d4d759.tmp</t>
  </si>
  <si>
    <t>\\acsfs\profiles$\leonardobb\Downloads\bcb675ab-3e66-432d-aff9-eadec4d4d759.tmp</t>
  </si>
  <si>
    <t>.~lock.RENEG BV - Venc 08.01.2020 Teste.ods#</t>
  </si>
  <si>
    <t>\\acsfs\profiles$\LUCASBS\RENEG BV\.~lock.RENEG BV - Venc 08.01.2020 Teste.ods#</t>
  </si>
  <si>
    <t>lu91924clsz.tmp</t>
  </si>
  <si>
    <t>\\acsfs\profiles$\LUCASBS\RENEG BV\lu91924clsz.tmp</t>
  </si>
  <si>
    <t>\\acsfs\profiles$\LUCASBS\RENEG BV\lu91924clsz.tmp\</t>
  </si>
  <si>
    <t>\\acsfs\profiles$\LUCASBS\RENEG BV\lu91924clsz.tmp\META-INF\</t>
  </si>
  <si>
    <t>\\acsfs\profiles$\LUCASBS\RENEG BV\lu91924clsz.tmp\Thumbnails\</t>
  </si>
  <si>
    <t>lu91924clt4.tmp</t>
  </si>
  <si>
    <t>\\acsfs\profiles$\LUCASBS\RENEG BV\lu91924clt4.tmp</t>
  </si>
  <si>
    <t>\\acsfs\profiles$\LUCASBS\RENEG BV\lu91924clt4.tmp\</t>
  </si>
  <si>
    <t>\\acsfs\profiles$\LUCASBS\RENEG BV\lu91924clt4.tmp\META-INF\</t>
  </si>
  <si>
    <t>\\acsfs\profiles$\LUCASBS\RENEG BV\lu91924clt4.tmp\Thumbnails\</t>
  </si>
  <si>
    <t>mail.google.com/sync/u/0/i/s?hl=pt-BR&amp;c=400</t>
  </si>
  <si>
    <t>mail.google.com/sync/u/0/i/s?hl=pt-BR&amp;c=407</t>
  </si>
  <si>
    <t>mail.google.com/sync/u/0/i/s?hl=pt-BR&amp;c=409</t>
  </si>
  <si>
    <t>mail.google.com/sync/u/0/i/s?hl=pt-BR&amp;c=437</t>
  </si>
  <si>
    <t>9ecb933c-ffca-4916-8eb6-56a3d5166954.tmp</t>
  </si>
  <si>
    <t>\\acsfs\profiles$\milenaas\Downloads\9ecb933c-ffca-4916-8eb6-56a3d5166954.tmp</t>
  </si>
  <si>
    <t>\\acsfs\profiles$\KARENJSS\My Documents\My Videos\</t>
  </si>
  <si>
    <t>\\acsfs\profiles$\KARENJSS\My Documents\My Videos\desktop.ini</t>
  </si>
  <si>
    <t>\\acsfs\profiles$\KARENJSS\My Documents\My Pictures\</t>
  </si>
  <si>
    <t>\\acsfs\profiles$\KARENJSS\My Documents\My Pictures\desktop.ini</t>
  </si>
  <si>
    <t>\\acsfs\profiles$\KARENJSS\Contacts\desktop.ini</t>
  </si>
  <si>
    <t>\\acsfs\profiles$\KARENJSS\Favorites\</t>
  </si>
  <si>
    <t>\\acsfs\profiles$\KARENJSS\Favorites\desktop.ini</t>
  </si>
  <si>
    <t>\\acsfs\profiles$\KARENJSS\My Documents\My Music\</t>
  </si>
  <si>
    <t>\\acsfs\profiles$\KARENJSS\My Documents\My Music\desktop.ini</t>
  </si>
  <si>
    <t>\\acsfs\profiles$\KARENJSS\Searches\</t>
  </si>
  <si>
    <t>\\acsfs\profiles$\KARENJSS\Searches\desktop.ini</t>
  </si>
  <si>
    <t>\\acsfs\profiles$\KARENJSS\Downloads\desktop.ini</t>
  </si>
  <si>
    <t>\\acsfs\profiles$\KARENJSS\My Documents\</t>
  </si>
  <si>
    <t>\\acsfs\profiles$\KARENJSS\My Documents\desktop.ini</t>
  </si>
  <si>
    <t>\\acsfs\profiles$\KARENJSS\Saved Games\</t>
  </si>
  <si>
    <t>\\acsfs\profiles$\KARENJSS\Saved Games\desktop.ini</t>
  </si>
  <si>
    <t>\\acsfs\profiles$\KARENJSS\Favorites\Links for Brasil\</t>
  </si>
  <si>
    <t>\\acsfs\profiles$\KARENJSS\Favorites\Links for Brasil\desktop.ini</t>
  </si>
  <si>
    <t>\\acsfs\profiles$\KARENJSS\Favorites\Links for Brasil\Microsoft Brasil.url</t>
  </si>
  <si>
    <t>\\acsfs\profiles$\KARENJSS\Favorites\Links for Brasil\Windows Brasil.url</t>
  </si>
  <si>
    <t>\\acsfs\profiles$\KARENJSS\Favorites\Links for Brasil\MSN Brasil.url</t>
  </si>
  <si>
    <t>3639c0ba-bd70-4dbc-8a06-ce0a8fade0b7.tmp</t>
  </si>
  <si>
    <t>\\acsfs\profiles$\KARENJSS\Downloads\3639c0ba-bd70-4dbc-8a06-ce0a8fade0b7.tmp</t>
  </si>
  <si>
    <t>a7f138c0-2f70-45b9-bd53-0c4960136f3f.tmp</t>
  </si>
  <si>
    <t>\\acsfs\profiles$\KARENJSS\Downloads\a7f138c0-2f70-45b9-bd53-0c4960136f3f.tmp</t>
  </si>
  <si>
    <t>138954f5-e804-4728-ba0d-ac49269fae95.tmp</t>
  </si>
  <si>
    <t>\\acsfs\profiles$\KARENJSS\Downloads\138954f5-e804-4728-ba0d-ac49269fae95.tmp</t>
  </si>
  <si>
    <t>lu91924cltc.tmp</t>
  </si>
  <si>
    <t>\\acsfs\profiles$\LUCASBS\Planilhas\lu91924cltc.tmp</t>
  </si>
  <si>
    <t>lu91924cltl.tmp</t>
  </si>
  <si>
    <t>\\acsfs\profiles$\LUCASBS\Planilhas\lu91924cltl.tmp</t>
  </si>
  <si>
    <t>lu91924cltr.tmp</t>
  </si>
  <si>
    <t>\\acsfs\profiles$\LUCASBS\Planilhas\lu91924cltr.tmp</t>
  </si>
  <si>
    <t>lu91924clu0.tmp</t>
  </si>
  <si>
    <t>\\acsfs\profiles$\LUCASBS\Planilhas\lu91924clu0.tmp</t>
  </si>
  <si>
    <t>.~lock.Vendas 11.12.2019.xlsx#</t>
  </si>
  <si>
    <t>\\acsfs\profiles$\LUCASBS\Planilhas\.~lock.Vendas 11.12.2019.xlsx#</t>
  </si>
  <si>
    <t>lu91924clua.tmp</t>
  </si>
  <si>
    <t>\\acsfs\profiles$\LUCASBS\Planilhas\lu91924clua.tmp</t>
  </si>
  <si>
    <t>248f8f61-4ee8-4bdf-8288-031d45d172a0.tmp</t>
  </si>
  <si>
    <t>\\acsfs\profiles$\georgendsq\Downloads\248f8f61-4ee8-4bdf-8288-031d45d172a0.tmp</t>
  </si>
  <si>
    <t>10e8fc36-622f-494f-9fd4-bbc8033df6ba.tmp</t>
  </si>
  <si>
    <t>\\acsfs\profiles$\georgendsq\Downloads\10e8fc36-622f-494f-9fd4-bbc8033df6ba.tmp</t>
  </si>
  <si>
    <t>71d32c9d-4adb-47e9-b223-0b881d20ebb4.tmp</t>
  </si>
  <si>
    <t>\\acsfs\profiles$\georgendsq\Downloads\71d32c9d-4adb-47e9-b223-0b881d20ebb4.tmp</t>
  </si>
  <si>
    <t>b72cbe92-e79e-4a5e-b83f-97155dd12976.tmp</t>
  </si>
  <si>
    <t>\\acsfs\profiles$\ingridsm\Downloads\b72cbe92-e79e-4a5e-b83f-97155dd12976.tmp</t>
  </si>
  <si>
    <t>\\acsfs\profiles$\paulovadc\</t>
  </si>
  <si>
    <t>\\acsfs\profiles$\paulovadc\Pausas.txt</t>
  </si>
  <si>
    <t>mail.google.com/sync/u/0/i/s?hl=pt-BR&amp;c=460</t>
  </si>
  <si>
    <t>mail.google.com/sync/u/0/i/s?hl=pt-BR&amp;c=466</t>
  </si>
  <si>
    <t>mail.google.com/sync/u/0/i/s?hl=pt-BR&amp;c=472</t>
  </si>
  <si>
    <t>aae72323-864b-4d4d-bf4e-5e22cc62cbb5.tmp</t>
  </si>
  <si>
    <t>\\acsfs\profiles$\brendadsl\Downloads\aae72323-864b-4d4d-bf4e-5e22cc62cbb5.tmp</t>
  </si>
  <si>
    <t>5af0a6dc-030e-471f-b2a9-66136aceecff.tmp</t>
  </si>
  <si>
    <t>\\acsfs\profiles$\brendadsl\Downloads\5af0a6dc-030e-471f-b2a9-66136aceecff.tmp</t>
  </si>
  <si>
    <t>66dad5b3-40c8-4936-94bd-c583ebaf9fb0.tmp</t>
  </si>
  <si>
    <t>\\acsfs\profiles$\brendadsl\Downloads\66dad5b3-40c8-4936-94bd-c583ebaf9fb0.tmp</t>
  </si>
  <si>
    <t>9cb0a452-a551-4ba5-8e49-28a2362dbb25.tmp</t>
  </si>
  <si>
    <t>\\acsfs\profiles$\brendadsl\Downloads\9cb0a452-a551-4ba5-8e49-28a2362dbb25.tmp</t>
  </si>
  <si>
    <t>cb1ad038-40b0-4400-bc10-d09ad0f003bf.tmp</t>
  </si>
  <si>
    <t>\\acsfs\profiles$\brendadsl\Downloads\cb1ad038-40b0-4400-bc10-d09ad0f003bf.tmp</t>
  </si>
  <si>
    <t>ad69ea31-a2f7-4766-a858-c021686774c3.tmp</t>
  </si>
  <si>
    <t>\\acsfs\profiles$\brendadsl\Downloads\ad69ea31-a2f7-4766-a858-c021686774c3.tmp</t>
  </si>
  <si>
    <t>07e494cc-79e5-41ef-a6a1-6b57e29326a0.tmp</t>
  </si>
  <si>
    <t>\\acsfs\profiles$\luanarda\Downloads\07e494cc-79e5-41ef-a6a1-6b57e29326a0.tmp</t>
  </si>
  <si>
    <t>fe987b63-4eb2-4e86-883c-a24e2ec25ca3.tmp</t>
  </si>
  <si>
    <t>\\acsfs\profiles$\joycemmdl\Downloads\fe987b63-4eb2-4e86-883c-a24e2ec25ca3.tmp</t>
  </si>
  <si>
    <t>73bf52b8-209e-463a-afc0-bda3df43be7a.tmp</t>
  </si>
  <si>
    <t>\\acsfs\profiles$\gabrielafs\Downloads\73bf52b8-209e-463a-afc0-bda3df43be7a.tmp</t>
  </si>
  <si>
    <t>878b83aa-d67a-4d0a-901e-4bc5287177c8.tmp</t>
  </si>
  <si>
    <t>\\acsfs\profiles$\marcosvnds\Downloads\878b83aa-d67a-4d0a-901e-4bc5287177c8.tmp</t>
  </si>
  <si>
    <t>.~lock.Retenção de Seguros.xlsx#</t>
  </si>
  <si>
    <t>\\acsfs\profiles$\LUCASBS\Planilhas\.~lock.Retenção de Seguros.xlsx#</t>
  </si>
  <si>
    <t>lu91924cluj.tmp</t>
  </si>
  <si>
    <t>\\acsfs\profiles$\LUCASBS\Planilhas\lu91924cluj.tmp</t>
  </si>
  <si>
    <t>lu91924clur.tmp</t>
  </si>
  <si>
    <t>\\acsfs\profiles$\LUCASBS\Planilhas\lu91924clur.tmp</t>
  </si>
  <si>
    <t>\\acsfs\profiles$\LUCASBS\</t>
  </si>
  <si>
    <t>\\acsfs\profiles$\LUCASBS\Novo Documento de Texto.txt</t>
  </si>
  <si>
    <t>lu91924cluu.tmp</t>
  </si>
  <si>
    <t>\\acsfs\profiles$\LUCASBS\RENEG BV\lu91924cluu.tmp</t>
  </si>
  <si>
    <t>\\acsfs\profiles$\LUCASBS\RENEG BV\lu91924cluu.tmp\</t>
  </si>
  <si>
    <t>\\acsfs\profiles$\LUCASBS\RENEG BV\lu91924cluu.tmp\META-INF\</t>
  </si>
  <si>
    <t>\\acsfs\profiles$\LUCASBS\RENEG BV\lu91924cluu.tmp\Thumbnails\</t>
  </si>
  <si>
    <t>79db02b7-1e4c-4ce4-bbf4-dc6b564bc396.tmp</t>
  </si>
  <si>
    <t>\\acsfs\profiles$\andrezacapf\Downloads\79db02b7-1e4c-4ce4-bbf4-dc6b564bc396.tmp</t>
  </si>
  <si>
    <t>ae95c9aa-e905-48fd-b9d9-252ec80d88b6.tmp</t>
  </si>
  <si>
    <t>\\acsfs\profiles$\andrezacapf\Downloads\ae95c9aa-e905-48fd-b9d9-252ec80d88b6.tmp</t>
  </si>
  <si>
    <t>95de1f85-be8d-4340-8d04-671e882a2cab.tmp</t>
  </si>
  <si>
    <t>\\acsfs\profiles$\andrezacapf\Downloads\95de1f85-be8d-4340-8d04-671e882a2cab.tmp</t>
  </si>
  <si>
    <t>4f6c280f-b6df-4ca7-9025-ca5cadfc4f74.tmp</t>
  </si>
  <si>
    <t>\\acsfs\profiles$\andrezacapf\Downloads\4f6c280f-b6df-4ca7-9025-ca5cadfc4f74.tmp</t>
  </si>
  <si>
    <t>8222d54d-667f-4004-b426-c164a9083c06.tmp</t>
  </si>
  <si>
    <t>\\acsfs\profiles$\andrezacapf\Downloads\8222d54d-667f-4004-b426-c164a9083c06.tmp</t>
  </si>
  <si>
    <t>2805d126-abba-4c7a-b8eb-e6ee93b1ffdb.tmp</t>
  </si>
  <si>
    <t>\\acsfs\profiles$\andrezacapf\Downloads\2805d126-abba-4c7a-b8eb-e6ee93b1ffdb.tmp</t>
  </si>
  <si>
    <t>265028d1-3784-4bd1-abbd-d90506a58870.tmp</t>
  </si>
  <si>
    <t>\\acsfs\profiles$\andrezacapf\Downloads\265028d1-3784-4bd1-abbd-d90506a58870.tmp</t>
  </si>
  <si>
    <t>c94deabc-5c03-4155-bd09-93788cf9d29c.tmp</t>
  </si>
  <si>
    <t>\\acsfs\profiles$\georgendsq\Downloads\c94deabc-5c03-4155-bd09-93788cf9d29c.tmp</t>
  </si>
  <si>
    <t>2cd487db-0414-43d5-91ed-5be3c1402c0c.tmp</t>
  </si>
  <si>
    <t>\\acsfs\profiles$\georgendsq\Downloads\2cd487db-0414-43d5-91ed-5be3c1402c0c.tmp</t>
  </si>
  <si>
    <t>58322669-3d67-4183-8b44-21c898dec912.tmp</t>
  </si>
  <si>
    <t>\\acsfs\profiles$\georgendsq\Downloads\58322669-3d67-4183-8b44-21c898dec912.tmp</t>
  </si>
  <si>
    <t>a1cb7b2d-c7fd-45a7-ae49-78e16df6c5cc.tmp</t>
  </si>
  <si>
    <t>\\acsfs\profiles$\ingridsm\Downloads\a1cb7b2d-c7fd-45a7-ae49-78e16df6c5cc.tmp</t>
  </si>
  <si>
    <t>a96ea310-022b-4530-b8cd-d8b092301ded.tmp</t>
  </si>
  <si>
    <t>\\acsfs\profiles$\ingridsm\Downloads\a96ea310-022b-4530-b8cd-d8b092301ded.tmp</t>
  </si>
  <si>
    <t>lu228442gowaq.tmp</t>
  </si>
  <si>
    <t>\\acsfs\profiles$\dhiulliananads\My Documents\lu228442gowaq.tmp</t>
  </si>
  <si>
    <t>\\acsfs\profiles$\dhiulliananads\My Documents\lu228442gowaq.tmp\</t>
  </si>
  <si>
    <t>\\acsfs\profiles$\dhiulliananads\My Documents\lu228442gowaq.tmp\META-INF\</t>
  </si>
  <si>
    <t>b32974bd-e5c4-4374-8165-0be7c02fb626.tmp</t>
  </si>
  <si>
    <t>\\acsfs\profiles$\gabrielamdp\Downloads\b32974bd-e5c4-4374-8165-0be7c02fb626.tmp</t>
  </si>
  <si>
    <t>96a8cddd-9a24-488b-88fd-893e99e99a2a.tmp</t>
  </si>
  <si>
    <t>\\acsfs\profiles$\gabrielamdp\Downloads\96a8cddd-9a24-488b-88fd-893e99e99a2a.tmp</t>
  </si>
  <si>
    <t>ef70f395-09ae-40a4-ae8e-54512a23e239.tmp</t>
  </si>
  <si>
    <t>\\acsfs\profiles$\gabrielamdp\Downloads\ef70f395-09ae-40a4-ae8e-54512a23e239.tmp</t>
  </si>
  <si>
    <t>C:\Users\polati\OneDrive\</t>
  </si>
  <si>
    <t>FINANCAS oficial dez18.xlsx</t>
  </si>
  <si>
    <t>855346b9-3c96-4379-9b46-11176fbd105d.tmp</t>
  </si>
  <si>
    <t>\\acsfs\profiles$\joycemmdl\Downloads\855346b9-3c96-4379-9b46-11176fbd105d.tmp</t>
  </si>
  <si>
    <t>\\acsfs\profiles$\dhiulliananads\My Documents\lu228442gowaq.tmp\Thumbnails\</t>
  </si>
  <si>
    <t>lu228442gowax.tmp</t>
  </si>
  <si>
    <t>\\acsfs\profiles$\dhiulliananads\My Documents\lu228442gowax.tmp</t>
  </si>
  <si>
    <t>\\acsfs\profiles$\dhiulliananads\My Documents\lu228442gowax.tmp\</t>
  </si>
  <si>
    <t>\\acsfs\profiles$\dhiulliananads\My Documents\lu228442gowax.tmp\META-INF\</t>
  </si>
  <si>
    <t>\\acsfs\profiles$\dhiulliananads\My Documents\lu228442gowax.tmp\Thumbnails\</t>
  </si>
  <si>
    <t>db7e5e6f-4b4e-4642-9608-f520acb0df81.tmp</t>
  </si>
  <si>
    <t>\\acsfs\profiles$\luanaagl\Downloads\db7e5e6f-4b4e-4642-9608-f520acb0df81.tmp</t>
  </si>
  <si>
    <t>a5e38a6a-3fe1-41d4-b321-c5cda1999785.tmp</t>
  </si>
  <si>
    <t>\\acsfs\profiles$\KARENJSS\Downloads\a5e38a6a-3fe1-41d4-b321-c5cda1999785.tmp</t>
  </si>
  <si>
    <t>lu974815062.tmp</t>
  </si>
  <si>
    <t>\\acsfs\profiles$\Flaviojmm\My Documents\lu974815062.tmp</t>
  </si>
  <si>
    <t>\\acsfs\profiles$\Flaviojmm\My Documents\lu974815062.tmp\</t>
  </si>
  <si>
    <t>\\acsfs\profiles$\Flaviojmm\My Documents\lu974815062.tmp\META-INF\</t>
  </si>
  <si>
    <t>\\acsfs\profiles$\Flaviojmm\My Documents\lu974815062.tmp\Thumbnails\</t>
  </si>
  <si>
    <t>10.200.66.54</t>
  </si>
  <si>
    <t>64-1C-67-9D-1E-2E</t>
  </si>
  <si>
    <t>VOTORANT-JB013</t>
  </si>
  <si>
    <t>jessicanes</t>
  </si>
  <si>
    <t>\\acsfs\profiles$\jessicanes\My Documents\</t>
  </si>
  <si>
    <t>Jéssica Bloco Principal.txt</t>
  </si>
  <si>
    <t>\\acsfs\profiles$\jessicanes\My Documents\Jéssica Bloco Principal.txt</t>
  </si>
  <si>
    <t>06a497bc-d4e6-4ac1-87a2-08df76060bd7.tmp</t>
  </si>
  <si>
    <t>\\acsfs\profiles$\brendadsl\Downloads\06a497bc-d4e6-4ac1-87a2-08df76060bd7.tmp</t>
  </si>
  <si>
    <t>9e9aa8ac-d4b3-4159-ac36-0e2d3a50da9f.tmp</t>
  </si>
  <si>
    <t>\\acsfs\profiles$\quindaizaagds\Downloads\9e9aa8ac-d4b3-4159-ac36-0e2d3a50da9f.tmp</t>
  </si>
  <si>
    <t>f50c15a2-d4a8-4a99-92b5-727d20520fa3.tmp</t>
  </si>
  <si>
    <t>\\acsfs\profiles$\edicarlosdl\Downloads\f50c15a2-d4a8-4a99-92b5-727d20520fa3.tmp</t>
  </si>
  <si>
    <t>936d5b6f-6bf6-4d18-b345-731e3e99d65e.tmp</t>
  </si>
  <si>
    <t>\\acsfs\profiles$\edicarlosdl\Downloads\936d5b6f-6bf6-4d18-b345-731e3e99d65e.tmp</t>
  </si>
  <si>
    <t>5d1a11bc-a63d-4509-b34f-d747690b5e13.tmp</t>
  </si>
  <si>
    <t>\\acsfs\profiles$\gabrielafs\Downloads\5d1a11bc-a63d-4509-b34f-d747690b5e13.tmp</t>
  </si>
  <si>
    <t>1a8f810a-d2c9-45e5-9aec-c327b056d01f.tmp</t>
  </si>
  <si>
    <t>\\acsfs\profiles$\regisadsa\Downloads\1a8f810a-d2c9-45e5-9aec-c327b056d01f.tmp</t>
  </si>
  <si>
    <t>a85dc119-68d1-41b6-b746-925b2276f3fc.tmp</t>
  </si>
  <si>
    <t>\\acsfs\profiles$\regisadsa\Downloads\a85dc119-68d1-41b6-b746-925b2276f3fc.tmp</t>
  </si>
  <si>
    <t>835fcfd2-f79d-4430-8bdd-617805fe1a5a.tmp</t>
  </si>
  <si>
    <t>\\acsfs\profiles$\regisadsa\Downloads\835fcfd2-f79d-4430-8bdd-617805fe1a5a.tmp</t>
  </si>
  <si>
    <t>lu91924cluz.tmp</t>
  </si>
  <si>
    <t>\\acsfs\profiles$\LUCASBS\RENEG BV\lu91924cluz.tmp</t>
  </si>
  <si>
    <t>\\acsfs\profiles$\LUCASBS\RENEG BV\lu91924cluz.tmp\</t>
  </si>
  <si>
    <t>\\acsfs\profiles$\LUCASBS\RENEG BV\lu91924cluz.tmp\META-INF\</t>
  </si>
  <si>
    <t>\\acsfs\profiles$\LUCASBS\RENEG BV\lu91924cluz.tmp\Thumbnails\</t>
  </si>
  <si>
    <t>\\acsfs\profiles$\andrezacapf\My Documents\xworkcenter\lex\</t>
  </si>
  <si>
    <t>\\acsfs\profiles$\andrezacapf\My Documents\xworkcenter\lex\temp.tlx</t>
  </si>
  <si>
    <t>812ddd42-c8f5-4fdf-ba51-bb4a40d74f15.tmp</t>
  </si>
  <si>
    <t>\\acsfs\profiles$\sarahbal\Downloads\812ddd42-c8f5-4fdf-ba51-bb4a40d74f15.tmp</t>
  </si>
  <si>
    <t>edb8fc8f-1d57-47ee-9fc0-afea653bbffc.tmp</t>
  </si>
  <si>
    <t>\\acsfs\profiles$\gabrielafs\Downloads\edb8fc8f-1d57-47ee-9fc0-afea653bbffc.tmp</t>
  </si>
  <si>
    <t>b08c0c1c-fb67-46a7-af0a-372df816514a.tmp</t>
  </si>
  <si>
    <t>\\acsfs\profiles$\KARENJSS\Downloads\b08c0c1c-fb67-46a7-af0a-372df816514a.tmp</t>
  </si>
  <si>
    <t>11dfe1a1-3ab8-4f53-98e7-21fd4c25f3ba.tmp</t>
  </si>
  <si>
    <t>\\acsfs\profiles$\nathaliarmr\Downloads\11dfe1a1-3ab8-4f53-98e7-21fd4c25f3ba.tmp</t>
  </si>
  <si>
    <t>8fc8eda6-848d-47b0-b5ae-5491eb27fdc9.tmp</t>
  </si>
  <si>
    <t>\\acsfs\profiles$\gabrielhca\Downloads\8fc8eda6-848d-47b0-b5ae-5491eb27fdc9.tmp</t>
  </si>
  <si>
    <t>1a6a3e50-75a1-4a35-9910-2a36c4e580e7.tmp</t>
  </si>
  <si>
    <t>\\acsfs\profiles$\karinarm\Downloads\1a6a3e50-75a1-4a35-9910-2a36c4e580e7.tmp</t>
  </si>
  <si>
    <t>26a588a0-d70b-4f0a-b203-236f29febba5.tmp</t>
  </si>
  <si>
    <t>\\acsfs\profiles$\ingridsm\Downloads\26a588a0-d70b-4f0a-b203-236f29febba5.tmp</t>
  </si>
  <si>
    <t>045f3f4c-087e-4c3c-bb45-c027b002ecb3.tmp</t>
  </si>
  <si>
    <t>\\acsfs\profiles$\gabrielamdp\Downloads\045f3f4c-087e-4c3c-bb45-c027b002ecb3.tmp</t>
  </si>
  <si>
    <t>9b4fdc2f-e805-489d-ad2a-35396ed671d6.tmp</t>
  </si>
  <si>
    <t>\\acsfs\profiles$\gabrielamdp\Downloads\9b4fdc2f-e805-489d-ad2a-35396ed671d6.tmp</t>
  </si>
  <si>
    <t>\\acsfs\profiles$\ERICALSR\My Documents\$RECYCLE.BIN\</t>
  </si>
  <si>
    <t>$IPHG94V.txt</t>
  </si>
  <si>
    <t>\\acsfs\profiles$\ERICALSR\My Documents\$RECYCLE.BIN\$IPHG94V.txt</t>
  </si>
  <si>
    <t>lu79481asj7r.tmp</t>
  </si>
  <si>
    <t>\\acsfs\profiles$\jalilebds\Downloads\lu79481asj7r.tmp</t>
  </si>
  <si>
    <t>d2f4aa84-b64d-4bc9-a2b3-2ca298b2680e.tmp</t>
  </si>
  <si>
    <t>\\acsfs\profiles$\gabriellalpr\Downloads\d2f4aa84-b64d-4bc9-a2b3-2ca298b2680e.tmp</t>
  </si>
  <si>
    <t>PHILIPE GONCALVES SANTOS FERREIRA_1_6773639119272747512_1_32.wav</t>
  </si>
  <si>
    <t>\\acsfs\Deptos\EDUCACAO EMPRESARIAL\KÉSIA\Ligações 1º Ciclo - Janeiro 2020\PHILIPE GONCALVES SANTOS FERREIRA_1_6773639119272747512_1_32.wav</t>
  </si>
  <si>
    <t>58d5d913-4a66-4c3a-bddd-3ddeaee2dadf.tmp</t>
  </si>
  <si>
    <t>\\acsfs\profiles$\wenderbnm\Downloads\58d5d913-4a66-4c3a-bddd-3ddeaee2dadf.tmp</t>
  </si>
  <si>
    <t>c:\users\marianerdo\downloads\</t>
  </si>
  <si>
    <t>banco de dados - operaÇÃo (2).xlsx</t>
  </si>
  <si>
    <t>.~lock.isabelle 06.01 1.ods#</t>
  </si>
  <si>
    <t>\\acsfs\profiles$\ISABELLEGTDS\Nova pasta\.~lock.isabelle 06.01 1.ods#</t>
  </si>
  <si>
    <t>lu715209l069v.tmp</t>
  </si>
  <si>
    <t>\\acsfs\profiles$\ISABELLEGTDS\Nova pasta\lu715209l069v.tmp</t>
  </si>
  <si>
    <t>\\acsfs\profiles$\ISABELLEGTDS\Nova pasta\lu715209l069v.tmp\</t>
  </si>
  <si>
    <t>\\acsfs\profiles$\ISABELLEGTDS\Nova pasta\lu715209l069v.tmp\META-INF\</t>
  </si>
  <si>
    <t>\\acsfs\profiles$\ISABELLEGTDS\Nova pasta\lu715209l069v.tmp\Thumbnails\</t>
  </si>
  <si>
    <t>lu715209l06a0.tmp</t>
  </si>
  <si>
    <t>\\acsfs\profiles$\ISABELLEGTDS\Nova pasta\lu715209l06a0.tmp</t>
  </si>
  <si>
    <t>\\acsfs\profiles$\ISABELLEGTDS\Nova pasta\lu715209l06a0.tmp\</t>
  </si>
  <si>
    <t>\\acsfs\profiles$\ISABELLEGTDS\Nova pasta\lu715209l06a0.tmp\META-INF\</t>
  </si>
  <si>
    <t>\\acsfs\profiles$\ISABELLEGTDS\Nova pasta\lu715209l06a0.tmp\Thumbnails\</t>
  </si>
  <si>
    <t>ac5090f2-8282-402d-b572-cdd797c1ef23.tmp</t>
  </si>
  <si>
    <t>\\acsfs\profiles$\sarahbal\Downloads\ac5090f2-8282-402d-b572-cdd797c1ef23.tmp</t>
  </si>
  <si>
    <t>ffeab2e3-b248-4f71-ad09-85c912c54624.tmp</t>
  </si>
  <si>
    <t>\\acsfs\profiles$\gabrielaff\Downloads\ffeab2e3-b248-4f71-ad09-85c912c54624.tmp</t>
  </si>
  <si>
    <t>5a93a456-29d0-4011-8cea-064a990e4eda.tmp</t>
  </si>
  <si>
    <t>\\acsfs\profiles$\gabrielamdp\Downloads\5a93a456-29d0-4011-8cea-064a990e4eda.tmp</t>
  </si>
  <si>
    <t>57db284c-da8f-42fa-a29f-56e05b0880dc.tmp</t>
  </si>
  <si>
    <t>\\acsfs\profiles$\gabrielamdp\Downloads\57db284c-da8f-42fa-a29f-56e05b0880dc.tmp</t>
  </si>
  <si>
    <t>lu97481506b.tmp</t>
  </si>
  <si>
    <t>\\acsfs\profiles$\Flaviojmm\My Documents\lu97481506b.tmp</t>
  </si>
  <si>
    <t>\\acsfs\profiles$\Flaviojmm\My Documents\lu97481506b.tmp\</t>
  </si>
  <si>
    <t>\\acsfs\profiles$\Flaviojmm\My Documents\lu97481506b.tmp\META-INF\</t>
  </si>
  <si>
    <t>\\acsfs\profiles$\Flaviojmm\My Documents\lu97481506b.tmp\Thumbnails\</t>
  </si>
  <si>
    <t>\\acsfs\ACS\Gabriel da Silva\Contemporânea\NPS\7665B5C.tmp\</t>
  </si>
  <si>
    <t>\\acsfs\ACS\Gabriel da Silva\Contemporânea\NPS\7665B5C.tmp\:Zone.Identifier:$DATA</t>
  </si>
  <si>
    <t>\\acsfs\ACS\Gabriel da Silva\Contemporânea\NPS\NPS SAC.xlsx\</t>
  </si>
  <si>
    <t>\\acsfs\ACS\Gabriel da Silva\Contemporânea\NPS\NPS SAC.xlsx</t>
  </si>
  <si>
    <t>NPS SAC.xlsx</t>
  </si>
  <si>
    <t>\\acsfs\ACS\Gabriel da Silva\Contemporânea\NPS\56B28743.tmp\</t>
  </si>
  <si>
    <t>\\acsfs\ACS\Gabriel da Silva\Contemporânea\NPS\56B28743.tmp\:Zone.Identifier:$DATA</t>
  </si>
  <si>
    <t>lu79481asj7u.tmp</t>
  </si>
  <si>
    <t>\\acsfs\profiles$\jalilebds\Downloads\lu79481asj7u.tmp</t>
  </si>
  <si>
    <t>DAF OP LOGISTICA</t>
  </si>
  <si>
    <t>10.16.72.51</t>
  </si>
  <si>
    <t>58-20-B1-0D-DC-3A</t>
  </si>
  <si>
    <t>NBHE-FERNANDOOR</t>
  </si>
  <si>
    <t>lucashdsi</t>
  </si>
  <si>
    <t>C:\Users\lucashdsi\Desktop\</t>
  </si>
  <si>
    <t>PLANILHA SGS.xlsx</t>
  </si>
  <si>
    <t>10.200.67.152</t>
  </si>
  <si>
    <t>74-86-7A-FB-18-CB</t>
  </si>
  <si>
    <t>VOTORANT-MB011</t>
  </si>
  <si>
    <t>REGIS AUGUSTO DA SILVA ABREU (20335).contact</t>
  </si>
  <si>
    <t>\\acsfs\profiles$\regisadsa\Contacts\REGIS AUGUSTO DA SILVA ABREU (20335).contact</t>
  </si>
  <si>
    <t>C:\Users\ericacdosc\Desktop\LATAM\Revisão_LP_LATAM (VF_Holding).pptx\</t>
  </si>
  <si>
    <t>lu91924clv8.tmp</t>
  </si>
  <si>
    <t>\\acsfs\profiles$\LUCASBS\RENEG BV\lu91924clv8.tmp</t>
  </si>
  <si>
    <t>\\acsfs\profiles$\LUCASBS\RENEG BV\lu91924clv8.tmp\</t>
  </si>
  <si>
    <t>\\acsfs\profiles$\LUCASBS\RENEG BV\lu91924clv8.tmp\META-INF\</t>
  </si>
  <si>
    <t>\\acsfs\profiles$\LUCASBS\RENEG BV\lu91924clv8.tmp\Thumbnails\</t>
  </si>
  <si>
    <t>52acf5bb-d8f8-480a-b1ff-20609d9be596.tmp</t>
  </si>
  <si>
    <t>\\acsfs\profiles$\KARENDSR\Downloads\52acf5bb-d8f8-480a-b1ff-20609d9be596.tmp</t>
  </si>
  <si>
    <t>b65d0499-d018-4415-98a4-92e26de8fff4.tmp</t>
  </si>
  <si>
    <t>\\acsfs\profiles$\ingridsm\Downloads\b65d0499-d018-4415-98a4-92e26de8fff4.tmp</t>
  </si>
  <si>
    <t>0ce45f9a-a39c-4f9b-af7d-dbaa274abe96.tmp</t>
  </si>
  <si>
    <t>\\acsfs\profiles$\ingridsm\Downloads\0ce45f9a-a39c-4f9b-af7d-dbaa274abe96.tmp</t>
  </si>
  <si>
    <t>\\acsfs\ACS\Gabriel da Silva\Contemporânea\NPS\E59E1AB6.tmp\</t>
  </si>
  <si>
    <t>\\acsfs\ACS\Gabriel da Silva\Contemporânea\NPS\E59E1AB6.tmp\:Zone.Identifier:$DATA</t>
  </si>
  <si>
    <t>\\acsfs\profiles$\alinepp\Contacts\</t>
  </si>
  <si>
    <t>ALINE PEREIRA PORFIRIO (13335).contact</t>
  </si>
  <si>
    <t>\\acsfs\profiles$\alinepp\Contacts\ALINE PEREIRA PORFIRIO (13335).contact</t>
  </si>
  <si>
    <t>\\acsfs\profiles$\alinepp\My Documents\My Videos\</t>
  </si>
  <si>
    <t>\\acsfs\profiles$\alinepp\My Documents\My Videos\desktop.ini</t>
  </si>
  <si>
    <t>\\acsfs\profiles$\alinepp\My Documents\My Pictures\desktop.ini</t>
  </si>
  <si>
    <t>\\acsfs\profiles$\alinepp\Contacts\desktop.ini</t>
  </si>
  <si>
    <t>\\acsfs\profiles$\alinepp\Favorites\</t>
  </si>
  <si>
    <t>\\acsfs\profiles$\alinepp\Favorites\desktop.ini</t>
  </si>
  <si>
    <t>\\acsfs\profiles$\alinepp\My Documents\My Music\</t>
  </si>
  <si>
    <t>\\acsfs\profiles$\alinepp\My Documents\My Music\desktop.ini</t>
  </si>
  <si>
    <t>\\acsfs\profiles$\alinepp\Searches\</t>
  </si>
  <si>
    <t>\\acsfs\profiles$\alinepp\Searches\desktop.ini</t>
  </si>
  <si>
    <t>\\acsfs\profiles$\alinepp\Downloads\desktop.ini</t>
  </si>
  <si>
    <t>\\acsfs\profiles$\alinepp\My Documents\</t>
  </si>
  <si>
    <t>\\acsfs\profiles$\alinepp\My Documents\desktop.ini</t>
  </si>
  <si>
    <t>\\acsfs\profiles$\alinepp\Saved Games\</t>
  </si>
  <si>
    <t>\\acsfs\profiles$\alinepp\Saved Games\desktop.ini</t>
  </si>
  <si>
    <t>\\acsfs\profiles$\alinepp\Favorites\Links for Brasil\</t>
  </si>
  <si>
    <t>\\acsfs\profiles$\alinepp\Favorites\Links for Brasil\desktop.ini</t>
  </si>
  <si>
    <t>\\acsfs\profiles$\alinepp\Favorites\Links for Brasil\Microsoft Brasil.url</t>
  </si>
  <si>
    <t>\\acsfs\profiles$\alinepp\Favorites\Links for Brasil\Windows Brasil.url</t>
  </si>
  <si>
    <t>\\acsfs\profiles$\alinepp\Favorites\Links for Brasil\MSN Brasil.url</t>
  </si>
  <si>
    <t>27c4164a-9e71-4851-b651-dfde96d52ceb.tmp</t>
  </si>
  <si>
    <t>\\acsfs\profiles$\alinepp\Downloads\27c4164a-9e71-4851-b651-dfde96d52ceb.tmp</t>
  </si>
  <si>
    <t>a3fd187a-40fe-4542-adcf-0f7e29c242ac.tmp</t>
  </si>
  <si>
    <t>\\acsfs\profiles$\alinepp\Downloads\a3fd187a-40fe-4542-adcf-0f7e29c242ac.tmp</t>
  </si>
  <si>
    <t>b92f3a98-9473-4638-aab7-79f0dd0ebd40.tmp</t>
  </si>
  <si>
    <t>\\acsfs\profiles$\inarajst\Downloads\b92f3a98-9473-4638-aab7-79f0dd0ebd40.tmp</t>
  </si>
  <si>
    <t>288c0e86-6c6a-491c-9496-d350ed705391.tmp</t>
  </si>
  <si>
    <t>\\acsfs\profiles$\inarajst\Downloads\288c0e86-6c6a-491c-9496-d350ed705391.tmp</t>
  </si>
  <si>
    <t>74864bc9-93f1-4299-a0e5-df9383bdc9b4.tmp</t>
  </si>
  <si>
    <t>\\acsfs\profiles$\brendadsl\Downloads\74864bc9-93f1-4299-a0e5-df9383bdc9b4.tmp</t>
  </si>
  <si>
    <t>10.200.58.105</t>
  </si>
  <si>
    <t>FC-01-7C-B3-41-B7</t>
  </si>
  <si>
    <t>NB-LUANASDSA</t>
  </si>
  <si>
    <t>luanasdsa</t>
  </si>
  <si>
    <t>luanasdsa@algartech.com</t>
  </si>
  <si>
    <t>C:\Users\luanasdsa\AppData\Local\Temp\ENC_ Base de Categorização (LOG) - IMPORTANTE.msg\s133\</t>
  </si>
  <si>
    <t>Finalizações CORRENTISTA 27.08.2019 - amostra.xlsx</t>
  </si>
  <si>
    <t>1dfc817d-9f73-4609-b1cf-51ee1e313171.tmp</t>
  </si>
  <si>
    <t>\\acsfs\profiles$\lorraynevam\Downloads\1dfc817d-9f73-4609-b1cf-51ee1e313171.tmp</t>
  </si>
  <si>
    <t>QUINDAIZA APARECIDA GUEDES DA SILVA_1_6774823632598283497_1_32.wav</t>
  </si>
  <si>
    <t>\\acsfs\Deptos\EDUCACAO EMPRESARIAL\KÉSIA\Ligações 1º Ciclo - Janeiro 2020\QUINDAIZA APARECIDA GUEDES DA SILVA_1_6774823632598283497_1_32.wav</t>
  </si>
  <si>
    <t>Modelo Monitoria - 3º ciclo - Cópia.txt</t>
  </si>
  <si>
    <t>\\acsfs\Deptos\EDUCACAO EMPRESARIAL\KÉSIA\Modelo Monitoria - 3º ciclo - Cópia.txt</t>
  </si>
  <si>
    <t>\\acsfs\DEPTOS\Operacao\PCP\5 - Comum\ACOMPANHAMENTO AMEX\10- Acompanhamento PF\BACKOFFICE PF\01-BO_AGENCIAS\02 - PAINEL IMPRODUTIVIDADE\2019\12 - Dezembro\</t>
  </si>
  <si>
    <t>Painel de Improdutividade Agências - Dezembro - Fechamento.xlsx</t>
  </si>
  <si>
    <t>lu160601062x4.tmp</t>
  </si>
  <si>
    <t>\\acsfs\profiles$\marcellewdl\My Documents\lu160601062x4.tmp</t>
  </si>
  <si>
    <t>\\acsfs\profiles$\marcellewdl\My Documents\lu160601062x4.tmp\</t>
  </si>
  <si>
    <t>\\acsfs\profiles$\marcellewdl\My Documents\lu160601062x4.tmp\META-INF\</t>
  </si>
  <si>
    <t>\\acsfs\profiles$\marcellewdl\My Documents\lu160601062x4.tmp\Thumbnails\</t>
  </si>
  <si>
    <t>\\acsfs\profiles$\henriqueco\Contacts\</t>
  </si>
  <si>
    <t>HENRIQUE CASSIANO OLIVEIRA (13).contact</t>
  </si>
  <si>
    <t>\\acsfs\profiles$\henriqueco\Contacts\HENRIQUE CASSIANO OLIVEIRA (13).contact</t>
  </si>
  <si>
    <t>\\acsfs\profiles$\henriqueco\My Documents\My Videos\</t>
  </si>
  <si>
    <t>\\acsfs\profiles$\henriqueco\My Documents\My Videos\desktop.ini</t>
  </si>
  <si>
    <t>\\acsfs\profiles$\henriqueco\My Documents\My Pictures\</t>
  </si>
  <si>
    <t>\\acsfs\profiles$\henriqueco\My Documents\My Pictures\desktop.ini</t>
  </si>
  <si>
    <t>\\acsfs\profiles$\henriqueco\Contacts\desktop.ini</t>
  </si>
  <si>
    <t>\\acsfs\profiles$\henriqueco\Favorites\</t>
  </si>
  <si>
    <t>\\acsfs\profiles$\henriqueco\Favorites\desktop.ini</t>
  </si>
  <si>
    <t>\\acsfs\profiles$\henriqueco\My Documents\My Music\</t>
  </si>
  <si>
    <t>\\acsfs\profiles$\henriqueco\My Documents\My Music\desktop.ini</t>
  </si>
  <si>
    <t>\\acsfs\profiles$\henriqueco\Searches\</t>
  </si>
  <si>
    <t>\\acsfs\profiles$\henriqueco\Searches\desktop.ini</t>
  </si>
  <si>
    <t>\\acsfs\profiles$\henriqueco\Downloads\desktop.ini</t>
  </si>
  <si>
    <t>\\acsfs\profiles$\henriqueco\My Documents\</t>
  </si>
  <si>
    <t>\\acsfs\profiles$\henriqueco\My Documents\desktop.ini</t>
  </si>
  <si>
    <t>\\acsfs\profiles$\henriqueco\Saved Games\</t>
  </si>
  <si>
    <t>\\acsfs\profiles$\henriqueco\Saved Games\desktop.ini</t>
  </si>
  <si>
    <t>\\acsfs\profiles$\HENRIQUECO\Favorites\Links for Brasil\</t>
  </si>
  <si>
    <t>\\acsfs\profiles$\HENRIQUECO\Favorites\Links for Brasil\desktop.ini</t>
  </si>
  <si>
    <t>\\acsfs\profiles$\HENRIQUECO\Favorites\Links for Brasil\Microsoft Brasil.url</t>
  </si>
  <si>
    <t>\\acsfs\profiles$\HENRIQUECO\Favorites\Links for Brasil\Windows Brasil.url</t>
  </si>
  <si>
    <t>\\acsfs\profiles$\HENRIQUECO\Favorites\Links for Brasil\MSN Brasil.url</t>
  </si>
  <si>
    <t>lu97481506g.tmp</t>
  </si>
  <si>
    <t>\\acsfs\profiles$\Flaviojmm\My Documents\lu97481506g.tmp</t>
  </si>
  <si>
    <t>\\acsfs\profiles$\Flaviojmm\My Documents\lu97481506g.tmp\</t>
  </si>
  <si>
    <t>\\acsfs\profiles$\Flaviojmm\My Documents\lu97481506g.tmp\META-INF\</t>
  </si>
  <si>
    <t>\\acsfs\profiles$\Flaviojmm\My Documents\lu97481506g.tmp\Thumbnails\</t>
  </si>
  <si>
    <t>8c94240e-2132-422a-918c-89e8d2437530.tmp</t>
  </si>
  <si>
    <t>\\acsfs\profiles$\alinepp\Downloads\8c94240e-2132-422a-918c-89e8d2437530.tmp</t>
  </si>
  <si>
    <t>1b932abd-cbce-47e7-8b92-a99943616837.tmp</t>
  </si>
  <si>
    <t>\\acsfs\profiles$\alinepp\Downloads\1b932abd-cbce-47e7-8b92-a99943616837.tmp</t>
  </si>
  <si>
    <t>7d646a25-b8e9-475e-ade1-ae30411b0208.tmp</t>
  </si>
  <si>
    <t>\\acsfs\profiles$\alinepp\Downloads\7d646a25-b8e9-475e-ade1-ae30411b0208.tmp</t>
  </si>
  <si>
    <t>C:\Users\lucianocle\OneDrive\Pessoal\Investimentos\Aplicações\Carteira\</t>
  </si>
  <si>
    <t>Carteira Investimentos.xlsx</t>
  </si>
  <si>
    <t>fa935319-545a-4586-a641-fb58e612342d.tmp</t>
  </si>
  <si>
    <t>\\acsfs\profiles$\larissaad\Downloads\fa935319-545a-4586-a641-fb58e612342d.tmp</t>
  </si>
  <si>
    <t>b78408f3-7a63-4893-9cc6-c58669689d13.tmp</t>
  </si>
  <si>
    <t>\\acsfs\profiles$\matheusmax\Downloads\b78408f3-7a63-4893-9cc6-c58669689d13.tmp</t>
  </si>
  <si>
    <t>f620a275-b5e8-4d7e-a4cf-7520e0f8137c.tmp</t>
  </si>
  <si>
    <t>\\acsfs\profiles$\matheusmax\Downloads\f620a275-b5e8-4d7e-a4cf-7520e0f8137c.tmp</t>
  </si>
  <si>
    <t>\\acsfs\Deptos\EDUCACAO EMPRESARIAL\KÉSIA\A36A9D3A.tmp\</t>
  </si>
  <si>
    <t>\\acsfs\Deptos\EDUCACAO EMPRESARIAL\KÉSIA\A36A9D3A.tmp\:Zone.Identifier:$DATA</t>
  </si>
  <si>
    <t>5c70a4b0-8341-4030-a76a-9044e23ddda1.tmp</t>
  </si>
  <si>
    <t>\\acsfs\profiles$\lorraynevam\Downloads\5c70a4b0-8341-4030-a76a-9044e23ddda1.tmp</t>
  </si>
  <si>
    <t>\\acsfs\profiles$\lorraynevam\Downloads\5c70a4b0-8341-4030-a76a-9044e23ddda1.tmp\</t>
  </si>
  <si>
    <t>\\acsfs\profiles$\lorraynevam\Downloads\5c70a4b0-8341-4030-a76a-9044e23ddda1.tmp\META-INF\</t>
  </si>
  <si>
    <t>\\acsfs\profiles$\lorraynevam\Downloads\5c70a4b0-8341-4030-a76a-9044e23ddda1.tmp\Thumbnails\</t>
  </si>
  <si>
    <t>.~lock.Controle de vendas (1).ods#</t>
  </si>
  <si>
    <t>\\acsfs\profiles$\lorraynevam\Downloads\.~lock.Controle de vendas (1).ods#</t>
  </si>
  <si>
    <t>\\acsfs\DEPTOS\Operacao\PCP\5 - Comum\ACOMPANHAMENTO AMEX\10- Acompanhamento PF\BACKOFFICE PF\04-CONTROLES INTERNOS\04 - PAINEL IMPRODUTIVIDADE\2019\12 - Dezembro\</t>
  </si>
  <si>
    <t>Painel de Improdutividade - Controles Internos - Dezembro - Fechamento.xlsx</t>
  </si>
  <si>
    <t>343db5c4-a48f-4fd1-912e-67c0e6e0915b.tmp</t>
  </si>
  <si>
    <t>\\acsfs\profiles$\laylaams\Downloads\343db5c4-a48f-4fd1-912e-67c0e6e0915b.tmp</t>
  </si>
  <si>
    <t>f21383a9-c8a8-4563-b67f-e7521976d01c.tmp</t>
  </si>
  <si>
    <t>\\acsfs\profiles$\laylaams\Downloads\f21383a9-c8a8-4563-b67f-e7521976d01c.tmp</t>
  </si>
  <si>
    <t>92d79e99-915c-46f7-8978-aae332898f27.tmp</t>
  </si>
  <si>
    <t>\\acsfs\profiles$\victorgl\Downloads\92d79e99-915c-46f7-8978-aae332898f27.tmp</t>
  </si>
  <si>
    <t>6373a71f-5300-443d-b0e4-a91748da5379.tmp</t>
  </si>
  <si>
    <t>\\acsfs\profiles$\sarahbal\Downloads\6373a71f-5300-443d-b0e4-a91748da5379.tmp</t>
  </si>
  <si>
    <t>mail.google.com/_/upload?authuser=0&amp;dcp=asu-n&amp;upload_id=AEnB2UrIHeUWw9OrP_ESQP5K-dc3fYzycfyuszmsEXEcaLR5pHMvjIu3eQ9ALb2eXSqsUKkX-4ehidQ6ZBULZDE8O3K2hIcL2A&amp;upload_protocol=resumable</t>
  </si>
  <si>
    <t>D:\AlgarTech\Planejamento_Engenharia\Opex\2020 - Solicitacoes\Hitachi-HUS-VM-Brocade\</t>
  </si>
  <si>
    <t>Formulário Compra - Proposta Comercial Renovação de Contrato de Manutenção - ALGAR TI - 2020 v3 - Hitachi.xlsx</t>
  </si>
  <si>
    <t>ALEXANDRE MILHOMEM MARACAIPE_1_6773626784126674235_1_32.wav</t>
  </si>
  <si>
    <t>\\acsfs\Deptos\EDUCACAO EMPRESARIAL\KÉSIA\Ligações 1º Ciclo - Janeiro 2020\ALEXANDRE MILHOMEM MARACAIPE_1_6773626784126674235_1_32.wav</t>
  </si>
  <si>
    <t>6ce7e9c2-5b81-41b4-87aa-49905f622415.tmp</t>
  </si>
  <si>
    <t>\\acsfs\profiles$\philipegsf\Downloads\6ce7e9c2-5b81-41b4-87aa-49905f622415.tmp</t>
  </si>
  <si>
    <t>C:\Users\adilsonloj\Downloads\</t>
  </si>
  <si>
    <t>IMG_1065.jpg</t>
  </si>
  <si>
    <t>IMG_1068.jpg</t>
  </si>
  <si>
    <t>IMG_1066.jpg</t>
  </si>
  <si>
    <t>IMG_1067.jpg</t>
  </si>
  <si>
    <t>e1d5093a-d3bb-47d5-a70f-cfc15ac97dd4.tmp</t>
  </si>
  <si>
    <t>\\acsfs\profiles$\gabrielamdp\Downloads\e1d5093a-d3bb-47d5-a70f-cfc15ac97dd4.tmp</t>
  </si>
  <si>
    <t>f4e19b90-5207-42ec-90ea-1b55d394c6e3.tmp</t>
  </si>
  <si>
    <t>\\acsfs\profiles$\gabrielamdp\Downloads\f4e19b90-5207-42ec-90ea-1b55d394c6e3.tmp</t>
  </si>
  <si>
    <t>dfa5c642-0a0a-425c-9f5d-72a26d8e4e6c.tmp</t>
  </si>
  <si>
    <t>\\acsfs\profiles$\gabrielamdp\Downloads\dfa5c642-0a0a-425c-9f5d-72a26d8e4e6c.tmp</t>
  </si>
  <si>
    <t>6c71e63a-305d-4294-bcef-a74f9beaf995.tmp</t>
  </si>
  <si>
    <t>\\acsfs\profiles$\gabrielamdp\Downloads\6c71e63a-305d-4294-bcef-a74f9beaf995.tmp</t>
  </si>
  <si>
    <t>9f10931a-4c8f-4606-9671-c0044abaed53.tmp</t>
  </si>
  <si>
    <t>\\acsfs\profiles$\victorgl\Downloads\9f10931a-4c8f-4606-9671-c0044abaed53.tmp</t>
  </si>
  <si>
    <t>7f0aedf2-be14-40bd-8719-b56047d50005.tmp</t>
  </si>
  <si>
    <t>\\acsfs\profiles$\philipegsf\Downloads\7f0aedf2-be14-40bd-8719-b56047d50005.tmp</t>
  </si>
  <si>
    <t>9ad9ba55-2513-4d4d-ae38-61396bfaed26.tmp</t>
  </si>
  <si>
    <t>\\acsfs\profiles$\regisadsa\Downloads\9ad9ba55-2513-4d4d-ae38-61396bfaed26.tmp</t>
  </si>
  <si>
    <t>d1ead487-3954-4abe-83b8-3c152dd71cd0.tmp</t>
  </si>
  <si>
    <t>\\acsfs\profiles$\regisadsa\Downloads\d1ead487-3954-4abe-83b8-3c152dd71cd0.tmp</t>
  </si>
  <si>
    <t>638fa8d7-4083-4cd9-a37b-daabe011a62e.tmp</t>
  </si>
  <si>
    <t>\\acsfs\profiles$\luanaagl\Downloads\638fa8d7-4083-4cd9-a37b-daabe011a62e.tmp</t>
  </si>
  <si>
    <t>e463308b-d6f4-4002-aac4-4c5d98afccf1.tmp</t>
  </si>
  <si>
    <t>\\acsfs\profiles$\luanaagl\Downloads\e463308b-d6f4-4002-aac4-4c5d98afccf1.tmp</t>
  </si>
  <si>
    <t>8ed6ce96-4d6c-4873-b67a-aa1c76f53fbb.tmp</t>
  </si>
  <si>
    <t>\\acsfs\profiles$\luanaagl\Downloads\8ed6ce96-4d6c-4873-b67a-aa1c76f53fbb.tmp</t>
  </si>
  <si>
    <t>21511483-502a-4c77-8492-1c982db39958.tmp</t>
  </si>
  <si>
    <t>\\acsfs\profiles$\luanaagl\Downloads\21511483-502a-4c77-8492-1c982db39958.tmp</t>
  </si>
  <si>
    <t>b24968f9-92b8-4455-b91d-c950a5be68b4.tmp</t>
  </si>
  <si>
    <t>\\acsfs\profiles$\gabrielamdp\Downloads\b24968f9-92b8-4455-b91d-c950a5be68b4.tmp</t>
  </si>
  <si>
    <t>ea6ceaca-b030-4b45-ba7b-54b430faa703.tmp</t>
  </si>
  <si>
    <t>\\acsfs\profiles$\vivianibfs\Downloads\ea6ceaca-b030-4b45-ba7b-54b430faa703.tmp</t>
  </si>
  <si>
    <t>aee63d7f-bf28-4ee2-bac1-68f37602844f.tmp</t>
  </si>
  <si>
    <t>\\acsfs\profiles$\vivianibfs\Downloads\aee63d7f-bf28-4ee2-bac1-68f37602844f.tmp</t>
  </si>
  <si>
    <t>6cbabbdc-c30a-4fba-8b06-8e5297dc59ab.tmp</t>
  </si>
  <si>
    <t>\\acsfs\profiles$\vivianibfs\Downloads\6cbabbdc-c30a-4fba-8b06-8e5297dc59ab.tmp</t>
  </si>
  <si>
    <t>610a8342-7382-4782-80e1-f35cdde9637d.tmp</t>
  </si>
  <si>
    <t>\\acsfs\profiles$\vivianibfs\Downloads\610a8342-7382-4782-80e1-f35cdde9637d.tmp</t>
  </si>
  <si>
    <t>lu97481506l.tmp</t>
  </si>
  <si>
    <t>\\acsfs\profiles$\Flaviojmm\My Documents\lu97481506l.tmp</t>
  </si>
  <si>
    <t>\\acsfs\profiles$\Flaviojmm\My Documents\lu97481506l.tmp\</t>
  </si>
  <si>
    <t>\\acsfs\profiles$\Flaviojmm\My Documents\lu97481506l.tmp\META-INF\</t>
  </si>
  <si>
    <t>\\acsfs\profiles$\Flaviojmm\My Documents\lu97481506l.tmp\Thumbnails\</t>
  </si>
  <si>
    <t>lu97481506q.tmp</t>
  </si>
  <si>
    <t>\\acsfs\profiles$\Flaviojmm\My Documents\lu97481506q.tmp</t>
  </si>
  <si>
    <t>\\acsfs\profiles$\Flaviojmm\My Documents\lu97481506q.tmp\</t>
  </si>
  <si>
    <t>\\acsfs\profiles$\Flaviojmm\My Documents\lu97481506q.tmp\META-INF\</t>
  </si>
  <si>
    <t>\\acsfs\profiles$\Flaviojmm\My Documents\lu97481506q.tmp\Thumbnails\</t>
  </si>
  <si>
    <t>e6c9fdb0-6a4c-48cc-9bb2-924fc66b6613.tmp</t>
  </si>
  <si>
    <t>\\acsfs\profiles$\brunalas\Downloads\e6c9fdb0-6a4c-48cc-9bb2-924fc66b6613.tmp</t>
  </si>
  <si>
    <t>lu79481asj7x.tmp</t>
  </si>
  <si>
    <t>\\acsfs\profiles$\jalilebds\Downloads\lu79481asj7x.tmp</t>
  </si>
  <si>
    <t>lu91924clvl.tmp</t>
  </si>
  <si>
    <t>\\acsfs\profiles$\LUCASBS\RENEG BV\lu91924clvl.tmp</t>
  </si>
  <si>
    <t>\\acsfs\profiles$\LUCASBS\RENEG BV\lu91924clvl.tmp\</t>
  </si>
  <si>
    <t>\\acsfs\profiles$\LUCASBS\RENEG BV\lu91924clvl.tmp\META-INF\</t>
  </si>
  <si>
    <t>\\acsfs\profiles$\LUCASBS\RENEG BV\lu91924clvl.tmp\Thumbnails\</t>
  </si>
  <si>
    <t>.~lock.RENEG BV - Venc 08.01.2020 - Lucas.ods#</t>
  </si>
  <si>
    <t>\\acsfs\profiles$\LUCASBS\RENEG BV\Consolidado\.~lock.RENEG BV - Venc 08.01.2020 - Lucas.ods#</t>
  </si>
  <si>
    <t>lu11136ddw19.tmp</t>
  </si>
  <si>
    <t>\\acsfs\profiles$\LUCASBS\RENEG BV\Consolidado\lu11136ddw19.tmp</t>
  </si>
  <si>
    <t>\\acsfs\profiles$\LUCASBS\RENEG BV\Consolidado\lu11136ddw19.tmp\</t>
  </si>
  <si>
    <t>\\acsfs\profiles$\LUCASBS\RENEG BV\Consolidado\lu11136ddw19.tmp\META-INF\</t>
  </si>
  <si>
    <t>\\acsfs\profiles$\LUCASBS\RENEG BV\Consolidado\lu11136ddw19.tmp\Thumbnails\</t>
  </si>
  <si>
    <t>lu2732dellx.tmp</t>
  </si>
  <si>
    <t>\\acsfs\profiles$\LUCASBS\RENEG BV\Consolidado\lu2732dellx.tmp</t>
  </si>
  <si>
    <t>\\acsfs\profiles$\LUCASBS\RENEG BV\Consolidado\lu2732dellx.tmp\</t>
  </si>
  <si>
    <t>\\acsfs\profiles$\LUCASBS\RENEG BV\Consolidado\lu2732dellx.tmp\META-INF\</t>
  </si>
  <si>
    <t>\\acsfs\profiles$\LUCASBS\RENEG BV\Consolidado\lu2732dellx.tmp\Thumbnails\</t>
  </si>
  <si>
    <t>11123;</t>
  </si>
  <si>
    <t>https://11123</t>
  </si>
  <si>
    <t>281fd8dd-f3e7-4e36-90df-2ceb385d54a5.tmp</t>
  </si>
  <si>
    <t>\\acsfs\profiles$\karinarm\Downloads\281fd8dd-f3e7-4e36-90df-2ceb385d54a5.tmp</t>
  </si>
  <si>
    <t>55fdb986-74a4-49f8-a81d-aed173391472.tmp</t>
  </si>
  <si>
    <t>\\acsfs\profiles$\henriqueco\Downloads\55fdb986-74a4-49f8-a81d-aed173391472.tmp</t>
  </si>
  <si>
    <t>a3652fa5-b9cf-45f6-ba82-2f5083f7f5d6.tmp</t>
  </si>
  <si>
    <t>\\acsfs\profiles$\henriqueco\Downloads\a3652fa5-b9cf-45f6-ba82-2f5083f7f5d6.tmp</t>
  </si>
  <si>
    <t>3e6a2c79-22c9-493c-8aa8-a905235b30d8.tmp</t>
  </si>
  <si>
    <t>\\acsfs\profiles$\henriqueco\Downloads\3e6a2c79-22c9-493c-8aa8-a905235b30d8.tmp</t>
  </si>
  <si>
    <t>d27031d4-82fa-4310-a01b-e31af44903d4.tmp</t>
  </si>
  <si>
    <t>\\acsfs\profiles$\JOAOVAL\Downloads\d27031d4-82fa-4310-a01b-e31af44903d4.tmp</t>
  </si>
  <si>
    <t>4c5d1543-3fde-4f40-8f8e-166bdc251539.tmp</t>
  </si>
  <si>
    <t>\\acsfs\profiles$\mariajra\Downloads\4c5d1543-3fde-4f40-8f8e-166bdc251539.tmp</t>
  </si>
  <si>
    <t>f419ce5d-0835-4878-9a5b-b4a2e9b998eb.tmp</t>
  </si>
  <si>
    <t>\\acsfs\profiles$\vivianibfs\Downloads\f419ce5d-0835-4878-9a5b-b4a2e9b998eb.tmp</t>
  </si>
  <si>
    <t>ac0747b6-2f71-4b7f-bea2-8c14cdae83e0.tmp</t>
  </si>
  <si>
    <t>\\acsfs\profiles$\vivianibfs\Downloads\ac0747b6-2f71-4b7f-bea2-8c14cdae83e0.tmp</t>
  </si>
  <si>
    <t>a2f7ce8a-9a82-46a3-9cfb-e7d13ea80e96.tmp</t>
  </si>
  <si>
    <t>\\acsfs\profiles$\brunalas\Downloads\a2f7ce8a-9a82-46a3-9cfb-e7d13ea80e96.tmp</t>
  </si>
  <si>
    <t>100014066415799;</t>
  </si>
  <si>
    <t>https://100014066415799</t>
  </si>
  <si>
    <t>Relatorio de Vendas - Auditoria BV Cartoes (Janeiro) - Cópia.xlsx</t>
  </si>
  <si>
    <t>\\acsfs\DEPTOS\Operacao\Banco_Votorantim\Qualidade\Anderson\Jose\Atualizado\Relatorio de Vendas - Auditoria BV Cartoes (Janeiro) - Cópia.xlsx</t>
  </si>
  <si>
    <t>patriciaars@algartech.com;</t>
  </si>
  <si>
    <t>\\acsfs\dsti\Precificações\09 - TESTES\2020\01 - Janeiro\Erros\</t>
  </si>
  <si>
    <t>Plan Precificacao C018 B018.xlsb</t>
  </si>
  <si>
    <t>patriciaars@algartech.com</t>
  </si>
  <si>
    <t>\\acsfs\dsti\Precificações\09 - TESTES\2020\01 - Janeiro\Erros\Plan Precificacao C018 B018.xlsb\</t>
  </si>
  <si>
    <t>mail.google.com/_/upload?authuser=0&amp;dcp=asu-n&amp;upload_id=AEnB2UrTVe3KVqXihUBJK7Hx14UgHdxDxN1y8Y3INwPKB6P0gqJkvXXPJYSvfSLiAdeGzs8RZaMwcQCcSPf0vWVJAPBMPqXf0w&amp;upload_protocol=resumable</t>
  </si>
  <si>
    <t>Plan Precificacao C019 B019.xlsb</t>
  </si>
  <si>
    <t>\\acsfs\dsti\Precificações\09 - TESTES\2020\01 - Janeiro\Erros\Plan Precificacao C019 B019.xlsb\</t>
  </si>
  <si>
    <t>c5150a06-20e8-4197-9158-18c3bbb0a412.tmp</t>
  </si>
  <si>
    <t>\\acsfs\profiles$\luanaagl\Downloads\c5150a06-20e8-4197-9158-18c3bbb0a412.tmp</t>
  </si>
  <si>
    <t>mail.google.com/_/upload?authuser=0&amp;dcp=asu-n&amp;upload_id=AEnB2UpwUxJY9fao3PzFjlGUk3jeLT71OcEBlW4SRBRuuNAsFeElpElzgadEUU728Z1SgsB7uOfHHnvvEqx1drUQ-CCGvhZdlW8rY5TRZ9wjeUt-3NK0twQ&amp;upload_protocol=resumable</t>
  </si>
  <si>
    <t>C:\Users\ericacdosc\Desktop\Nimbus\Entregas 02-01\</t>
  </si>
  <si>
    <t>Relatório Inventário FA Corp Consolidado_atualizado_Software_Nov19.xlsb</t>
  </si>
  <si>
    <t>C:\Users\rafaelbdt\Downloads\</t>
  </si>
  <si>
    <t>SAGE BRASIL SOFTWARE S.A.xls</t>
  </si>
  <si>
    <t>lu2732delm2.tmp</t>
  </si>
  <si>
    <t>\\acsfs\profiles$\LUCASBS\RENEG BV\Consolidado\lu2732delm2.tmp</t>
  </si>
  <si>
    <t>\\acsfs\profiles$\LUCASBS\RENEG BV\Consolidado\lu2732delm2.tmp\</t>
  </si>
  <si>
    <t>\\acsfs\profiles$\LUCASBS\RENEG BV\Consolidado\lu2732delm2.tmp\META-INF\</t>
  </si>
  <si>
    <t>\\acsfs\profiles$\LUCASBS\RENEG BV\Consolidado\lu2732delm2.tmp\Thumbnails\</t>
  </si>
  <si>
    <t>8f9da411-f1c2-4795-a1af-2bb2d26096e3.tmp</t>
  </si>
  <si>
    <t>\\acsfs\profiles$\brendavdoa\Downloads\8f9da411-f1c2-4795-a1af-2bb2d26096e3.tmp</t>
  </si>
  <si>
    <t>f197bce1-393a-44dc-91b8-ccb7beb6ce20.tmp</t>
  </si>
  <si>
    <t>\\acsfs\profiles$\fabianafv\Downloads\f197bce1-393a-44dc-91b8-ccb7beb6ce20.tmp</t>
  </si>
  <si>
    <t>caf6de32-6f01-4296-8dbe-be6ea37c553e.tmp</t>
  </si>
  <si>
    <t>\\acsfs\profiles$\fabianobmf\Downloads\caf6de32-6f01-4296-8dbe-be6ea37c553e.tmp</t>
  </si>
  <si>
    <t>Guia Melhores Fundos.xlsm.xlsx</t>
  </si>
  <si>
    <t>lu261206l55sm.tmp</t>
  </si>
  <si>
    <t>\\acsfs\profiles$\CINTIADCF\lu261206l55sm.tmp</t>
  </si>
  <si>
    <t>\\acsfs\profiles$\CINTIADCF\lu261206l55sm.tmp\</t>
  </si>
  <si>
    <t>\\acsfs\profiles$\CINTIADCF\lu261206l55sm.tmp\META-INF\</t>
  </si>
  <si>
    <t>\\acsfs\profiles$\CINTIADCF\lu261206l55sm.tmp\Thumbnails\</t>
  </si>
  <si>
    <t>70cc0166-2f63-4831-af5a-484cea7c192d.tmp</t>
  </si>
  <si>
    <t>\\acsfs\profiles$\cintiadjl\Downloads\70cc0166-2f63-4831-af5a-484cea7c192d.tmp</t>
  </si>
  <si>
    <t>2a78f0a7-ec67-4879-adcd-a37680c38c98.tmp</t>
  </si>
  <si>
    <t>\\acsfs\profiles$\LAISLG\Downloads\2a78f0a7-ec67-4879-adcd-a37680c38c98.tmp</t>
  </si>
  <si>
    <t>1b601ecf-ca17-41d7-840f-16dc39e573b7.tmp</t>
  </si>
  <si>
    <t>\\acsfs\profiles$\LAISLG\Downloads\1b601ecf-ca17-41d7-840f-16dc39e573b7.tmp</t>
  </si>
  <si>
    <t>106c5348-6912-4da5-9087-207da59858ad.tmp</t>
  </si>
  <si>
    <t>\\acsfs\profiles$\cintiadjl\Downloads\106c5348-6912-4da5-9087-207da59858ad.tmp</t>
  </si>
  <si>
    <t>c050d4c5-1ae0-4a9d-8998-d0061e2b1dd4.tmp</t>
  </si>
  <si>
    <t>\\acsfs\profiles$\philipegsf\Downloads\c050d4c5-1ae0-4a9d-8998-d0061e2b1dd4.tmp</t>
  </si>
  <si>
    <t>lu2732delm7.tmp</t>
  </si>
  <si>
    <t>\\acsfs\profiles$\LUCASBS\RENEG BV\Consolidado\lu2732delm7.tmp</t>
  </si>
  <si>
    <t>\\acsfs\profiles$\LUCASBS\RENEG BV\Consolidado\lu2732delm7.tmp\</t>
  </si>
  <si>
    <t>\\acsfs\profiles$\LUCASBS\RENEG BV\Consolidado\lu2732delm7.tmp\META-INF\</t>
  </si>
  <si>
    <t>\\acsfs\profiles$\LUCASBS\RENEG BV\Consolidado\lu2732delm7.tmp\Thumbnails\</t>
  </si>
  <si>
    <t>bfd909d9-5591-40d2-9841-5373a6c03660.tmp</t>
  </si>
  <si>
    <t>\\acsfs\profiles$\rafaelacdoc\Downloads\bfd909d9-5591-40d2-9841-5373a6c03660.tmp</t>
  </si>
  <si>
    <t>01c3bb7a-2300-41ca-bba2-0fd33f4e74ff.tmp</t>
  </si>
  <si>
    <t>\\acsfs\profiles$\rafaelacdoc\Downloads\01c3bb7a-2300-41ca-bba2-0fd33f4e74ff.tmp</t>
  </si>
  <si>
    <t>1ff8a3b0-f6ec-473c-9911-82122532194c.tmp</t>
  </si>
  <si>
    <t>\\acsfs\profiles$\fabianafv\Downloads\1ff8a3b0-f6ec-473c-9911-82122532194c.tmp</t>
  </si>
  <si>
    <t>c896a002-ca8e-4510-a449-e19b680952a2.tmp</t>
  </si>
  <si>
    <t>\\acsfs\profiles$\fabianobmf\Downloads\c896a002-ca8e-4510-a449-e19b680952a2.tmp</t>
  </si>
  <si>
    <t>100014136373615;</t>
  </si>
  <si>
    <t>https://100014136373615</t>
  </si>
  <si>
    <t>832e03f5-d50f-461b-a949-b3efd63748ff.tmp</t>
  </si>
  <si>
    <t>\\acsfs\profiles$\brendadsl\Downloads\832e03f5-d50f-461b-a949-b3efd63748ff.tmp</t>
  </si>
  <si>
    <t>RAFAELA MARQUES SOUZA VALIM_1_6775136340577159913_1_32.wav</t>
  </si>
  <si>
    <t>\\acsfs\Deptos\EDUCACAO EMPRESARIAL\KÉSIA\Ligações 1º Ciclo - Janeiro 2020\RAFAELA MARQUES SOUZA VALIM_1_6775136340577159913_1_32.wav</t>
  </si>
  <si>
    <t>6b01e160-0a7b-4873-84c4-6596b1b74ccd.tmp</t>
  </si>
  <si>
    <t>\\acsfs\profiles$\cintiadjl\Downloads\6b01e160-0a7b-4873-84c4-6596b1b74ccd.tmp</t>
  </si>
  <si>
    <t>310bddfa-3457-4c14-8dde-329071e898d1.tmp</t>
  </si>
  <si>
    <t>\\acsfs\profiles$\cintiadjl\Downloads\310bddfa-3457-4c14-8dde-329071e898d1.tmp</t>
  </si>
  <si>
    <t>Relatorio de Vendas - Auditoria BV Cartoes (Janeiro) -cliente.xlsx</t>
  </si>
  <si>
    <t>\\acsfs\DEPTOS\Operacao\Banco_Votorantim\Qualidade\Anderson\Jose\Atualizado\Relatorio de Vendas - Auditoria BV Cartoes (Janeiro) -cliente.xlsx</t>
  </si>
  <si>
    <t>Relatorio de Vendas - Auditoria BV Cartoes (Janeiro) -cliente - Cópia.xlsx</t>
  </si>
  <si>
    <t>\\acsfs\DEPTOS\Operacao\Banco_Votorantim\Qualidade\Anderson\Jose\Atualizado\Relatorio de Vendas - Auditoria BV Cartoes (Janeiro) -cliente - Cópia.xlsx</t>
  </si>
  <si>
    <t>Relatorio de Vendas - Auditoria BV Cartoes (Janeiro) -correto - cliente - Cópia.xlsx</t>
  </si>
  <si>
    <t>\\acsfs\DEPTOS\Operacao\Banco_Votorantim\Qualidade\Anderson\Jose\Atualizado\Relatorio de Vendas - Auditoria BV Cartoes (Janeiro) -correto - cliente - Cópia.xlsx</t>
  </si>
  <si>
    <t>GABRIELA FERREIRA SILVA (17206).contact</t>
  </si>
  <si>
    <t>\\acsfs\profiles$\gabrielafs\Contacts\GABRIELA FERREIRA SILVA (17206).contact</t>
  </si>
  <si>
    <t>ec6bfe22-cf9e-4969-bac0-c058f4ba4c4b.tmp</t>
  </si>
  <si>
    <t>\\acsfs\profiles$\regisedsj\Downloads\ec6bfe22-cf9e-4969-bac0-c058f4ba4c4b.tmp</t>
  </si>
  <si>
    <t>lu97481506z.tmp</t>
  </si>
  <si>
    <t>\\acsfs\profiles$\Flaviojmm\My Documents\lu97481506z.tmp</t>
  </si>
  <si>
    <t>\\acsfs\profiles$\Flaviojmm\My Documents\lu97481506z.tmp\</t>
  </si>
  <si>
    <t>\\acsfs\profiles$\Flaviojmm\My Documents\lu97481506z.tmp\META-INF\</t>
  </si>
  <si>
    <t>\\acsfs\profiles$\Flaviojmm\My Documents\lu97481506z.tmp\Thumbnails\</t>
  </si>
  <si>
    <t>6b357acb-08f2-4204-8877-18734e3595dd.tmp</t>
  </si>
  <si>
    <t>\\acsfs\profiles$\inarajst\Downloads\6b357acb-08f2-4204-8877-18734e3595dd.tmp</t>
  </si>
  <si>
    <t>c1ef5e6a-26f8-4d30-8a28-55c778c3f0b8.tmp</t>
  </si>
  <si>
    <t>\\acsfs\profiles$\inarajst\Downloads\c1ef5e6a-26f8-4d30-8a28-55c778c3f0b8.tmp</t>
  </si>
  <si>
    <t>44d2623f-fc84-4439-9da8-5948897749e3.tmp</t>
  </si>
  <si>
    <t>\\acsfs\profiles$\larissaad\Downloads\44d2623f-fc84-4439-9da8-5948897749e3.tmp</t>
  </si>
  <si>
    <t>3cba9824-b317-461a-8570-d8d42dabd50d.tmp</t>
  </si>
  <si>
    <t>\\acsfs\profiles$\larissaad\Downloads\3cba9824-b317-461a-8570-d8d42dabd50d.tmp</t>
  </si>
  <si>
    <t>fernandofs</t>
  </si>
  <si>
    <t>\\acsfs\profiles$\fernandofs\My Documents\My Pictures\</t>
  </si>
  <si>
    <t>\\acsfs\profiles$\fernandofs\My Documents\My Videos\desktop.ini</t>
  </si>
  <si>
    <t>\\acsfs\profiles$\fernandofs\My Documents\My Videos\</t>
  </si>
  <si>
    <t>\\acsfs\profiles$\fernandofs\My Documents\My Music\</t>
  </si>
  <si>
    <t>\\acsfs\profiles$\fernandofs\My Documents\My Pictures\desktop.ini</t>
  </si>
  <si>
    <t>\\acsfs\profiles$\fernandofs\Contacts\</t>
  </si>
  <si>
    <t>\\acsfs\profiles$\fernandofs\Contacts\desktop.ini</t>
  </si>
  <si>
    <t>\\acsfs\profiles$\fernandofs\My Documents\</t>
  </si>
  <si>
    <t>\\acsfs\profiles$\fernandofs\Favorites\desktop.ini</t>
  </si>
  <si>
    <t>\\acsfs\profiles$\fernandofs\My Documents\My Music\desktop.ini</t>
  </si>
  <si>
    <t>\\acsfs\profiles$\fernandofs\Searches\</t>
  </si>
  <si>
    <t>\\acsfs\profiles$\fernandofs\Searches\desktop.ini</t>
  </si>
  <si>
    <t>\\acsfs\profiles$\fernandofs\Downloads\</t>
  </si>
  <si>
    <t>\\acsfs\profiles$\fernandofs\Downloads\desktop.ini</t>
  </si>
  <si>
    <t>\\acsfs\profiles$\fernandofs\Favorites\</t>
  </si>
  <si>
    <t>\\acsfs\profiles$\fernandofs\My Documents\desktop.ini</t>
  </si>
  <si>
    <t>\\acsfs\profiles$\fernandofs\Saved Games\desktop.ini</t>
  </si>
  <si>
    <t>Relatorio de Vendas - Auditoria BV Cartoes (Janeiro) -correto - cliente.xlsx</t>
  </si>
  <si>
    <t>\\acsfs\DEPTOS\Operacao\Banco_Votorantim\Qualidade\Anderson\Jose\Atualizado\Relatorio de Vendas - Auditoria BV Cartoes (Janeiro) -correto - cliente.xlsx</t>
  </si>
  <si>
    <t>Relatorio de Vendas - Auditoria BV Cartoes (Janeiro) -correto - supervisor.xlsx</t>
  </si>
  <si>
    <t>\\acsfs\DEPTOS\Operacao\Banco_Votorantim\Qualidade\Anderson\Jose\Atualizado\Relatorio de Vendas - Auditoria BV Cartoes (Janeiro) -correto - supervisor.xlsx</t>
  </si>
  <si>
    <t>e573a207-fe70-4725-a8f8-74fe13ea468b.tmp</t>
  </si>
  <si>
    <t>\\acsfs\profiles$\gabrielafs\Downloads\e573a207-fe70-4725-a8f8-74fe13ea468b.tmp</t>
  </si>
  <si>
    <t>39fcb403-2ffa-4d88-a1db-74fa4c9c75dd.tmp</t>
  </si>
  <si>
    <t>\\acsfs\profiles$\gabrielafs\Downloads\39fcb403-2ffa-4d88-a1db-74fa4c9c75dd.tmp</t>
  </si>
  <si>
    <t>14708186-87eb-4a32-beb2-8800b5e3d308.tmp</t>
  </si>
  <si>
    <t>\\acsfs\profiles$\gabrielafs\Downloads\14708186-87eb-4a32-beb2-8800b5e3d308.tmp</t>
  </si>
  <si>
    <t>654c7b10-35c6-4a7d-b60a-a3f2fd568647.tmp</t>
  </si>
  <si>
    <t>\\acsfs\profiles$\henriqueco\Downloads\654c7b10-35c6-4a7d-b60a-a3f2fd568647.tmp</t>
  </si>
  <si>
    <t>8bd751d7-91e3-40c1-8e58-d6ef5d173577.tmp</t>
  </si>
  <si>
    <t>\\acsfs\profiles$\victorgl\Downloads\8bd751d7-91e3-40c1-8e58-d6ef5d173577.tmp</t>
  </si>
  <si>
    <t>516814d2-161a-4f1b-a759-07f6e818c522.tmp</t>
  </si>
  <si>
    <t>\\acsfs\profiles$\regisedsj\Downloads\516814d2-161a-4f1b-a759-07f6e818c522.tmp</t>
  </si>
  <si>
    <t>\\acsfs\profiles$\DANIELMLDS\ronaldo\</t>
  </si>
  <si>
    <t>danielmlds.txt</t>
  </si>
  <si>
    <t>\\acsfs\profiles$\DANIELMLDS\ronaldo\danielmlds.txt</t>
  </si>
  <si>
    <t>6197c2c4-d5b3-4f4b-afde-230c7c31da88.tmp</t>
  </si>
  <si>
    <t>\\acsfs\profiles$\matheushds\Downloads\6197c2c4-d5b3-4f4b-afde-230c7c31da88.tmp</t>
  </si>
  <si>
    <t>\\acsfs\profiles$\FLAVIOJMM\My Documents\.~lock.Reneg Vcto 08-01 Flavio.ods#</t>
  </si>
  <si>
    <t>9cf1e585-1a35-48c7-a986-18be68f7223d.tmp</t>
  </si>
  <si>
    <t>\\acsfs\profiles$\regisadsa\Downloads\9cf1e585-1a35-48c7-a986-18be68f7223d.tmp</t>
  </si>
  <si>
    <t>173e9e7a-8efb-4864-993d-f5e2162f88ae.tmp</t>
  </si>
  <si>
    <t>\\acsfs\profiles$\regisadsa\Downloads\173e9e7a-8efb-4864-993d-f5e2162f88ae.tmp</t>
  </si>
  <si>
    <t>4798e0a5-5c71-4609-b6c1-b106c38307c5.tmp</t>
  </si>
  <si>
    <t>\\acsfs\profiles$\regisadsa\Downloads\4798e0a5-5c71-4609-b6c1-b106c38307c5.tmp</t>
  </si>
  <si>
    <t>lu79481asj85.tmp</t>
  </si>
  <si>
    <t>\\acsfs\profiles$\jalilebds\Downloads\lu79481asj85.tmp</t>
  </si>
  <si>
    <t>fb9aa190-7a83-488f-b0c8-4d1165aba1e0.tmp</t>
  </si>
  <si>
    <t>\\acsfs\profiles$\edicarlosdl\Downloads\fb9aa190-7a83-488f-b0c8-4d1165aba1e0.tmp</t>
  </si>
  <si>
    <t>9fe1183b-c6c1-4d0a-b038-218fb52820e2.tmp</t>
  </si>
  <si>
    <t>\\acsfs\profiles$\rosileiam\Downloads\9fe1183b-c6c1-4d0a-b038-218fb52820e2.tmp</t>
  </si>
  <si>
    <t>996c08e7-2c6e-46d0-80d8-7a8e76ebd6f8.tmp</t>
  </si>
  <si>
    <t>\\acsfs\profiles$\fernandofs\Downloads\996c08e7-2c6e-46d0-80d8-7a8e76ebd6f8.tmp</t>
  </si>
  <si>
    <t>3111ba44-f2a7-433b-b8b1-9d07335ed1fe.tmp</t>
  </si>
  <si>
    <t>\\acsfs\profiles$\fernandofs\Downloads\3111ba44-f2a7-433b-b8b1-9d07335ed1fe.tmp</t>
  </si>
  <si>
    <t>65652450-a0e0-4e89-ac18-1a3036ace0f7.tmp</t>
  </si>
  <si>
    <t>\\acsfs\profiles$\philipegsf\Downloads\65652450-a0e0-4e89-ac18-1a3036ace0f7.tmp</t>
  </si>
  <si>
    <t>28eaf998-fbd7-4341-9de8-e4c31ffadc3e.tmp</t>
  </si>
  <si>
    <t>\\acsfs\profiles$\wenderbnm\Downloads\28eaf998-fbd7-4341-9de8-e4c31ffadc3e.tmp</t>
  </si>
  <si>
    <t>10.200.66.180</t>
  </si>
  <si>
    <t>89026bcd-0149-440d-aaef-a5657df88803.tmp</t>
  </si>
  <si>
    <t>\\acsfs\profiles$\andreapdsg\Downloads\89026bcd-0149-440d-aaef-a5657df88803.tmp</t>
  </si>
  <si>
    <t>3ab2c766-9bea-4faf-945a-9146eb44bbae.tmp</t>
  </si>
  <si>
    <t>\\acsfs\profiles$\andreapdsg\Downloads\3ab2c766-9bea-4faf-945a-9146eb44bbae.tmp</t>
  </si>
  <si>
    <t>lu715209l06ap.tmp</t>
  </si>
  <si>
    <t>\\acsfs\profiles$\ISABELLEGTDS\Nova pasta\lu715209l06ap.tmp</t>
  </si>
  <si>
    <t>\\acsfs\profiles$\ISABELLEGTDS\Nova pasta\lu715209l06ap.tmp\</t>
  </si>
  <si>
    <t>\\acsfs\profiles$\ISABELLEGTDS\Nova pasta\lu715209l06ap.tmp\META-INF\</t>
  </si>
  <si>
    <t>\\acsfs\profiles$\ISABELLEGTDS\Nova pasta\lu715209l06ap.tmp\Thumbnails\</t>
  </si>
  <si>
    <t>d39e9522-88df-4fde-b6a9-c5d946a12f85.tmp</t>
  </si>
  <si>
    <t>\\acsfs\profiles$\brendavdoa\Downloads\d39e9522-88df-4fde-b6a9-c5d946a12f85.tmp</t>
  </si>
  <si>
    <t>\\acsfs\ACS\Gabriel da Silva\Contemporânea\NPS\NPS CRBV.xlsb\</t>
  </si>
  <si>
    <t>\\acsfs\ACS\Gabriel da Silva\Contemporânea\NPS\NPS CRBV.xlsb</t>
  </si>
  <si>
    <t>NPS CRBV.xlsb</t>
  </si>
  <si>
    <t>a8db8d74-3c58-4eed-b70b-664f458b3e35.tmp</t>
  </si>
  <si>
    <t>\\acsfs\profiles$\alinepp\Downloads\a8db8d74-3c58-4eed-b70b-664f458b3e35.tmp</t>
  </si>
  <si>
    <t>9e7cd254-3861-48f2-9b69-d5cb5a43a193.tmp</t>
  </si>
  <si>
    <t>\\acsfs\profiles$\regisadsa\Downloads\9e7cd254-3861-48f2-9b69-d5cb5a43a193.tmp</t>
  </si>
  <si>
    <t>ec52f0e3-5066-44f1-a070-69a9a6314d25.tmp</t>
  </si>
  <si>
    <t>\\acsfs\profiles$\regisadsa\Downloads\ec52f0e3-5066-44f1-a070-69a9a6314d25.tmp</t>
  </si>
  <si>
    <t>b12de240-017f-4973-bbed-ff5b9b89b9ba.tmp</t>
  </si>
  <si>
    <t>\\acsfs\profiles$\gabrielarb\Downloads\b12de240-017f-4973-bbed-ff5b9b89b9ba.tmp</t>
  </si>
  <si>
    <t>86f6bd09-b5c8-404b-8818-3933e9d8abb1.tmp</t>
  </si>
  <si>
    <t>\\acsfs\profiles$\matheusmax\Downloads\86f6bd09-b5c8-404b-8818-3933e9d8abb1.tmp</t>
  </si>
  <si>
    <t>karolinasr@algartech.com;paulohm@algartech.com;</t>
  </si>
  <si>
    <t>C:\Users\rodrigormc\Desktop\Daily\01-Janeiro2020\</t>
  </si>
  <si>
    <t>Daily Unificado_Janeiro2020.xlsx</t>
  </si>
  <si>
    <t>karolinasr@algartech.com,paulohm@algartech.com</t>
  </si>
  <si>
    <t>ed9316af-9818-471b-9edc-d68894ea9b75.tmp</t>
  </si>
  <si>
    <t>\\acsfs\profiles$\rosileiam\Downloads\ed9316af-9818-471b-9edc-d68894ea9b75.tmp</t>
  </si>
  <si>
    <t>XLOG_vanessacgs_06012020_083006.log</t>
  </si>
  <si>
    <t>\\acsfs\profiles$\vanessacgs\My Documents\xworkcenter\logs\XLOG_vanessacgs_06012020_083006.log</t>
  </si>
  <si>
    <t>RELATORIO VENDAS 06-01.png</t>
  </si>
  <si>
    <t>\\acsfs\DEPTOS\Operacao\Banco_Votorantim\Qualidade\Anderson\Jose\Atualizado\RELATORIO VENDAS 06-01.png</t>
  </si>
  <si>
    <t>f8d19430-3729-4f65-a4e8-3be3ecaa797d.tmp</t>
  </si>
  <si>
    <t>\\acsfs\profiles$\leonardobb\Downloads\f8d19430-3729-4f65-a4e8-3be3ecaa797d.tmp</t>
  </si>
  <si>
    <t>3add186a-e397-4ac2-96ca-0906f7182de5.tmp</t>
  </si>
  <si>
    <t>\\acsfs\profiles$\laurandos\Downloads\3add186a-e397-4ac2-96ca-0906f7182de5.tmp</t>
  </si>
  <si>
    <t>lu79481asj88.tmp</t>
  </si>
  <si>
    <t>\\acsfs\profiles$\jalilebds\Downloads\lu79481asj88.tmp</t>
  </si>
  <si>
    <t>lu79481asj8b.tmp</t>
  </si>
  <si>
    <t>\\acsfs\profiles$\jalilebds\Downloads\lu79481asj8b.tmp</t>
  </si>
  <si>
    <t>mail.google.com/sync/u/0/i/s?hl=pt-BR&amp;c=288</t>
  </si>
  <si>
    <t>mail.google.com/sync/u/0/i/s?hl=pt-BR&amp;c=290</t>
  </si>
  <si>
    <t>mail.google.com/sync/u/0/i/s?hl=pt-BR&amp;c=292</t>
  </si>
  <si>
    <t>25edea59-46c8-49b3-8cd7-4c8e4d54ad9f.tmp</t>
  </si>
  <si>
    <t>\\acsfs\profiles$\gabrielafs\Downloads\25edea59-46c8-49b3-8cd7-4c8e4d54ad9f.tmp</t>
  </si>
  <si>
    <t>df0d07d5-0e5c-40e0-a84c-309fc245ab9a.tmp</t>
  </si>
  <si>
    <t>\\acsfs\profiles$\gabrielafs\Downloads\df0d07d5-0e5c-40e0-a84c-309fc245ab9a.tmp</t>
  </si>
  <si>
    <t>d22f9b65-9a85-4eac-81e4-3be8eab8f05d.tmp</t>
  </si>
  <si>
    <t>\\acsfs\profiles$\gabrielafs\Downloads\d22f9b65-9a85-4eac-81e4-3be8eab8f05d.tmp</t>
  </si>
  <si>
    <t>0099a360-aeeb-4a0e-aef3-507f3f865e28.tmp</t>
  </si>
  <si>
    <t>\\acsfs\profiles$\gabrielafs\Downloads\0099a360-aeeb-4a0e-aef3-507f3f865e28.tmp</t>
  </si>
  <si>
    <t>ROZENCA MAIOLINO_1_6773614324426549077_1_32.wav</t>
  </si>
  <si>
    <t>\\acsfs\Deptos\EDUCACAO EMPRESARIAL\KÉSIA\Ligações 1º Ciclo - Janeiro 2020\ROZENCA MAIOLINO_1_6773614324426549077_1_32.wav</t>
  </si>
  <si>
    <t>79eb5651-f0fe-47d3-bc4e-6866334c1b2f.tmp</t>
  </si>
  <si>
    <t>\\acsfs\profiles$\LAISLG\Downloads\79eb5651-f0fe-47d3-bc4e-6866334c1b2f.tmp</t>
  </si>
  <si>
    <t>edilsonrb@algartech.com;gildaepma@algartech.com;victorhsr@algartech.com;</t>
  </si>
  <si>
    <t>\\ACSFS\Engeset\FINANCEIRO_ULA\CONTROLA\SG\00 - Aplicações\00- Rascunho\01_Cadastro_CR\CRIAÇÃO CR\</t>
  </si>
  <si>
    <t>Criação CR -VALE S.A - RATE CARD.xlsx</t>
  </si>
  <si>
    <t>edilsonrb@algartech.com,gildaepma@algartech.com,victorhsr@algartech.com</t>
  </si>
  <si>
    <t>Criação CR -VALE S.A – NOC.xlsx</t>
  </si>
  <si>
    <t>XLOG_ellencds_06012020_065959.log</t>
  </si>
  <si>
    <t>\\acsfs\profiles$\ellencds\My Documents\xworkcenter\logs\XLOG_ellencds_06012020_065959.log</t>
  </si>
  <si>
    <t>290a13e8-d45f-4c05-aa9c-fa448b216b9f.tmp</t>
  </si>
  <si>
    <t>\\acsfs\profiles$\KARENJSS\Downloads\290a13e8-d45f-4c05-aa9c-fa448b216b9f.tmp</t>
  </si>
  <si>
    <t>XLOG_tiagosno_06012020_072710.log</t>
  </si>
  <si>
    <t>\\acsfs\profiles$\tiagosno\My Documents\xworkcenter\logs\XLOG_tiagosno_06012020_072710.log</t>
  </si>
  <si>
    <t>\\acsfs\ACS\Gabriel da Silva\Contemporânea\BDBV\7479C16B.tmp\</t>
  </si>
  <si>
    <t>\\acsfs\ACS\Gabriel da Silva\Contemporânea\BDBV\7479C16B.tmp\:Zone.Identifier:$DATA</t>
  </si>
  <si>
    <t>5f286b41-cfea-4929-8078-ad98db20823e.tmp</t>
  </si>
  <si>
    <t>\\acsfs\profiles$\alinepp\Downloads\5f286b41-cfea-4929-8078-ad98db20823e.tmp</t>
  </si>
  <si>
    <t>XLOG_anacdos_06012020_064622.log</t>
  </si>
  <si>
    <t>\\acsfs\profiles$\anacdos\My Documents\xworkcenter\logs\XLOG_anacdos_06012020_064622.log</t>
  </si>
  <si>
    <t>\\acsfs\profiles$\anacdos\My Documents\dbxwc\</t>
  </si>
  <si>
    <t>\\acsfs\profiles$\anacdos\My Documents\dbxwc\dbxwc.xwc</t>
  </si>
  <si>
    <t>https://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81b787c2-9b59-49b1-8846-5228311e99d3.tmp</t>
  </si>
  <si>
    <t>\\acsfs\profiles$\laurandos\Downloads\81b787c2-9b59-49b1-8846-5228311e99d3.tmp</t>
  </si>
  <si>
    <t>\\acsfs\Deptos\Operacao\Banco_Votorantim\Supervisao\</t>
  </si>
  <si>
    <t>10.200.200.76</t>
  </si>
  <si>
    <t>mail.google.com/_/upload?authuser=0&amp;dcp=asu-n&amp;upload_id=AEnB2Ur3FltBs6lGyfvGDNwm72nNjZuYwW3nJ9mNNMLikMKOZxLxZfxNJ-2zlA1uGawHyYjN-uvHE2EAL8U5ABnHsEwh9nUxzze475hk4E06eEtwi6BWxVA&amp;upload_protocol=resumable</t>
  </si>
  <si>
    <t>\\acsfs\deptos\Operacao\Unica\1. Gestão da Área\1.1 Administrativo\1.1.1 Books\</t>
  </si>
  <si>
    <t>BaseBook.xlsb.xlsm</t>
  </si>
  <si>
    <t>10.200.32.95</t>
  </si>
  <si>
    <t>64-1C-67-9C-32-33</t>
  </si>
  <si>
    <t>C:\Users\marcospr\Desktop\</t>
  </si>
  <si>
    <t>Template_BackOffice_Financeiro.xlsx</t>
  </si>
  <si>
    <t>c0ce1aac-5677-49fa-8fb0-5884a5210cea.tmp</t>
  </si>
  <si>
    <t>\\acsfs\profiles$\karinarm\Downloads\c0ce1aac-5677-49fa-8fb0-5884a5210cea.tmp</t>
  </si>
  <si>
    <t>lu112632ts2aaq.tmp</t>
  </si>
  <si>
    <t>\\acsfs\DEPTOS\Operacao\Banco_Votorantim\Supervisao\SUPERS BV CARTÕES\ANA VITORIA\APOIO\lu112632ts2aaq.tmp</t>
  </si>
  <si>
    <t>\\acsfs\DEPTOS\Operacao\Banco_Votorantim\Supervisao\SUPERS BV CARTÕES\ANA VITORIA\APOIO\lu112632ts2aaq.tmp\</t>
  </si>
  <si>
    <t>\\acsfs\DEPTOS\Operacao\Banco_Votorantim\Supervisao\SUPERS BV CARTÕES\ANA VITORIA\APOIO\lu112632ts2aaq.tmp\META-INF\</t>
  </si>
  <si>
    <t>\\acsfs\DEPTOS\Operacao\Banco_Votorantim\Supervisao\SUPERS BV CARTÕES\ANA VITORIA\APOIO\lu112632ts2aaq.tmp\Thumbnails\</t>
  </si>
  <si>
    <t>lu112632ts2aav.tmp</t>
  </si>
  <si>
    <t>\\acsfs\DEPTOS\Operacao\Banco_Votorantim\Supervisao\SUPERS BV CARTÕES\ANA VITORIA\APOIO\lu112632ts2aav.tmp</t>
  </si>
  <si>
    <t>\\acsfs\DEPTOS\Operacao\Banco_Votorantim\Supervisao\SUPERS BV CARTÕES\ANA VITORIA\APOIO\lu112632ts2aav.tmp\</t>
  </si>
  <si>
    <t>\\acsfs\DEPTOS\Operacao\Banco_Votorantim\Supervisao\SUPERS BV CARTÕES\ANA VITORIA\APOIO\lu112632ts2aav.tmp\META-INF\</t>
  </si>
  <si>
    <t>\\acsfs\DEPTOS\Operacao\Banco_Votorantim\Supervisao\SUPERS BV CARTÕES\ANA VITORIA\APOIO\lu112632ts2aav.tmp\Thumbnails\</t>
  </si>
  <si>
    <t>outlook.office.com/owa/service.svc?action=CreateItem&amp;app=Mail&amp;n=678</t>
  </si>
  <si>
    <t>a278df0c-b42f-4c18-a935-8c53d88474a1.tmp</t>
  </si>
  <si>
    <t>\\acsfs\profiles$\KARENJSS\Downloads\a278df0c-b42f-4c18-a935-8c53d88474a1.tmp</t>
  </si>
  <si>
    <t>bbbaf885-dc87-44b6-b664-11cea08e3c03.tmp</t>
  </si>
  <si>
    <t>\\acsfs\profiles$\myllenardl\Downloads\bbbaf885-dc87-44b6-b664-11cea08e3c03.tmp</t>
  </si>
  <si>
    <t>1578327256754000];["cpqbknokfiouimboqgzsn0dj8ovuj;andrelpsa@algartech.com;dg5odkyntc4mza4mtk2odk0naokcnysrag6753kvjcgt6szg sjseq6ddk0nzmxodk4otgwmxh6r3vrytqglxgl";maristelavodq@bv.algartech.com;supervisaobancovotorantim@algartech.com;thiagolrc@bv.algartech.com;</t>
  </si>
  <si>
    <t>1578327256754000],["cpqbknokfiouimboqgzsn0dj8ovuj,andrelpsa@algartech.com,dg5odkyntc4mza4mtk2odk0naokcnysrag6753kvjcgt6szg sjseq6ddk0nzmxodk4otgwmxh6r3vrytqglxgl",maristelavodq@bv.algartech.com,supervisaobancovotorantim@algartech.com,thiagolrc@bv.algartech.com</t>
  </si>
  <si>
    <t>GOODYEAR</t>
  </si>
  <si>
    <t>CPPTRENDAV01</t>
  </si>
  <si>
    <t>10.201.164.62</t>
  </si>
  <si>
    <t>70-71-BC-36-D5-9C</t>
  </si>
  <si>
    <t>CPNESPA-50778</t>
  </si>
  <si>
    <t>jessicaphar</t>
  </si>
  <si>
    <t>https://mail.terra.com.br/ws/index.php?r=message/saveattachmentsajax2</t>
  </si>
  <si>
    <t>\\cppfs\cpdeptos\Operacao\Nespresso\Atendimento\NESPRESSO COBRANÇA B2B\Jéssica Rodrigues\Boletos\</t>
  </si>
  <si>
    <t>CLU_34281106_Pedido.PDF.pdf</t>
  </si>
  <si>
    <t>DLP_NESPRESSO</t>
  </si>
  <si>
    <t>US: PCI-DSS</t>
  </si>
  <si>
    <t>0d5a3028-b080-48ca-a1f1-b0df06541102.tmp</t>
  </si>
  <si>
    <t>\\acsfs\profiles$\karinarm\Downloads\0d5a3028-b080-48ca-a1f1-b0df06541102.tmp</t>
  </si>
  <si>
    <t>rannabg</t>
  </si>
  <si>
    <t>10.200.61.78</t>
  </si>
  <si>
    <t>54-BF-64-F5-7F-42</t>
  </si>
  <si>
    <t>NB-FABIANACSC</t>
  </si>
  <si>
    <t>fabianacscg</t>
  </si>
  <si>
    <t>fabianacscg@algartech.com</t>
  </si>
  <si>
    <t>mail.google.com/_/upload?authuser=0&amp;dcp=asu-n&amp;upload_id=AEnB2Uq_FKYfjIeA7iHNOMlCAQ9i-jx7eSVDU2LBWNjrNBV_nNZpDM8PHseb6oK0BJB5vjRmgmtqHlETfqaCV7_2NaDu0WY8QLXMqRl2H283IyMbOJ_gkfQ&amp;upload_protocol=resumable</t>
  </si>
  <si>
    <t>C:\Users\fabianacscg\Desktop\Rateio\Janeiro\</t>
  </si>
  <si>
    <t>ESFORÇO_VALIDADO Fabi.xlsm</t>
  </si>
  <si>
    <t>990d2f91-5eb0-4f02-b799-90e843679abb.tmp</t>
  </si>
  <si>
    <t>\\acsfs\profiles$\alinepp\Downloads\990d2f91-5eb0-4f02-b799-90e843679abb.tmp</t>
  </si>
  <si>
    <t>4a3e2132-98ff-429e-8bd1-5541b32e318c.tmp</t>
  </si>
  <si>
    <t>\\acsfs\profiles$\joycemmdl\Downloads\4a3e2132-98ff-429e-8bd1-5541b32e318c.tmp</t>
  </si>
  <si>
    <t>34c9a042-03b1-4082-89e3-6f75ca9047bc.tmp</t>
  </si>
  <si>
    <t>\\acsfs\profiles$\joycemmdl\Downloads\34c9a042-03b1-4082-89e3-6f75ca9047bc.tmp</t>
  </si>
  <si>
    <t>9b2a28c8-f80d-47b1-8138-fbb9684e9023.tmp</t>
  </si>
  <si>
    <t>\\acsfs\profiles$\gabrielamdp\Downloads\9b2a28c8-f80d-47b1-8138-fbb9684e9023.tmp</t>
  </si>
  <si>
    <t>c9059f7b-afb1-4695-8984-20c749e07b94.tmp</t>
  </si>
  <si>
    <t>\\acsfs\profiles$\gabrielamdp\Downloads\c9059f7b-afb1-4695-8984-20c749e07b94.tmp</t>
  </si>
  <si>
    <t>698d1eec-7943-4a60-ba28-a5ad66dfecfe.tmp</t>
  </si>
  <si>
    <t>\\acsfs\profiles$\gabrielamdp\Downloads\698d1eec-7943-4a60-ba28-a5ad66dfecfe.tmp</t>
  </si>
  <si>
    <t>1af9a8cb-e50d-4cee-a2a1-dc84d23d6fea.tmp</t>
  </si>
  <si>
    <t>\\acsfs\profiles$\gabrielamdp\Downloads\1af9a8cb-e50d-4cee-a2a1-dc84d23d6fea.tmp</t>
  </si>
  <si>
    <t>639afd59-5de4-462b-b5a2-4769a5afebef.tmp</t>
  </si>
  <si>
    <t>\\acsfs\profiles$\karinarm\Downloads\639afd59-5de4-462b-b5a2-4769a5afebef.tmp</t>
  </si>
  <si>
    <t>77c899ce-47b3-4422-8e3d-2c4bd68eaee1.tmp</t>
  </si>
  <si>
    <t>\\acsfs\profiles$\karinarm\Downloads\77c899ce-47b3-4422-8e3d-2c4bd68eaee1.tmp</t>
  </si>
  <si>
    <t>TMO.xlsm</t>
  </si>
  <si>
    <t>\\acsfs\ACS\Gabriel da Silva\Contemporânea\TMO.xlsm</t>
  </si>
  <si>
    <t>Não confirmado 83364.crdownload</t>
  </si>
  <si>
    <t>\\acsfs\ACS\Gabriel da Silva\Contemporânea\Gen\Não confirmado 83364.crdownload</t>
  </si>
  <si>
    <t>efc3b92d-a570-47af-aafb-e4d89b1a1d1b.tmp</t>
  </si>
  <si>
    <t>\\acsfs\profiles$\jalilebds\Downloads\efc3b92d-a570-47af-aafb-e4d89b1a1d1b.tmp</t>
  </si>
  <si>
    <t>7edd14af-f66d-4827-b956-878426fbbcec.tmp</t>
  </si>
  <si>
    <t>\\acsfs\profiles$\jalilebds\Downloads\7edd14af-f66d-4827-b956-878426fbbcec.tmp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4b0a609e-98b4-45ff-9cfe-ccd0075a65c1.tmp</t>
  </si>
  <si>
    <t>\\acsfs\profiles$\gabrielarb\Downloads\4b0a609e-98b4-45ff-9cfe-ccd0075a65c1.tmp</t>
  </si>
  <si>
    <t>31f49b9d-4c68-4dd4-9394-c532705ad2f3.tmp</t>
  </si>
  <si>
    <t>\\acsfs\profiles$\edicarlosdl\Downloads\31f49b9d-4c68-4dd4-9394-c532705ad2f3.tmp</t>
  </si>
  <si>
    <t>15dcd0af-c2d1-4aa7-9e8d-5a3c3f4bc741.tmp</t>
  </si>
  <si>
    <t>\\acsfs\profiles$\adelvinsonle\Downloads\15dcd0af-c2d1-4aa7-9e8d-5a3c3f4bc741.tmp</t>
  </si>
  <si>
    <t>d6867db8-31a4-4ec7-b4a5-a922123c82fa.tmp</t>
  </si>
  <si>
    <t>\\acsfs\profiles$\LAISLG\Downloads\d6867db8-31a4-4ec7-b4a5-a922123c82fa.tmp</t>
  </si>
  <si>
    <t>2b4f7423-cadf-4d56-896f-bd60dbf8c2c2.tmp</t>
  </si>
  <si>
    <t>\\acsfs\profiles$\nayarasds\Downloads\2b4f7423-cadf-4d56-896f-bd60dbf8c2c2.tmp</t>
  </si>
  <si>
    <t>f703f200-ea76-4f7e-ab71-74b1cee100da.tmp</t>
  </si>
  <si>
    <t>\\acsfs\profiles$\kellzylenneasr\Downloads\f703f200-ea76-4f7e-ab71-74b1cee100da.tmp</t>
  </si>
  <si>
    <t>0cd56654-c466-4376-b2a0-6603a6cfa1ba.tmp</t>
  </si>
  <si>
    <t>\\acsfs\profiles$\wenderbnm\Downloads\0cd56654-c466-4376-b2a0-6603a6cfa1ba.tmp</t>
  </si>
  <si>
    <t>872f6d61-0561-45d3-856f-694a6ce0ae19.tmp</t>
  </si>
  <si>
    <t>\\acsfs\profiles$\wenderbnm\Downloads\872f6d61-0561-45d3-856f-694a6ce0ae19.tmp</t>
  </si>
  <si>
    <t>3cb6c156-f364-482c-b49d-fdc85ffaa9b0.tmp</t>
  </si>
  <si>
    <t>\\acsfs\profiles$\gabrielamdp\Downloads\3cb6c156-f364-482c-b49d-fdc85ffaa9b0.tmp</t>
  </si>
  <si>
    <t>67b0f2f8-aa84-4f74-bc8e-8527b4d9bfc9.tmp</t>
  </si>
  <si>
    <t>\\acsfs\profiles$\gabrielamdp\Downloads\67b0f2f8-aa84-4f74-bc8e-8527b4d9bfc9.tmp</t>
  </si>
  <si>
    <t>e8fe3be8-0770-40a4-8735-ea4e145703a2.tmp</t>
  </si>
  <si>
    <t>\\acsfs\profiles$\gabrielamdp\Downloads\e8fe3be8-0770-40a4-8735-ea4e145703a2.tmp</t>
  </si>
  <si>
    <t>e4fda391-f6de-4369-8c9a-79f1a9069695.tmp</t>
  </si>
  <si>
    <t>\\acsfs\profiles$\matheushds\Downloads\e4fda391-f6de-4369-8c9a-79f1a9069695.tmp</t>
  </si>
  <si>
    <t>mail.google.com/sync/u/0/i/s?hl=pt-BR&amp;c=327</t>
  </si>
  <si>
    <t>mail.google.com/sync/u/0/i/s?hl=pt-BR&amp;c=332</t>
  </si>
  <si>
    <t>mail.google.com/sync/u/0/i/s?hl=pt-BR&amp;c=337</t>
  </si>
  <si>
    <t>\\udpavonfs01\AVON\00 - ACOMPANHAMENTO AVON\04 - BACKOFFICE CORNERSTONE\2020\01.2020\MÁSCARA\</t>
  </si>
  <si>
    <t>Acompanhamento Backoffice Cornerstone JAN.202.xlsx</t>
  </si>
  <si>
    <t>\\udpavonfs01\AVON\00 - ACOMPANHAMENTO AVON\04 - BACKOFFICE CORNERSTONE\2020\01.2020\MÁSCARA\Acompanhamento Backoffice Cornerstone JAN.202.xlsx</t>
  </si>
  <si>
    <t>ae122d05-c441-4aa8-a138-197026d875f2.tmp</t>
  </si>
  <si>
    <t>\\acsfs\profiles$\vivianibfs\Downloads\ae122d05-c441-4aa8-a138-197026d875f2.tmp</t>
  </si>
  <si>
    <t>e55837be-f756-4c90-87f4-4610570268ea.tmp</t>
  </si>
  <si>
    <t>\\acsfs\profiles$\vivianibfs\Downloads\e55837be-f756-4c90-87f4-4610570268ea.tmp</t>
  </si>
  <si>
    <t>84169e79-2403-42d2-9add-8f33c1ec053e.tmp</t>
  </si>
  <si>
    <t>\\acsfs\profiles$\LAISLG\Downloads\84169e79-2403-42d2-9add-8f33c1ec053e.tmp</t>
  </si>
  <si>
    <t>C:\Users\hewertontr\OneDrive - Grupo Algar\Transição Escopo B\Acompanhamento\</t>
  </si>
  <si>
    <t>Book de Premissas Operacionais 0907.xlsx</t>
  </si>
  <si>
    <t>9e1c8b59-a16b-4896-ac8c-0586d7f500b3.tmp</t>
  </si>
  <si>
    <t>\\acsfs\profiles$\henriqueco\Downloads\9e1c8b59-a16b-4896-ac8c-0586d7f500b3.tmp</t>
  </si>
  <si>
    <t>031ea0ec-3fd1-4a23-a932-116fa81c1e3d.tmp</t>
  </si>
  <si>
    <t>\\acsfs\profiles$\laylaams\Downloads\031ea0ec-3fd1-4a23-a932-116fa81c1e3d.tmp</t>
  </si>
  <si>
    <t>10.200.57.33</t>
  </si>
  <si>
    <t>D8-9C-67-6F-2A-11</t>
  </si>
  <si>
    <t>NB-MATHEUSV</t>
  </si>
  <si>
    <t>matheusvs</t>
  </si>
  <si>
    <t>mail.google.com/_/upload?authuser=3&amp;dcp=asu-n&amp;upload_id=AEnB2Uo3cJQ8qvaOlcH-6Y4jbI_MCBTe6-_Zd9Bw0m1Vizp8B6ywJSg_UyJaAYSxBJ4RCsqE9nv4EflU0tCWofwRbA8FsO3ysw&amp;upload_protocol=resumable</t>
  </si>
  <si>
    <t>C:\Users\matheusvs\Downloads\</t>
  </si>
  <si>
    <t>Passo a Passo - Fechamento Financeiro.xlsx</t>
  </si>
  <si>
    <t>outlook.office.com/owa/service.svc?action=CreateItem&amp;app=Mail&amp;n=708</t>
  </si>
  <si>
    <t>outlook.office.com/owa/service.svc?action=UpdateItem&amp;app=Mail&amp;n=713</t>
  </si>
  <si>
    <t>7d948a6a-d39a-40c4-a6ed-59df04c7935f.tmp</t>
  </si>
  <si>
    <t>\\acsfs\profiles$\fabianafv\Downloads\7d948a6a-d39a-40c4-a6ed-59df04c7935f.tmp</t>
  </si>
  <si>
    <t>7b53bc78-3981-4a30-b1ce-a1859829222c.tmp</t>
  </si>
  <si>
    <t>\\acsfs\profiles$\fabianobmf\Downloads\7b53bc78-3981-4a30-b1ce-a1859829222c.tmp</t>
  </si>
  <si>
    <t>lu6428kqr1.tmp</t>
  </si>
  <si>
    <t>\\acsfs\profiles$\jalilebds\Downloads\lu6428kqr1.tmp</t>
  </si>
  <si>
    <t>lu6428kqr4.tmp</t>
  </si>
  <si>
    <t>\\acsfs\profiles$\jalilebds\Downloads\lu6428kqr4.tmp</t>
  </si>
  <si>
    <t>lu6428kqr7.tmp</t>
  </si>
  <si>
    <t>\\acsfs\profiles$\jalilebds\Downloads\lu6428kqr7.tmp</t>
  </si>
  <si>
    <t>69b3e283-13a2-4cdb-8dea-f93b2dcb545c.tmp</t>
  </si>
  <si>
    <t>\\acsfs\profiles$\luanaagl\Downloads\69b3e283-13a2-4cdb-8dea-f93b2dcb545c.tmp</t>
  </si>
  <si>
    <t>10.200.57.95</t>
  </si>
  <si>
    <t>64-1C-67-9B-A1-7F</t>
  </si>
  <si>
    <t>NB-EUNICEA</t>
  </si>
  <si>
    <t>eunice.pimenta</t>
  </si>
  <si>
    <t>eunice.pimenta@algartech.com</t>
  </si>
  <si>
    <t>mail.google.com/_/upload?authuser=0&amp;dcp=asu-n&amp;upload_id=AEnB2UpgEn-rmkMCH64SzIJpj2bQOk6jkgi1BFN0qg2mjrtkxtj_btoReajrD-Tn4iGroSj9HUd209Td_7qhmcPCo2Rm60108w&amp;upload_protocol=resumable</t>
  </si>
  <si>
    <t>C:\Users\eunice.pimenta\Desktop\</t>
  </si>
  <si>
    <t>DESCONEXÃO.xls</t>
  </si>
  <si>
    <t>5fa1fad1-f8ec-4f6d-96ba-73cf6fc12a63.tmp</t>
  </si>
  <si>
    <t>\\acsfs\profiles$\myllenardl\Downloads\5fa1fad1-f8ec-4f6d-96ba-73cf6fc12a63.tmp</t>
  </si>
  <si>
    <t>dd8b0942-4086-4fae-a295-0744f1cd5dfe.tmp</t>
  </si>
  <si>
    <t>\\acsfs\profiles$\geovannasm\Downloads\dd8b0942-4086-4fae-a295-0744f1cd5dfe.tmp</t>
  </si>
  <si>
    <t>lu112632ts2ab8.tmp</t>
  </si>
  <si>
    <t>\\acsfs\DEPTOS\Operacao\Banco_Votorantim\Supervisao\SUPERS BV CARTÕES\ANA VITORIA\APOIO\lu112632ts2ab8.tmp</t>
  </si>
  <si>
    <t>217ef477-6dd3-455d-b675-2da13e3128a2.tmp</t>
  </si>
  <si>
    <t>\\acsfs\profiles$\fabianafv\Downloads\217ef477-6dd3-455d-b675-2da13e3128a2.tmp</t>
  </si>
  <si>
    <t>db851aee-4871-4680-839e-43bf236210af.tmp</t>
  </si>
  <si>
    <t>\\acsfs\profiles$\fabianobmf\Downloads\db851aee-4871-4680-839e-43bf236210af.tmp</t>
  </si>
  <si>
    <t>lu6428kqra.tmp</t>
  </si>
  <si>
    <t>\\acsfs\profiles$\jalilebds\Downloads\lu6428kqra.tmp</t>
  </si>
  <si>
    <t>lu6428kqrd.tmp</t>
  </si>
  <si>
    <t>\\acsfs\profiles$\jalilebds\Downloads\lu6428kqrd.tmp</t>
  </si>
  <si>
    <t>lu6428kqrg.tmp</t>
  </si>
  <si>
    <t>\\acsfs\profiles$\jalilebds\Downloads\lu6428kqrg.tmp</t>
  </si>
  <si>
    <t>lu6428kqrj.tmp</t>
  </si>
  <si>
    <t>\\acsfs\profiles$\jalilebds\Downloads\lu6428kqrj.tmp</t>
  </si>
  <si>
    <t>cpc-controldeskavon@algartech.com;joseasn@algartech.com;viniciussg@algartech.com;</t>
  </si>
  <si>
    <t>cpc-controldeskavon@algartech.com,joseasn@algartech.com,viniciussg@algartech.com</t>
  </si>
  <si>
    <t>5557c947-838e-4222-bbe3-d8b3098283a7.tmp</t>
  </si>
  <si>
    <t>\\acsfs\profiles$\matheusmax\Downloads\5557c947-838e-4222-bbe3-d8b3098283a7.tmp</t>
  </si>
  <si>
    <t>THYAGO SANTANA PASETTO_1_6774706246847117912_1_32.wav</t>
  </si>
  <si>
    <t>\\acsfs\Deptos\EDUCACAO EMPRESARIAL\KÉSIA\Ligações 1º Ciclo - Janeiro 2020\THYAGO SANTANA PASETTO_1_6774706246847117912_1_32.wav</t>
  </si>
  <si>
    <t>helieldfs@algartech.com;</t>
  </si>
  <si>
    <t>\\acsfs\DEPTOS\Controladoria\Planejamento\Reuniões Mensais\2019\Acompanhamento DAF\2019\Justificativas variaçoes\12.2019\</t>
  </si>
  <si>
    <t>bbb629b7-a8a4-4dc3-bebc-db5365c54596.tmp</t>
  </si>
  <si>
    <t>\\acsfs\profiles$\luanaagl\Downloads\bbb629b7-a8a4-4dc3-bebc-db5365c54596.tmp</t>
  </si>
  <si>
    <t>4ea22da3-dd64-493b-953c-efa2613fe9e9.tmp</t>
  </si>
  <si>
    <t>\\acsfs\profiles$\welidicdj\Downloads\4ea22da3-dd64-493b-953c-efa2613fe9e9.tmp</t>
  </si>
  <si>
    <t>459517f8-a30d-4d84-a429-100e6594a7c8.tmp</t>
  </si>
  <si>
    <t>\\acsfs\profiles$\welidicdj\Downloads\459517f8-a30d-4d84-a429-100e6594a7c8.tmp</t>
  </si>
  <si>
    <t>d09f7ca4-3150-407a-a3c3-28200b9e3bd6.tmp</t>
  </si>
  <si>
    <t>\\acsfs\profiles$\JOAOVAL\Downloads\d09f7ca4-3150-407a-a3c3-28200b9e3bd6.tmp</t>
  </si>
  <si>
    <t>xdocxValidacao_0601.xlsx</t>
  </si>
  <si>
    <t>\\acsfs\ACS\Gabriel da Silva\Contemporânea\Acessos\xdocxValidacao_0601.xlsx</t>
  </si>
  <si>
    <t>lu6428kqrm.tmp</t>
  </si>
  <si>
    <t>\\acsfs\profiles$\jalilebds\Downloads\lu6428kqrm.tmp</t>
  </si>
  <si>
    <t>lu6428kqrp.tmp</t>
  </si>
  <si>
    <t>\\acsfs\profiles$\jalilebds\Downloads\lu6428kqrp.tmp</t>
  </si>
  <si>
    <t>95ce6fa5-84b3-49d9-8328-e57e90d89f03.tmp</t>
  </si>
  <si>
    <t>\\acsfs\profiles$\fernandofs\Downloads\95ce6fa5-84b3-49d9-8328-e57e90d89f03.tmp</t>
  </si>
  <si>
    <t>adc8f9de-27ef-4913-938c-6a33867398b4.tmp</t>
  </si>
  <si>
    <t>\\acsfs\profiles$\leonardobb\Downloads\adc8f9de-27ef-4913-938c-6a33867398b4.tmp</t>
  </si>
  <si>
    <t>f38151fc-43d3-4da4-8c35-d714b809fbe3.tmp</t>
  </si>
  <si>
    <t>\\acsfs\profiles$\gabrielarb\Downloads\f38151fc-43d3-4da4-8c35-d714b809fbe3.tmp</t>
  </si>
  <si>
    <t>a856e6e8-879e-44c7-8caf-e9a22ded6d2d.tmp</t>
  </si>
  <si>
    <t>\\acsfs\profiles$\gabrielarb\Downloads\a856e6e8-879e-44c7-8caf-e9a22ded6d2d.tmp</t>
  </si>
  <si>
    <t>34fa503a-3c9a-4846-b761-b929e72cf561.tmp</t>
  </si>
  <si>
    <t>\\acsfs\profiles$\gabrielarb\Downloads\34fa503a-3c9a-4846-b761-b929e72cf561.tmp</t>
  </si>
  <si>
    <t>d75a05fb-a870-4cd2-b023-66bbaee40e6e.tmp</t>
  </si>
  <si>
    <t>\\acsfs\profiles$\gabrielarb\Downloads\d75a05fb-a870-4cd2-b023-66bbaee40e6e.tmp</t>
  </si>
  <si>
    <t>52ef7487-ffdb-4524-b8f8-4ab5f84f5539.tmp</t>
  </si>
  <si>
    <t>\\acsfs\profiles$\gabrielarb\Downloads\52ef7487-ffdb-4524-b8f8-4ab5f84f5539.tmp</t>
  </si>
  <si>
    <t>d36dd091-531a-42c7-91b8-8c44ef97309e.tmp</t>
  </si>
  <si>
    <t>\\acsfs\profiles$\gabrielarb\Downloads\d36dd091-531a-42c7-91b8-8c44ef97309e.tmp</t>
  </si>
  <si>
    <t>daadb491-f20d-406c-b0ce-6c11dc5ee345.tmp</t>
  </si>
  <si>
    <t>\\acsfs\profiles$\adelvinsonle\Downloads\daadb491-f20d-406c-b0ce-6c11dc5ee345.tmp</t>
  </si>
  <si>
    <t>mail.google.com/_/upload?authuser=1&amp;dcp=asu-n&amp;upload_id=AEnB2Up5ym3SjXOUCCL4Y7hwkuU4yfUvsUQeKzFQ7IMrop28XQdgP7HshvKdAClJeBN1XzNMQEUtpd5cmQTHB0cY-zzOhKERSQ&amp;upload_protocol=resumable</t>
  </si>
  <si>
    <t>Matheus Control.xlsx</t>
  </si>
  <si>
    <t>f7c130f9-0ade-42e1-b729-e7b5786368a5.tmp</t>
  </si>
  <si>
    <t>\\acsfs\profiles$\rafaelacdoc\Downloads\f7c130f9-0ade-42e1-b729-e7b5786368a5.tmp</t>
  </si>
  <si>
    <t>lu108180u90c76.tmp</t>
  </si>
  <si>
    <t>\\acsfs\DEPTOS\Operacao\Banco_Votorantim\Supervisao\SUPERS BV CARTÕES\ANA VITORIA\APOIO\lu108180u90c76.tmp</t>
  </si>
  <si>
    <t>ab3de6c1-3dff-4fa6-b14c-22b8235f8104.tmp</t>
  </si>
  <si>
    <t>\\acsfs\profiles$\fabianobmf\Downloads\ab3de6c1-3dff-4fa6-b14c-22b8235f8104.tmp</t>
  </si>
  <si>
    <t>f29af2ee-91aa-49e9-b6f3-9ec07bf5cfb3.tmp</t>
  </si>
  <si>
    <t>\\acsfs\profiles$\fabianobmf\Downloads\f29af2ee-91aa-49e9-b6f3-9ec07bf5cfb3.tmp</t>
  </si>
  <si>
    <t>e4337852-d73b-414c-94a8-9693766f0195.tmp</t>
  </si>
  <si>
    <t>\\acsfs\profiles$\gabrielarb\Downloads\e4337852-d73b-414c-94a8-9693766f0195.tmp</t>
  </si>
  <si>
    <t>ffbafc76-755e-4b2a-b04c-cd48df834f4c.tmp</t>
  </si>
  <si>
    <t>\\acsfs\profiles$\gabrielarb\Downloads\ffbafc76-755e-4b2a-b04c-cd48df834f4c.tmp</t>
  </si>
  <si>
    <t>6056c7f1-7aa2-44e1-92b4-5ba64def28dd.tmp</t>
  </si>
  <si>
    <t>\\acsfs\profiles$\gabrielarb\Downloads\6056c7f1-7aa2-44e1-92b4-5ba64def28dd.tmp</t>
  </si>
  <si>
    <t>48c432ab-5562-4fd2-9bb4-31695a217d14.tmp</t>
  </si>
  <si>
    <t>\\acsfs\profiles$\gabrielarb\Downloads\48c432ab-5562-4fd2-9bb4-31695a217d14.tmp</t>
  </si>
  <si>
    <t>77fb724a-f86b-4826-aa0e-63881c39ebe6.tmp</t>
  </si>
  <si>
    <t>\\acsfs\profiles$\gabrielarb\Downloads\77fb724a-f86b-4826-aa0e-63881c39ebe6.tmp</t>
  </si>
  <si>
    <t>407fc74c-62ea-45a5-9afa-4cc30623b937.tmp</t>
  </si>
  <si>
    <t>\\acsfs\profiles$\gabrielarb\Downloads\407fc74c-62ea-45a5-9afa-4cc30623b937.tmp</t>
  </si>
  <si>
    <t>3b993eb0-a571-46af-a347-336f7e61b8c4.tmp</t>
  </si>
  <si>
    <t>\\acsfs\profiles$\gabrielarb\Downloads\3b993eb0-a571-46af-a347-336f7e61b8c4.tmp</t>
  </si>
  <si>
    <t>8c173067-3775-4299-9dd0-747e9c06259d.tmp</t>
  </si>
  <si>
    <t>\\acsfs\profiles$\gabrielarb\Downloads\8c173067-3775-4299-9dd0-747e9c06259d.tmp</t>
  </si>
  <si>
    <t>4c8f68c9-9cca-4ae8-a4f6-1f4db3d1b401.tmp</t>
  </si>
  <si>
    <t>\\acsfs\profiles$\gabrielarb\Downloads\4c8f68c9-9cca-4ae8-a4f6-1f4db3d1b401.tmp</t>
  </si>
  <si>
    <t>IMG-20200106-WA0011.jpg</t>
  </si>
  <si>
    <t>bf5e5730-3426-4e84-98a3-2de07190454d.tmp</t>
  </si>
  <si>
    <t>\\acsfs\profiles$\fernandofs\Downloads\bf5e5730-3426-4e84-98a3-2de07190454d.tmp</t>
  </si>
  <si>
    <t>\\acsfs\Deptos\CAS - Coordenação de Arquitetura de Soluções\Projetos\2019\KPMG\213410 - Renovação 2020\2. Desenho da Solução\</t>
  </si>
  <si>
    <t>Modelo Erlan - KPMG_Periodo 4.xlsx</t>
  </si>
  <si>
    <t>3524b466-8cdc-48de-8b45-7fa1620c0a79.tmp</t>
  </si>
  <si>
    <t>\\acsfs\profiles$\cintiadjl\Downloads\3524b466-8cdc-48de-8b45-7fa1620c0a79.tmp</t>
  </si>
  <si>
    <t>9a56ca1f-cba8-4cbc-a774-c535af12fa97.tmp</t>
  </si>
  <si>
    <t>\\acsfs\profiles$\cintiadjl\Downloads\9a56ca1f-cba8-4cbc-a774-c535af12fa97.tmp</t>
  </si>
  <si>
    <t>2d063d82-0718-4a18-a5d6-1f238bb451d4.tmp</t>
  </si>
  <si>
    <t>\\acsfs\profiles$\leonardobb\Downloads\2d063d82-0718-4a18-a5d6-1f238bb451d4.tmp</t>
  </si>
  <si>
    <t>b1be66a4-2b50-4b03-9b45-5d0ed5bf3a7b.tmp</t>
  </si>
  <si>
    <t>\\acsfs\profiles$\gabrielamdp\Downloads\b1be66a4-2b50-4b03-9b45-5d0ed5bf3a7b.tmp</t>
  </si>
  <si>
    <t>0ce83190-fd86-4c3b-b9c5-452e9873fb53.tmp</t>
  </si>
  <si>
    <t>\\acsfs\profiles$\gabrielamdp\Downloads\0ce83190-fd86-4c3b-b9c5-452e9873fb53.tmp</t>
  </si>
  <si>
    <t>48c25998-92d4-40a4-aaf4-65e515a14757.tmp</t>
  </si>
  <si>
    <t>\\acsfs\profiles$\ingridsm\Downloads\48c25998-92d4-40a4-aaf4-65e515a14757.tmp</t>
  </si>
  <si>
    <t>5297a1de-ddc7-4b03-8cfb-1cff7049f5d6.tmp</t>
  </si>
  <si>
    <t>\\acsfs\profiles$\ingridsm\Downloads\5297a1de-ddc7-4b03-8cfb-1cff7049f5d6.tmp</t>
  </si>
  <si>
    <t>cbfee97b-de07-4f0f-8188-305c34ff8efc.tmp</t>
  </si>
  <si>
    <t>\\acsfs\profiles$\brendadsl\Downloads\cbfee97b-de07-4f0f-8188-305c34ff8efc.tmp</t>
  </si>
  <si>
    <t>1370c086-89b0-47ab-b502-d9151eb57e0d.tmp</t>
  </si>
  <si>
    <t>\\acsfs\profiles$\gabrielarb\Downloads\1370c086-89b0-47ab-b502-d9151eb57e0d.tmp</t>
  </si>
  <si>
    <t>741cb745-e7ec-4799-925e-45690844d853.tmp</t>
  </si>
  <si>
    <t>\\acsfs\profiles$\gabrielarb\Downloads\741cb745-e7ec-4799-925e-45690844d853.tmp</t>
  </si>
  <si>
    <t>VALERIA SENA DE ARAUJO_1_6775088228353509834_1_32.wav</t>
  </si>
  <si>
    <t>\\acsfs\Deptos\EDUCACAO EMPRESARIAL\KÉSIA\Ligações 1º Ciclo - Janeiro 2020\VALERIA SENA DE ARAUJO_1_6775088228353509834_1_32.wav</t>
  </si>
  <si>
    <t>9040756f-cf21-49ac-b991-625c559c9703.tmp</t>
  </si>
  <si>
    <t>\\acsfs\profiles$\fernandofs\Downloads\9040756f-cf21-49ac-b991-625c559c9703.tmp</t>
  </si>
  <si>
    <t>fa8e9f41-0e05-4a53-95e4-4367860b98a4.tmp</t>
  </si>
  <si>
    <t>\\acsfs\profiles$\cintiadjl\Downloads\fa8e9f41-0e05-4a53-95e4-4367860b98a4.tmp</t>
  </si>
  <si>
    <t>3ca4be16-7163-4b85-8075-f6c5afe3b7ef.tmp</t>
  </si>
  <si>
    <t>\\acsfs\profiles$\gabrielhca\Downloads\3ca4be16-7163-4b85-8075-f6c5afe3b7ef.tmp</t>
  </si>
  <si>
    <t>b152f455-aebf-41ec-956f-975f805e5954.tmp</t>
  </si>
  <si>
    <t>\\acsfs\profiles$\gabrielhca\Downloads\b152f455-aebf-41ec-956f-975f805e5954.tmp</t>
  </si>
  <si>
    <t>4a383e2f-43b6-404a-ae00-c5f731c806ad.tmp</t>
  </si>
  <si>
    <t>\\acsfs\profiles$\leonardobb\Downloads\4a383e2f-43b6-404a-ae00-c5f731c806ad.tmp</t>
  </si>
  <si>
    <t>b9a0b60a-8d21-4d9d-aea7-825bd87db97f.tmp</t>
  </si>
  <si>
    <t>\\acsfs\profiles$\leonardobb\Downloads\b9a0b60a-8d21-4d9d-aea7-825bd87db97f.tmp</t>
  </si>
  <si>
    <t>0786990b-1db0-43ea-b55c-5caed5870037.tmp</t>
  </si>
  <si>
    <t>\\acsfs\profiles$\leonardobb\Downloads\0786990b-1db0-43ea-b55c-5caed5870037.tmp</t>
  </si>
  <si>
    <t>f4235263-72a0-4bbf-8717-ef8ae5c5eba2.tmp</t>
  </si>
  <si>
    <t>\\acsfs\profiles$\leonardobb\Downloads\f4235263-72a0-4bbf-8717-ef8ae5c5eba2.tmp</t>
  </si>
  <si>
    <t>2e6c33fc-1c49-49ec-8b5e-d592b1d6ebec.tmp</t>
  </si>
  <si>
    <t>\\acsfs\profiles$\KARENDSR\Downloads\2e6c33fc-1c49-49ec-8b5e-d592b1d6ebec.tmp</t>
  </si>
  <si>
    <t>3e859c4e-267c-4ed3-8f34-eef74e28d444.tmp</t>
  </si>
  <si>
    <t>\\acsfs\profiles$\regisedsj\Downloads\3e859c4e-267c-4ed3-8f34-eef74e28d444.tmp</t>
  </si>
  <si>
    <t>3d771632-b548-4a40-9984-3d5941d23367.tmp</t>
  </si>
  <si>
    <t>\\acsfs\profiles$\fabianafv\Downloads\3d771632-b548-4a40-9984-3d5941d23367.tmp</t>
  </si>
  <si>
    <t>05c9a037-adc9-46ae-ba06-040326a3a509.tmp</t>
  </si>
  <si>
    <t>\\acsfs\profiles$\fabianafv\Downloads\05c9a037-adc9-46ae-ba06-040326a3a509.tmp</t>
  </si>
  <si>
    <t>e3f8ad9b-7ccd-45e9-89ec-ad39a281fa2d.tmp</t>
  </si>
  <si>
    <t>\\acsfs\profiles$\fabianafv\Downloads\e3f8ad9b-7ccd-45e9-89ec-ad39a281fa2d.tmp</t>
  </si>
  <si>
    <t>13341f23-eda1-4e84-92fe-6942ad54969f.tmp</t>
  </si>
  <si>
    <t>\\acsfs\profiles$\leticiala\Downloads\13341f23-eda1-4e84-92fe-6942ad54969f.tmp</t>
  </si>
  <si>
    <t>a1398cc9-959f-459d-9b6b-a4174cd483b3.tmp</t>
  </si>
  <si>
    <t>\\acsfs\profiles$\leticiala\Downloads\a1398cc9-959f-459d-9b6b-a4174cd483b3.tmp</t>
  </si>
  <si>
    <t>\\udpavonfs01\AVON\00 - ACOMPANHAMENTO AVON\04 - BACKOFFICE CORNERSTONE\2020\01.2020\MÁSCARA\Acompanhamento Backoffice Cornerstone JAN.20.xlsx</t>
  </si>
  <si>
    <t>\\udpavonfs01\AVON\00 - ACOMPANHAMENTO AVON\04 - BACKOFFICE CORNERSTONE\2020\01.2020\RELATORIO\02.01.2020\Acompanhamento Backoffice Cornerstone JAN.20.xlsx</t>
  </si>
  <si>
    <t>C:\Users\TEMP.ACS.001\Downloads\</t>
  </si>
  <si>
    <t>image2020-01-06-153941.pdf</t>
  </si>
  <si>
    <t>\\acsfs\DEPTOS\EDUCACAO EMPRESARIAL\2 - Operações\0 - BV\.PROVAS E ARQUIVOS DE TREINAMENTO\Formação CDC Haruna 02-12\Listas de presenças\image2020-01-06-153941.pdf</t>
  </si>
  <si>
    <t>\\acsfs\DEPTOS\EDUCACAO EMPRESARIAL\2 - Operações\0 - BV\.PROVAS E ARQUIVOS DE TREINAMENTO\Formação CDC Haruna 02-12\Listas de presenças\image2020-01-06-153941.pdf\</t>
  </si>
  <si>
    <t>\\acsfs\DEPTOS\EDUCACAO EMPRESARIAL\2 - Operações\0 - BV\.PROVAS E ARQUIVOS DE TREINAMENTO\Formação CDC Haruna 02-12\Listas de presenças\image2020-01-06-153941.pdf\:Zone.Identifier:$DATA</t>
  </si>
  <si>
    <t>b2aabfd7-62f3-4801-b72e-8a3f3fd3cf77.tmp</t>
  </si>
  <si>
    <t>\\acsfs\profiles$\larissaad\Downloads\b2aabfd7-62f3-4801-b72e-8a3f3fd3cf77.tmp</t>
  </si>
  <si>
    <t>2e053302-ea0e-47fd-8a42-a8b4b3ec222d.tmp</t>
  </si>
  <si>
    <t>\\acsfs\profiles$\larissaad\Downloads\2e053302-ea0e-47fd-8a42-a8b4b3ec222d.tmp</t>
  </si>
  <si>
    <t>d965e5ff-b741-45bb-af8d-a454e4c271c9.tmp</t>
  </si>
  <si>
    <t>\\acsfs\profiles$\gabrielarb\Downloads\d965e5ff-b741-45bb-af8d-a454e4c271c9.tmp</t>
  </si>
  <si>
    <t>b9c5ced4-1c1a-457f-ae2e-5bea858a0059.tmp</t>
  </si>
  <si>
    <t>\\acsfs\profiles$\gabrielarb\Downloads\b9c5ced4-1c1a-457f-ae2e-5bea858a0059.tmp</t>
  </si>
  <si>
    <t>679fefed-2049-4ec7-aafd-3cd1e8045b3a.tmp</t>
  </si>
  <si>
    <t>\\acsfs\profiles$\gabrielarb\Downloads\679fefed-2049-4ec7-aafd-3cd1e8045b3a.tmp</t>
  </si>
  <si>
    <t>XLOG_vanessacgs_06012020_154508.log</t>
  </si>
  <si>
    <t>\\acsfs\profiles$\vanessacgs\My Documents\xworkcenter\logs\XLOG_vanessacgs_06012020_154508.log</t>
  </si>
  <si>
    <t>6d13cce4-5f0f-4bc8-9284-3095b4cc42bd.tmp</t>
  </si>
  <si>
    <t>\\acsfs\profiles$\gabrielhca\Downloads\6d13cce4-5f0f-4bc8-9284-3095b4cc42bd.tmp</t>
  </si>
  <si>
    <t>cb9fb407-9bb4-4f63-8b75-40cac096041c.tmp</t>
  </si>
  <si>
    <t>\\acsfs\profiles$\leonardobb\Downloads\cb9fb407-9bb4-4f63-8b75-40cac096041c.tmp</t>
  </si>
  <si>
    <t>1ad65b47-3035-4334-a25d-f3d094b93d19.tmp</t>
  </si>
  <si>
    <t>\\acsfs\profiles$\gabrielamdp\Downloads\1ad65b47-3035-4334-a25d-f3d094b93d19.tmp</t>
  </si>
  <si>
    <t>image2020-01-06-143250.pdf</t>
  </si>
  <si>
    <t>\\acsfs\DEPTOS\EDUCACAO EMPRESARIAL\2 - Operações\0 - BV\.PROVAS E ARQUIVOS DE TREINAMENTO\Formação CDC Haruna 02-12\Provas\Prova 08 - CRBV\image2020-01-06-143250.pdf</t>
  </si>
  <si>
    <t>\\acsfs\DEPTOS\EDUCACAO EMPRESARIAL\2 - Operações\0 - BV\.PROVAS E ARQUIVOS DE TREINAMENTO\Formação CDC Haruna 02-12\Provas\Prova 08 - CRBV\image2020-01-06-143250.pdf\</t>
  </si>
  <si>
    <t>\\acsfs\DEPTOS\EDUCACAO EMPRESARIAL\2 - Operações\0 - BV\.PROVAS E ARQUIVOS DE TREINAMENTO\Formação CDC Haruna 02-12\Provas\Prova 08 - CRBV\image2020-01-06-143250.pdf\:Zone.Identifier:$DATA</t>
  </si>
  <si>
    <t>85365c7a-e91b-4b57-b3d9-9eee58a1c941.tmp</t>
  </si>
  <si>
    <t>\\acsfs\profiles$\gabrielarb\Downloads\85365c7a-e91b-4b57-b3d9-9eee58a1c941.tmp</t>
  </si>
  <si>
    <t>40f8faff-3049-4a39-a630-5c80c4e60611.tmp</t>
  </si>
  <si>
    <t>\\acsfs\profiles$\fernandofs\Downloads\40f8faff-3049-4a39-a630-5c80c4e60611.tmp</t>
  </si>
  <si>
    <t>lu12720f8n1.tmp</t>
  </si>
  <si>
    <t>\\acsfs\profiles$\victoriaksr\Downloads\lu12720f8n1.tmp</t>
  </si>
  <si>
    <t>e64c260f-bfd6-4289-874a-027c0b0bf119.tmp</t>
  </si>
  <si>
    <t>\\acsfs\profiles$\ingridsm\Downloads\e64c260f-bfd6-4289-874a-027c0b0bf119.tmp</t>
  </si>
  <si>
    <t>1b597561-ea73-4f97-8a2f-0c52a2bdb327.tmp</t>
  </si>
  <si>
    <t>\\acsfs\profiles$\alinepp\Downloads\1b597561-ea73-4f97-8a2f-0c52a2bdb327.tmp</t>
  </si>
  <si>
    <t>74c97bc8-050e-41f2-9d4a-0d2e39e4a753.tmp</t>
  </si>
  <si>
    <t>\\acsfs\profiles$\gabrielarb\Downloads\74c97bc8-050e-41f2-9d4a-0d2e39e4a753.tmp</t>
  </si>
  <si>
    <t>lu12720f8n7.tmp</t>
  </si>
  <si>
    <t>\\acsfs\profiles$\victoriaksr\Downloads\lu12720f8n7.tmp</t>
  </si>
  <si>
    <t>C:\Users\guilhermeaso\AppData\Local\Temp\chrome_drag23076_1424115976\</t>
  </si>
  <si>
    <t>11. COTY- SAVOY ( FATURAMENTO Janeiro)_v1.xlsx</t>
  </si>
  <si>
    <t>\\acsfs\profiles$\julianeas\My Documents\$RECYCLE.BIN\</t>
  </si>
  <si>
    <t>$IHLCDQ8.txt</t>
  </si>
  <si>
    <t>\\acsfs\profiles$\julianeas\My Documents\$RECYCLE.BIN\$IHLCDQ8.txt</t>
  </si>
  <si>
    <t>$IMMP7YX.txt</t>
  </si>
  <si>
    <t>\\acsfs\profiles$\julianeas\My Documents\$RECYCLE.BIN\$IMMP7YX.txt</t>
  </si>
  <si>
    <t>Fechamento Dezembro_ UNE e Casos Especiais</t>
  </si>
  <si>
    <t>Dezembro _ UNE.xlsm</t>
  </si>
  <si>
    <t>\\acsfs\profiles$\anafaes\Contacts\</t>
  </si>
  <si>
    <t>ANA FLAVIA ALVES E SILVA (6827).contact</t>
  </si>
  <si>
    <t>\\acsfs\profiles$\anafaes\Contacts\ANA FLAVIA ALVES E SILVA (6827).contact</t>
  </si>
  <si>
    <t>\\acsfs\profiles$\anafaes\My Documents\My Videos\</t>
  </si>
  <si>
    <t>\\acsfs\profiles$\anafaes\My Documents\My Videos\desktop.ini</t>
  </si>
  <si>
    <t>\\acsfs\profiles$\anafaes\My Documents\My Pictures\</t>
  </si>
  <si>
    <t>\\acsfs\profiles$\anafaes\My Documents\My Pictures\desktop.ini</t>
  </si>
  <si>
    <t>\\acsfs\profiles$\anafaes\Contacts\desktop.ini</t>
  </si>
  <si>
    <t>\\acsfs\profiles$\anafaes\Favorites\</t>
  </si>
  <si>
    <t>\\acsfs\profiles$\anafaes\Favorites\desktop.ini</t>
  </si>
  <si>
    <t>\\acsfs\profiles$\anafaes\My Documents\My Music\</t>
  </si>
  <si>
    <t>\\acsfs\profiles$\anafaes\My Documents\My Music\desktop.ini</t>
  </si>
  <si>
    <t>\\acsfs\profiles$\anafaes\Searches\</t>
  </si>
  <si>
    <t>\\acsfs\profiles$\anafaes\Searches\desktop.ini</t>
  </si>
  <si>
    <t>\\acsfs\profiles$\anafaes\Downloads\desktop.ini</t>
  </si>
  <si>
    <t>\\acsfs\profiles$\anafaes\My Documents\</t>
  </si>
  <si>
    <t>\\acsfs\profiles$\anafaes\My Documents\desktop.ini</t>
  </si>
  <si>
    <t>\\acsfs\profiles$\anafaes\Saved Games\</t>
  </si>
  <si>
    <t>\\acsfs\profiles$\anafaes\Saved Games\desktop.ini</t>
  </si>
  <si>
    <t>\\acsfs\profiles$\anafaes\Favorites\Links for Brasil\</t>
  </si>
  <si>
    <t>\\acsfs\profiles$\anafaes\Favorites\Links for Brasil\desktop.ini</t>
  </si>
  <si>
    <t>\\acsfs\profiles$\anafaes\Favorites\Links for Brasil\Microsoft Brasil.url</t>
  </si>
  <si>
    <t>\\acsfs\profiles$\anafaes\Favorites\Links for Brasil\Windows Brasil.url</t>
  </si>
  <si>
    <t>\\acsfs\profiles$\anafaes\Favorites\Links for Brasil\MSN Brasil.url</t>
  </si>
  <si>
    <t>anapscl@algartech.com;coordenadorespf@algartech.com;fabiolacc@algartecnologia.com.br;fredericobs@algartecnologia.com.br;michelecdc@algartech.com;micheless@algartech.com.br;</t>
  </si>
  <si>
    <t>Monitorias Online - Dezembro</t>
  </si>
  <si>
    <t>MONITORIA GOV - Algar.xlsm</t>
  </si>
  <si>
    <t>anapscl@algartech.com,coordenadorespf@algartech.com,fabiolacc@algartecnologia.com.br,fredericobs@algartecnologia.com.br,michelecdc@algartech.com,micheless@algartech.com.br</t>
  </si>
  <si>
    <t>anapscl@algartech.com;fabiolacc@algartecnologia.com.br;michelecdc@algartech.com;micheless@algartech.com.br;</t>
  </si>
  <si>
    <t>MONITORIA GOV.xlsm</t>
  </si>
  <si>
    <t>anapscl@algartech.com,fabiolacc@algartecnologia.com.br,michelecdc@algartech.com,micheless@algartech.com.br</t>
  </si>
  <si>
    <t>cfc8b85b-d91c-4cf2-bcf5-fcf0fd14af2f.tmp</t>
  </si>
  <si>
    <t>\\acsfs\profiles$\laurandos\Downloads\cfc8b85b-d91c-4cf2-bcf5-fcf0fd14af2f.tmp</t>
  </si>
  <si>
    <t>3f654063-dbf0-44bc-9064-d1136ab6bf0b.tmp</t>
  </si>
  <si>
    <t>\\acsfs\profiles$\laurandos\Downloads\3f654063-dbf0-44bc-9064-d1136ab6bf0b.tmp</t>
  </si>
  <si>
    <t>f4cac60a-1f45-4719-b5a1-d99e6c734d98.tmp</t>
  </si>
  <si>
    <t>\\acsfs\profiles$\laurandos\Downloads\f4cac60a-1f45-4719-b5a1-d99e6c734d98.tmp</t>
  </si>
  <si>
    <t>65703815-4863-4c32-8b22-44df676fb58d.tmp</t>
  </si>
  <si>
    <t>\\acsfs\profiles$\matheusmax\Downloads\65703815-4863-4c32-8b22-44df676fb58d.tmp</t>
  </si>
  <si>
    <t>WENDER BRUNO NUNES MENESES_1_6775113414041736281_1_32.wav</t>
  </si>
  <si>
    <t>\\acsfs\Deptos\EDUCACAO EMPRESARIAL\KÉSIA\Ligações 1º Ciclo - Janeiro 2020\WENDER BRUNO NUNES MENESES_1_6775113414041736281_1_32.wav</t>
  </si>
  <si>
    <t>7d493077-3114-4e22-b0f2-efefff4de407.tmp</t>
  </si>
  <si>
    <t>\\acsfs\profiles$\gabrielarb\Downloads\7d493077-3114-4e22-b0f2-efefff4de407.tmp</t>
  </si>
  <si>
    <t>e35e5f89-8065-44b1-92ba-b3329fa62240.tmp</t>
  </si>
  <si>
    <t>\\acsfs\profiles$\anafaes\Downloads\e35e5f89-8065-44b1-92ba-b3329fa62240.tmp</t>
  </si>
  <si>
    <t>d8016ce0-54c0-4abc-bf24-30fceb5dc954.tmp</t>
  </si>
  <si>
    <t>\\acsfs\profiles$\anafaes\Downloads\d8016ce0-54c0-4abc-bf24-30fceb5dc954.tmp</t>
  </si>
  <si>
    <t>ae38f70e-ef6c-41c2-b470-e67dec98e3e6.tmp</t>
  </si>
  <si>
    <t>\\acsfs\profiles$\anafaes\Downloads\ae38f70e-ef6c-41c2-b470-e67dec98e3e6.tmp</t>
  </si>
  <si>
    <t>20385499-21a9-4a7a-9262-8395aa436e9a.tmp</t>
  </si>
  <si>
    <t>\\acsfs\profiles$\anafaes\Downloads\20385499-21a9-4a7a-9262-8395aa436e9a.tmp</t>
  </si>
  <si>
    <t>090a0efb-0b84-4662-b4bd-f91144bdfe54.tmp</t>
  </si>
  <si>
    <t>\\acsfs\profiles$\lorrainerdl\Downloads\090a0efb-0b84-4662-b4bd-f91144bdfe54.tmp</t>
  </si>
  <si>
    <t>40abc8ee-49a3-4c67-8a40-946aa451175a.tmp</t>
  </si>
  <si>
    <t>\\acsfs\profiles$\lorrainerdl\Downloads\40abc8ee-49a3-4c67-8a40-946aa451175a.tmp</t>
  </si>
  <si>
    <t>10.200.32.250</t>
  </si>
  <si>
    <t>EC-F4-BB-F7-26-24</t>
  </si>
  <si>
    <t>NB-ANAFPS</t>
  </si>
  <si>
    <t>pauladbab</t>
  </si>
  <si>
    <t>C:\Users\pauladbab\Downloads\</t>
  </si>
  <si>
    <t>3uyuw===== co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missionid,picture,shared,sharedwithmedate,thumbnailversion,title,userpermission(role),workspaceids</t>
  </si>
  <si>
    <t>C:\Users\luanasdsa\AppData\Local\Temp\</t>
  </si>
  <si>
    <t>c3829f95-6447-468b-89ce-b48ce653bb96.tmp</t>
  </si>
  <si>
    <t>\\acsfs\profiles$\philipegsf\Downloads\c3829f95-6447-468b-89ce-b48ce653bb96.tmp</t>
  </si>
  <si>
    <t>65f56487-7bea-409d-b0d8-03944c195428.tmp</t>
  </si>
  <si>
    <t>\\acsfs\profiles$\gabrielarb\Downloads\65f56487-7bea-409d-b0d8-03944c195428.tmp</t>
  </si>
  <si>
    <t>10c27721-4759-4767-a939-2bf03c760a3f.tmp</t>
  </si>
  <si>
    <t>\\acsfs\profiles$\gabrielarb\Downloads\10c27721-4759-4767-a939-2bf03c760a3f.tmp</t>
  </si>
  <si>
    <t>f9a718f6-3088-44fd-82a1-4697950ebcc4.tmp</t>
  </si>
  <si>
    <t>\\acsfs\profiles$\gabrielarb\Downloads\f9a718f6-3088-44fd-82a1-4697950ebcc4.tmp</t>
  </si>
  <si>
    <t>5c8eed1e-7c7a-474b-8498-a9e438f5c360.tmp</t>
  </si>
  <si>
    <t>\\acsfs\profiles$\gabrielarb\Downloads\5c8eed1e-7c7a-474b-8498-a9e438f5c360.tmp</t>
  </si>
  <si>
    <t>bcabcef9-0280-475e-97a6-747fc0c20be4.tmp</t>
  </si>
  <si>
    <t>\\acsfs\profiles$\andreapdsg\Downloads\bcabcef9-0280-475e-97a6-747fc0c20be4.tmp</t>
  </si>
  <si>
    <t>mail.google.com/_/upload?authuser=0&amp;dcp=asu-n&amp;upload_id=AEnB2UqJ83sRXZZXDMqPp2c2Tio33LvwBNnV7JZ5GktV_kmSQ-QtcgRkIorTOQwIkQ06mFzwMp7N2mCCBQGUE9YL4uviYt1Z4Q&amp;upload_protocol=resumable</t>
  </si>
  <si>
    <t>filiperve@algartech.com;janepo@algartech.com;marcotb@algartech.com;marcusgm@algartech.com;</t>
  </si>
  <si>
    <t>C:\Users\fabianacscg\Desktop\Contratos\Whirlpool\</t>
  </si>
  <si>
    <t>Rechamada por Operador - Dezembro - Gondin.xlsb</t>
  </si>
  <si>
    <t>filiperve@algartech.com,janepo@algartech.com,marcotb@algartech.com,marcusgm@algartech.com</t>
  </si>
  <si>
    <t>Cópia de REPORT ACOMPANHAMENTO - BV - JANEIRO.xlsb</t>
  </si>
  <si>
    <t>\\acsfs\deptos\Operacao\PCP\5 - Comum\PLANEJAMENTO BV\14 - ACOMPANHAMENTO\1 - REPORT ACOMPANHAMENTO\2020\1 - JANEIRO\FINANCEIRA\Cópia de REPORT ACOMPANHAMENTO - BV - JANEIRO.xlsb</t>
  </si>
  <si>
    <t>\\udpavonfs01\AVON\00 - ACOMPANHAMENTO AVON\04 - BACKOFFICE CORNERSTONE\2020\01.2020\RELATORIO\02.01.2020\</t>
  </si>
  <si>
    <t>cea9b296-85f8-4c3b-8da5-3b287b68cca8.tmp</t>
  </si>
  <si>
    <t>\\acsfs\profiles$\gabrielarb\Downloads\cea9b296-85f8-4c3b-8da5-3b287b68cca8.tmp</t>
  </si>
  <si>
    <t>b70ade24-09cb-4fda-881c-37d0fc49db29.tmp</t>
  </si>
  <si>
    <t>\\acsfs\profiles$\gabrielarb\Downloads\b70ade24-09cb-4fda-881c-37d0fc49db29.tmp</t>
  </si>
  <si>
    <t>\\acsfs\ACS\Suporte à Operações\02 - Faturamento\2019\12 - Dezembro\NEXT\</t>
  </si>
  <si>
    <t>Memória de Cálculo Faturamento novembro_2019_ativo.xlsx</t>
  </si>
  <si>
    <t>C:\Users\robertacmf\Desktop\Telefonia NEXT Novembro.7z\</t>
  </si>
  <si>
    <t>Telefonia NEXT Novembro.xlsx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</t>
  </si>
  <si>
    <t>Formulário TTV - Lançamento de Hora Extra.xlsx</t>
  </si>
  <si>
    <t>calendário de governança_2020.xlsx</t>
  </si>
  <si>
    <t>15c1051d-4124-47fe-b70f-f0dcca32ec77.tmp</t>
  </si>
  <si>
    <t>\\acsfs\profiles$\leonardobb\Downloads\15c1051d-4124-47fe-b70f-f0dcca32ec77.tmp</t>
  </si>
  <si>
    <t>5fe32d0c-e375-405d-a0bb-daf2d5be68b4.tmp</t>
  </si>
  <si>
    <t>\\acsfs\profiles$\leonardobb\Downloads\5fe32d0c-e375-405d-a0bb-daf2d5be68b4.tmp</t>
  </si>
  <si>
    <t>259d6800-c266-4391-a8a4-b73f038ee622.tmp</t>
  </si>
  <si>
    <t>\\acsfs\profiles$\leonardobb\Downloads\259d6800-c266-4391-a8a4-b73f038ee622.tmp</t>
  </si>
  <si>
    <t>85829d51-b7bd-4dd7-87f1-ec8ae3f7eee5.tmp</t>
  </si>
  <si>
    <t>\\acsfs\profiles$\leonardobb\Downloads\85829d51-b7bd-4dd7-87f1-ec8ae3f7eee5.tmp</t>
  </si>
  <si>
    <t>19939037-12ed-4f12-9544-e43cfa89e230.tmp</t>
  </si>
  <si>
    <t>\\acsfs\profiles$\leonardobb\Downloads\19939037-12ed-4f12-9544-e43cfa89e230.tmp</t>
  </si>
  <si>
    <t>d7142a87-25a1-42cb-8ebc-6d36901ecdad.tmp</t>
  </si>
  <si>
    <t>\\acsfs\profiles$\ingridsm\Downloads\d7142a87-25a1-42cb-8ebc-6d36901ecdad.tmp</t>
  </si>
  <si>
    <t>0c89945c-ca08-4848-ad3b-372a08105817.tmp</t>
  </si>
  <si>
    <t>\\acsfs\profiles$\ingridsm\Downloads\0c89945c-ca08-4848-ad3b-372a08105817.tmp</t>
  </si>
  <si>
    <t>fc733e65-d481-4509-a420-c9416dbcf9cc.tmp</t>
  </si>
  <si>
    <t>\\acsfs\profiles$\alinepp\Downloads\fc733e65-d481-4509-a420-c9416dbcf9cc.tmp</t>
  </si>
  <si>
    <t>796deb3c-3d0d-40f9-b113-a7e5333962fd.tmp</t>
  </si>
  <si>
    <t>\\acsfs\profiles$\leticiala\Downloads\796deb3c-3d0d-40f9-b113-a7e5333962fd.tmp</t>
  </si>
  <si>
    <t>lu528808of2vl.tmp</t>
  </si>
  <si>
    <t>\\acsfs\profiles$\lorraynevam\Downloads\lu528808of2vl.tmp</t>
  </si>
  <si>
    <t>\\acsfs\profiles$\lorraynevam\Downloads\lu528808of2vl.tmp\</t>
  </si>
  <si>
    <t>\\acsfs\profiles$\lorraynevam\Downloads\lu528808of2vl.tmp\META-INF\</t>
  </si>
  <si>
    <t>\\acsfs\profiles$\lorraynevam\Downloads\lu528808of2vl.tmp\Thumbnails\</t>
  </si>
  <si>
    <t>4047b7cc-b045-4c1c-a037-f8eb2d9e1f9e.tmp</t>
  </si>
  <si>
    <t>\\acsfs\profiles$\leonardobb\Downloads\4047b7cc-b045-4c1c-a037-f8eb2d9e1f9e.tmp</t>
  </si>
  <si>
    <t>a19e2834-fcfb-49af-927b-ed8685c8af50.tmp</t>
  </si>
  <si>
    <t>\\acsfs\profiles$\karinarm\Downloads\a19e2834-fcfb-49af-927b-ed8685c8af50.tmp</t>
  </si>
  <si>
    <t>10.200.67.2</t>
  </si>
  <si>
    <t>78-2B-CB-C1-04-88</t>
  </si>
  <si>
    <t>VOTORANT-LB005</t>
  </si>
  <si>
    <t>dc46ad75-7471-4599-9d1b-d31cc981ee9c.tmp</t>
  </si>
  <si>
    <t>\\acsfs\profiles$\layonmof\Downloads\dc46ad75-7471-4599-9d1b-d31cc981ee9c.tmp</t>
  </si>
  <si>
    <t>1b67e221-9baf-4985-910f-c797bee1bde5.tmp</t>
  </si>
  <si>
    <t>\\acsfs\profiles$\layonmof\Downloads\1b67e221-9baf-4985-910f-c797bee1bde5.tmp</t>
  </si>
  <si>
    <t>\\acsfs\ACS\Gabriel da Silva\Contemporânea\BDBV\7390FB2B.tmp\</t>
  </si>
  <si>
    <t>\\acsfs\ACS\Gabriel da Silva\Contemporânea\BDBV\7390FB2B.tmp\:Zone.Identifier:$DATA</t>
  </si>
  <si>
    <t>9a2eae2f-6f29-4b60-9d85-913d7199dd9c.tmp</t>
  </si>
  <si>
    <t>\\acsfs\profiles$\alinepp\Downloads\9a2eae2f-6f29-4b60-9d85-913d7199dd9c.tmp</t>
  </si>
  <si>
    <t>9b4f72d3-4aec-401a-9c3d-4b70bdd82930.tmp</t>
  </si>
  <si>
    <t>\\acsfs\profiles$\alinepp\Downloads\9b4f72d3-4aec-401a-9c3d-4b70bdd82930.tmp</t>
  </si>
  <si>
    <t>79c395f5-3ea3-4318-9bb6-ca0323dc677e.tmp</t>
  </si>
  <si>
    <t>\\acsfs\profiles$\leticiala\Downloads\79c395f5-3ea3-4318-9bb6-ca0323dc677e.tmp</t>
  </si>
  <si>
    <t>b15ff2b4-ec5b-4438-b2d1-1f8a50ac007d.tmp</t>
  </si>
  <si>
    <t>\\acsfs\profiles$\brendadsl\Downloads\b15ff2b4-ec5b-4438-b2d1-1f8a50ac007d.tmp</t>
  </si>
  <si>
    <t>b9219152-9e1d-449f-a167-b8e5af166c6d.tmp</t>
  </si>
  <si>
    <t>\\acsfs\profiles$\adelvinsonle\Downloads\b9219152-9e1d-449f-a167-b8e5af166c6d.tmp</t>
  </si>
  <si>
    <t>Modelo Monitoria - 1º ciclo - Janeiro 2020.txt</t>
  </si>
  <si>
    <t>\\acsfs\Deptos\EDUCACAO EMPRESARIAL\KÉSIA\Modelo Monitoria - 1º ciclo - Janeiro 2020.txt</t>
  </si>
  <si>
    <t>C:\A2\PAULAO\SOBREAVISO\JANEIRO 2020\</t>
  </si>
  <si>
    <t>SOBRE AVISO - 2020.xlsx</t>
  </si>
  <si>
    <t>9d8be01d-5cfd-482c-924e-c898c36b8976.tmp</t>
  </si>
  <si>
    <t>\\acsfs\profiles$\henriqueco\Downloads\9d8be01d-5cfd-482c-924e-c898c36b8976.tmp</t>
  </si>
  <si>
    <t>10.200.35.209</t>
  </si>
  <si>
    <t>64-1C-67-9C-54-34</t>
  </si>
  <si>
    <t>NB-RICARDOFM</t>
  </si>
  <si>
    <t>ricardodfm</t>
  </si>
  <si>
    <t>Ricardo De Faveri Moreira</t>
  </si>
  <si>
    <t>/o=exchangelabs/ou=exchange administrative group (fydibohf23spdlt)/cn=recipients/cn=309572221fe14ce3af445b3983aaac9f-alizenete m;</t>
  </si>
  <si>
    <t>Base Qlikview</t>
  </si>
  <si>
    <t>BASE_QLIKVIEW.xlsx</t>
  </si>
  <si>
    <t>/o=exchangelabs/ou=exchange administrative group (fydibohf23spdlt)/cn=recipients/cn=309572221fe14ce3af445b3983aaac9f-alizenete m</t>
  </si>
  <si>
    <t>378ec079-4010-4a03-a315-583741736aca.tmp</t>
  </si>
  <si>
    <t>\\acsfs\profiles$\karinarm\Downloads\378ec079-4010-4a03-a315-583741736aca.tmp</t>
  </si>
  <si>
    <t>f0615104-0c3b-4740-9338-ae72cb0b0615.tmp</t>
  </si>
  <si>
    <t>\\acsfs\profiles$\karinarm\Downloads\f0615104-0c3b-4740-9338-ae72cb0b0615.tmp</t>
  </si>
  <si>
    <t>10.200.57.158</t>
  </si>
  <si>
    <t>FC-01-7C-FE-64-8D</t>
  </si>
  <si>
    <t>NB-MARILIAFSC</t>
  </si>
  <si>
    <t>mariliafsc</t>
  </si>
  <si>
    <t>C:\Users\mariliafsc.ACS\Downloads\</t>
  </si>
  <si>
    <t>ESFORÇO_VALIDAR.xlsm</t>
  </si>
  <si>
    <t>be3aab82-8871-4dac-9dda-54d5e430fa0c.tmp</t>
  </si>
  <si>
    <t>\\acsfs\profiles$\adelvinsonle\Downloads\be3aab82-8871-4dac-9dda-54d5e430fa0c.tmp</t>
  </si>
  <si>
    <t>SUBSTITUIÇÃO DE PROTOCOLOS.docx</t>
  </si>
  <si>
    <t>\\acsfs\Deptos\EDUCACAO EMPRESARIAL\KÉSIA\SUBSTITUIÇÃO DE PROTOCOLOS.docx</t>
  </si>
  <si>
    <t>3dcb17ca-9075-4df6-80de-a3d6fdcf0293.tmp</t>
  </si>
  <si>
    <t>\\acsfs\profiles$\ciceraads\Downloads\3dcb17ca-9075-4df6-80de-a3d6fdcf0293.tmp</t>
  </si>
  <si>
    <t>55308d75-8e95-4432-b354-c698ef9402b3.tmp</t>
  </si>
  <si>
    <t>\\acsfs\profiles$\andrezacapf\Downloads\55308d75-8e95-4432-b354-c698ef9402b3.tmp</t>
  </si>
  <si>
    <t>dc23aed7-0611-4369-8c32-800c8f5c9f38.tmp</t>
  </si>
  <si>
    <t>\\acsfs\profiles$\andrezacapf\Downloads\dc23aed7-0611-4369-8c32-800c8f5c9f38.tmp</t>
  </si>
  <si>
    <t>cb11dae0-3c59-48ac-b404-0dfa7021f43e.tmp</t>
  </si>
  <si>
    <t>\\acsfs\profiles$\andrezacapf\Downloads\cb11dae0-3c59-48ac-b404-0dfa7021f43e.tmp</t>
  </si>
  <si>
    <t>333adb2f-fae1-4e2c-9d5d-e556c6017f07.tmp</t>
  </si>
  <si>
    <t>\\acsfs\profiles$\andrezacapf\Downloads\333adb2f-fae1-4e2c-9d5d-e556c6017f07.tmp</t>
  </si>
  <si>
    <t>31d017f9-0c30-4479-ab68-ff3d8ec15cd0.tmp</t>
  </si>
  <si>
    <t>\\acsfs\profiles$\marcelacdss\Downloads\31d017f9-0c30-4479-ab68-ff3d8ec15cd0.tmp</t>
  </si>
  <si>
    <t>a5c569d8-90eb-4e5c-bc03-ed4267b6bc46.tmp</t>
  </si>
  <si>
    <t>\\acsfs\profiles$\marcelacdss\Downloads\a5c569d8-90eb-4e5c-bc03-ed4267b6bc46.tmp</t>
  </si>
  <si>
    <t>4d9e43b9-9625-433f-bb3e-36101f905ad5.tmp</t>
  </si>
  <si>
    <t>\\acsfs\profiles$\marcelacdss\Downloads\4d9e43b9-9625-433f-bb3e-36101f905ad5.tmp</t>
  </si>
  <si>
    <t>ancestorhasaugmentedpermissions;containsunsubscribedchildren;displayname;domain;emailaddress;exp;explicitlytrashed;file(kind;fileid;filesize;hasthumbnail;hasvisitorpermissions;id;id);items(deleted;items(kind;ken;ken=aa2cq0ghxulpkumdp8xqa_x50xav:1578340923712&amp;buildlabel=drive.web-frontend_20191211.00_p104;kind;lastmodify;lastmodifyinguser(kind;lastviewedbymedate;mimetype;modifiedbymedate;modifieddate;ontainsunsubscribedchildren;owners(kind;permi;permission;permissionid;picture;picture�;quota;rpermissions;shared;sharedwithmedate;thumbnailversion;title;userpermission(role);workspaceids;</t>
  </si>
  <si>
    <t>Certificações_Prudential atualizado.xlsx</t>
  </si>
  <si>
    <t>ancestorhasaugmentedpermissions,containsunsubscribedchildren,displayname,domain,emailaddress,exp,explicitlytrashed,file(kind,fileid,filesize,hasthumbnail,hasvisitorpermissions,id,id),items(deleted,items(kind,ken,ken=aa2cq0ghxulpkumdp8xqa_x50xav:1578340923712&amp;buildlabel=drive.web-frontend_20191211.00_p104,kind,lastmodify,lastmodifyinguser(kind,lastviewedbymedate,mimetype,modifiedbymedate,modifieddate,ontainsunsubscribedchildren,owners(kind,permi,permission,permissionid,picture,picture�,quota,rpermissions,shared,sharedwithmedate,thumbnailversion,title,userpermission(role),workspaceids</t>
  </si>
  <si>
    <t>mail.google.com/_/upload?authuser=0&amp;dcp=asu-n&amp;upload_id=AEnB2Uqw8l6tOzkR01xkUjDJC3GGLrf9ks_AMgCp6QEl5XcWqWwxFqxgEWR3XVA9FQgxUSO1rS0SRIRi1WYABKTv0mhXwzcDZfsKR8Vtg6VXYZZJDe0MSMA&amp;upload_protocol=resumable</t>
  </si>
  <si>
    <t>C:\Users\edilsonrb\Documents\02.Trabalho\86.ANO.2020\01.CLIENTES\01.PRUDENTIAL\01.JANEIRO\02.TREINAMENTOS\</t>
  </si>
  <si>
    <t>CGAP - COORDENACAO GERAL DE APLICACOES</t>
  </si>
  <si>
    <t>64-1C-67-9D-34-80</t>
  </si>
  <si>
    <t>NB-DOUGLASXM</t>
  </si>
  <si>
    <t>douglasxm</t>
  </si>
  <si>
    <t>douglasxm@algartech.com</t>
  </si>
  <si>
    <t>C:\Users\douglasxm\Desktop\</t>
  </si>
  <si>
    <t>Cópia de Objetivos 2º semestre 2019_V2.xlsx</t>
  </si>
  <si>
    <t>8733d543-d163-4086-a051-e2d411523950.tmp</t>
  </si>
  <si>
    <t>\\acsfs\profiles$\myllenardl\Downloads\8733d543-d163-4086-a051-e2d411523950.tmp</t>
  </si>
  <si>
    <t>24fa7aa1-be85-46a7-afc5-15044f076efc.tmp</t>
  </si>
  <si>
    <t>\\acsfs\profiles$\danielta\Downloads\24fa7aa1-be85-46a7-afc5-15044f076efc.tmp</t>
  </si>
  <si>
    <t>b0a84771-dce1-46bc-953c-9be4a5158518.tmp</t>
  </si>
  <si>
    <t>\\acsfs\profiles$\henriqueco\Downloads\b0a84771-dce1-46bc-953c-9be4a5158518.tmp</t>
  </si>
  <si>
    <t>5030401b-afe1-4c6d-93c6-67bc915daed8.tmp</t>
  </si>
  <si>
    <t>\\acsfs\profiles$\andrezacapf\Downloads\5030401b-afe1-4c6d-93c6-67bc915daed8.tmp</t>
  </si>
  <si>
    <t>3047e8c6-6142-4768-af63-2a355fb4625d.tmp</t>
  </si>
  <si>
    <t>\\acsfs\profiles$\andrezacapf\Downloads\3047e8c6-6142-4768-af63-2a355fb4625d.tmp</t>
  </si>
  <si>
    <t>115e6486-57d9-4a7d-8574-3bc9bb0c1369.tmp</t>
  </si>
  <si>
    <t>\\acsfs\profiles$\fabianafv\Downloads\115e6486-57d9-4a7d-8574-3bc9bb0c1369.tmp</t>
  </si>
  <si>
    <t>71ea3c90-1d3d-411f-8ea2-da38f46249bc.tmp</t>
  </si>
  <si>
    <t>\\acsfs\profiles$\marcelacdss\Downloads\71ea3c90-1d3d-411f-8ea2-da38f46249bc.tmp</t>
  </si>
  <si>
    <t>Não confirmado 205091.crdownload</t>
  </si>
  <si>
    <t>\\acsfs\profiles$\marcelacdss\Downloads\Não confirmado 205091.crdownload</t>
  </si>
  <si>
    <t>13969197-d167-4b9f-b72c-fe699ed02730.tmp</t>
  </si>
  <si>
    <t>\\acsfs\profiles$\marcelacdss\Downloads\13969197-d167-4b9f-b72c-fe699ed02730.tmp</t>
  </si>
  <si>
    <t>f3605c1d-81f9-4c89-9593-6bdec271d1b1.tmp</t>
  </si>
  <si>
    <t>\\acsfs\profiles$\marcelacdss\Downloads\f3605c1d-81f9-4c89-9593-6bdec271d1b1.tmp</t>
  </si>
  <si>
    <t>3d3192ec-4d27-4274-86e2-a29ef1941d74.tmp</t>
  </si>
  <si>
    <t>\\acsfs\profiles$\marcelacdss\Downloads\3d3192ec-4d27-4274-86e2-a29ef1941d74.tmp</t>
  </si>
  <si>
    <t>100014122394468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22394468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2103689a-acfd-430c-8af5-c2e6542fd82b.tmp</t>
  </si>
  <si>
    <t>\\acsfs\profiles$\danielta\Downloads\2103689a-acfd-430c-8af5-c2e6542fd82b.tmp</t>
  </si>
  <si>
    <t>fe9aac9d-6fe1-4311-a51f-b4e6c65731f1.tmp</t>
  </si>
  <si>
    <t>\\acsfs\profiles$\marcelacdss\Downloads\fe9aac9d-6fe1-4311-a51f-b4e6c65731f1.tmp</t>
  </si>
  <si>
    <t>ef095bcd-ad57-45e2-88f3-d3a41309cad1.tmp</t>
  </si>
  <si>
    <t>\\acsfs\profiles$\joycemmdl\Downloads\ef095bcd-ad57-45e2-88f3-d3a41309cad1.tmp</t>
  </si>
  <si>
    <t>e481cb49-41d9-4549-a589-932bd62ed962.tmp</t>
  </si>
  <si>
    <t>\\acsfs\profiles$\joycemmdl\Downloads\e481cb49-41d9-4549-a589-932bd62ed962.tmp</t>
  </si>
  <si>
    <t>thaismo@algartech.com;</t>
  </si>
  <si>
    <t>Fechamento</t>
  </si>
  <si>
    <t>Acompanhamento CRC Amex e CRC VMC - Dezembro.zip\</t>
  </si>
  <si>
    <t>Acompanhamento CRC Amex e CRC VMC - Dezembro.xlsb</t>
  </si>
  <si>
    <t>thaismo@algartech.com</t>
  </si>
  <si>
    <t>216bcd51-bb73-4b4b-b03c-ee0a192f9e67.tmp</t>
  </si>
  <si>
    <t>\\acsfs\profiles$\kamilamrc\Downloads\216bcd51-bb73-4b4b-b03c-ee0a192f9e67.tmp</t>
  </si>
  <si>
    <t>Usar.txt</t>
  </si>
  <si>
    <t>\\acsfs\profiles$\layonmof\My Documents\Usar.txt</t>
  </si>
  <si>
    <t>48c15b15-6b30-4896-9319-5c0ec305013a.tmp</t>
  </si>
  <si>
    <t>\\acsfs\profiles$\leticiala\Downloads\48c15b15-6b30-4896-9319-5c0ec305013a.tmp</t>
  </si>
  <si>
    <t>b58b352d-0e43-4b2e-82a5-f38a20cc5572.tmp</t>
  </si>
  <si>
    <t>\\acsfs\profiles$\henriquehmdo\Downloads\b58b352d-0e43-4b2e-82a5-f38a20cc5572.tmp</t>
  </si>
  <si>
    <t>1631a2de-61de-4cc9-937e-33ae74248f0b.JPG</t>
  </si>
  <si>
    <t>508da70e-83ee-4937-9727-ce0930091c3b.tmp</t>
  </si>
  <si>
    <t>\\acsfs\profiles$\andrezacapf\Downloads\508da70e-83ee-4937-9727-ce0930091c3b.tmp</t>
  </si>
  <si>
    <t>\\acsfs\profiles$\andrezacapf\My Documents\xworkcenter\logs\</t>
  </si>
  <si>
    <t>XLOG_andrezacapf_06012020_135411.log</t>
  </si>
  <si>
    <t>\\acsfs\profiles$\andrezacapf\My Documents\xworkcenter\logs\XLOG_andrezacapf_06012020_135411.log</t>
  </si>
  <si>
    <t>9db5d930-ce02-4a61-a862-72a5f5ccce7a.tmp</t>
  </si>
  <si>
    <t>\\acsfs\profiles$\andrezacapf\Downloads\9db5d930-ce02-4a61-a862-72a5f5ccce7a.tmp</t>
  </si>
  <si>
    <t>a13f6b58-f765-48b1-8181-21eb9692b632.tmp</t>
  </si>
  <si>
    <t>\\acsfs\profiles$\andrezacapf\Downloads\a13f6b58-f765-48b1-8181-21eb9692b632.tmp</t>
  </si>
  <si>
    <t>akassiablc@algartech.com</t>
  </si>
  <si>
    <t>wayneroa@algartech.com;</t>
  </si>
  <si>
    <t>wayneroa@algartech.com</t>
  </si>
  <si>
    <t>632ac8af-f151-4c47-8ca4-d89db13ed5b0.tmp</t>
  </si>
  <si>
    <t>\\acsfs\profiles$\marcelacdss\Downloads\632ac8af-f151-4c47-8ca4-d89db13ed5b0.tmp</t>
  </si>
  <si>
    <t>cb8efeef-86f7-4f6e-806b-164e8eecd700.tmp</t>
  </si>
  <si>
    <t>\\acsfs\profiles$\marcelacdss\Downloads\cb8efeef-86f7-4f6e-806b-164e8eecd700.tmp</t>
  </si>
  <si>
    <t>d821e502-eb48-4965-b17e-74de0f99ad42.tmp</t>
  </si>
  <si>
    <t>\\acsfs\profiles$\philipegsf\Downloads\d821e502-eb48-4965-b17e-74de0f99ad42.tmp</t>
  </si>
  <si>
    <t>8f98ada3-5505-431d-8fe7-5d7643d17b05.tmp</t>
  </si>
  <si>
    <t>\\acsfs\profiles$\andrezacapf\Downloads\8f98ada3-5505-431d-8fe7-5d7643d17b05.tmp</t>
  </si>
  <si>
    <t>c3a29897-abc4-4737-b07f-46708779c4b9.tmp</t>
  </si>
  <si>
    <t>\\acsfs\profiles$\andrezacapf\Downloads\c3a29897-abc4-4737-b07f-46708779c4b9.tmp</t>
  </si>
  <si>
    <t>360e1ea2-f3d4-4369-9975-d86a8af1c481.tmp</t>
  </si>
  <si>
    <t>\\acsfs\profiles$\andrezacapf\Downloads\360e1ea2-f3d4-4369-9975-d86a8af1c481.tmp</t>
  </si>
  <si>
    <t>02c3475a-07d0-4946-bb9c-1e9c51dfe9fd.tmp</t>
  </si>
  <si>
    <t>\\acsfs\profiles$\andrezacapf\Downloads\02c3475a-07d0-4946-bb9c-1e9c51dfe9fd.tmp</t>
  </si>
  <si>
    <t>dba4008b-5d11-4b43-9dd3-587465498d51.tmp</t>
  </si>
  <si>
    <t>\\acsfs\profiles$\andrezacapf\Downloads\dba4008b-5d11-4b43-9dd3-587465498d51.tmp</t>
  </si>
  <si>
    <t>b4f0e1e4-734b-4aed-91da-2bd7954636f4.tmp</t>
  </si>
  <si>
    <t>\\acsfs\profiles$\andrezacapf\Downloads\b4f0e1e4-734b-4aed-91da-2bd7954636f4.tmp</t>
  </si>
  <si>
    <t>15a401d8-86af-4927-bbac-5f6c91ee7108.tmp</t>
  </si>
  <si>
    <t>\\acsfs\profiles$\andrezacapf\Downloads\15a401d8-86af-4927-bbac-5f6c91ee7108.tmp</t>
  </si>
  <si>
    <t>10.200.58.115</t>
  </si>
  <si>
    <t>64-1C-67-9C-54-27</t>
  </si>
  <si>
    <t>NB-LUCIANAFDA</t>
  </si>
  <si>
    <t>lucianafaa</t>
  </si>
  <si>
    <t>C:\Users\lucianafaa\OneDrive - Grupo Algar\2019\CONTROLE HORAS\</t>
  </si>
  <si>
    <t>Horas 2019- agosto - Copia.xlsx</t>
  </si>
  <si>
    <t>64fc35e5-89a3-4ac2-8602-2bce8ff35f3f.tmp</t>
  </si>
  <si>
    <t>\\acsfs\profiles$\layonmof\Downloads\64fc35e5-89a3-4ac2-8602-2bce8ff35f3f.tmp</t>
  </si>
  <si>
    <t>67c307c8-f0fd-4417-9b8c-1343808b3a5b.tmp</t>
  </si>
  <si>
    <t>\\acsfs\profiles$\layonmof\Downloads\67c307c8-f0fd-4417-9b8c-1343808b3a5b.tmp</t>
  </si>
  <si>
    <t>\\acsfs\ACS\Gabriel da Silva\Contemporânea\BDBV\844D5182.tmp\</t>
  </si>
  <si>
    <t>\\acsfs\ACS\Gabriel da Silva\Contemporânea\BDBV\844D5182.tmp\:Zone.Identifier:$DATA</t>
  </si>
  <si>
    <t>11901609-631e-4ab6-8dd5-e04ea4d6ab19.tmp</t>
  </si>
  <si>
    <t>\\acsfs\profiles$\leticiala\Downloads\11901609-631e-4ab6-8dd5-e04ea4d6ab19.tmp</t>
  </si>
  <si>
    <t>fa02119a-352b-4864-b8ab-58c6aa02ed66.tmp</t>
  </si>
  <si>
    <t>\\acsfs\profiles$\leticiala\Downloads\fa02119a-352b-4864-b8ab-58c6aa02ed66.tmp</t>
  </si>
  <si>
    <t>d4bb4917-1fee-454b-b826-28c6163b28f5.tmp</t>
  </si>
  <si>
    <t>\\acsfs\profiles$\marcelacdss\Downloads\d4bb4917-1fee-454b-b826-28c6163b28f5.tmp</t>
  </si>
  <si>
    <t>Nathalia Oliveira Souza (13).contact</t>
  </si>
  <si>
    <t>\\acsfs\profiles$\nathaliaos\Contacts\Nathalia Oliveira Souza (13).contact</t>
  </si>
  <si>
    <t>dc277105-33bd-4506-bb38-f78083b1cd76.tmp</t>
  </si>
  <si>
    <t>\\acsfs\profiles$\nathaliaos\Downloads\dc277105-33bd-4506-bb38-f78083b1cd76.tmp</t>
  </si>
  <si>
    <t>3c69d3e9-f4aa-4fa0-a31d-940fe9b46bf7.tmp</t>
  </si>
  <si>
    <t>\\acsfs\profiles$\nathaliaos\Downloads\3c69d3e9-f4aa-4fa0-a31d-940fe9b46bf7.tmp</t>
  </si>
  <si>
    <t>eba6e450-7bdf-4b0f-9ca7-3a949b9137c5.tmp</t>
  </si>
  <si>
    <t>\\acsfs\profiles$\layonmof\Downloads\eba6e450-7bdf-4b0f-9ca7-3a949b9137c5.tmp</t>
  </si>
  <si>
    <t>2401a94e-e325-41a2-820f-a0434c446115.tmp</t>
  </si>
  <si>
    <t>\\acsfs\profiles$\layonmof\Downloads\2401a94e-e325-41a2-820f-a0434c446115.tmp</t>
  </si>
  <si>
    <t>f1fe8603-c48a-48ed-8d31-3a026e8c7316.tmp</t>
  </si>
  <si>
    <t>\\acsfs\profiles$\layonmof\Downloads\f1fe8603-c48a-48ed-8d31-3a026e8c7316.tmp</t>
  </si>
  <si>
    <t>a35bdae6-a52a-4068-8a5c-25556bebcb81.tmp</t>
  </si>
  <si>
    <t>\\acsfs\profiles$\layonmof\Downloads\a35bdae6-a52a-4068-8a5c-25556bebcb81.tmp</t>
  </si>
  <si>
    <t>eda83a11-642f-4ae2-a17e-47d6869de3cd.tmp</t>
  </si>
  <si>
    <t>\\acsfs\profiles$\layonmof\Downloads\eda83a11-642f-4ae2-a17e-47d6869de3cd.tmp</t>
  </si>
  <si>
    <t>\\acsfs\ACS\Gabriel da Silva\Contemporânea\Acessos\8F9E8C53.tmp\</t>
  </si>
  <si>
    <t>\\acsfs\ACS\Gabriel da Silva\Contemporânea\Acessos\8F9E8C53.tmp\:Zone.Identifier:$DATA</t>
  </si>
  <si>
    <t>andreialsr@algartech.com.br;</t>
  </si>
  <si>
    <t>Escalas Novatos</t>
  </si>
  <si>
    <t>Escala Pausas Corporate.xlsx</t>
  </si>
  <si>
    <t>andreialsr@algartech.com.br</t>
  </si>
  <si>
    <t>a692b4d5-36b9-4c93-8b4d-7fa6a07f6c90.tmp</t>
  </si>
  <si>
    <t>\\acsfs\profiles$\layonmof\Downloads\a692b4d5-36b9-4c93-8b4d-7fa6a07f6c90.tmp</t>
  </si>
  <si>
    <t>a0332b2a-40a4-43e8-b6a2-2135a7fafadd.tmp</t>
  </si>
  <si>
    <t>\\acsfs\profiles$\layonmof\Downloads\a0332b2a-40a4-43e8-b6a2-2135a7fafadd.tmp</t>
  </si>
  <si>
    <t>d3f23b79-0cef-4808-bb5c-28ae9ba78f83.tmp</t>
  </si>
  <si>
    <t>\\acsfs\profiles$\fabianobmf\Downloads\d3f23b79-0cef-4808-bb5c-28ae9ba78f83.tmp</t>
  </si>
  <si>
    <t>8dab5652-49aa-430e-ac4b-f57aa16cb28f.tmp</t>
  </si>
  <si>
    <t>\\acsfs\profiles$\nathaliaos\Downloads\8dab5652-49aa-430e-ac4b-f57aa16cb28f.tmp</t>
  </si>
  <si>
    <t>218f1621-d7c7-4a4a-8bfe-f3a33a52ac4a.tmp</t>
  </si>
  <si>
    <t>\\acsfs\profiles$\layonmof\Downloads\218f1621-d7c7-4a4a-8bfe-f3a33a52ac4a.tmp</t>
  </si>
  <si>
    <t>1f68ec2e-7b71-4b54-94a7-c0cf434f7369.tmp</t>
  </si>
  <si>
    <t>\\acsfs\profiles$\layonmof\Downloads\1f68ec2e-7b71-4b54-94a7-c0cf434f7369.tmp</t>
  </si>
  <si>
    <t>519fd7b7-fae1-4bd5-9f4d-33d1be7ef1b2.tmp</t>
  </si>
  <si>
    <t>\\acsfs\profiles$\layonmof\Downloads\519fd7b7-fae1-4bd5-9f4d-33d1be7ef1b2.tmp</t>
  </si>
  <si>
    <t>5945d0c5-4f02-4e6a-b2d4-dc79c7079459.tmp</t>
  </si>
  <si>
    <t>\\acsfs\profiles$\layonmof\Downloads\5945d0c5-4f02-4e6a-b2d4-dc79c7079459.tmp</t>
  </si>
  <si>
    <t>95f31c42-fbb8-4d9d-9ef1-d6c2c255d343.tmp</t>
  </si>
  <si>
    <t>\\acsfs\profiles$\layonmof\Downloads\95f31c42-fbb8-4d9d-9ef1-d6c2c255d343.tmp</t>
  </si>
  <si>
    <t>lu166683u8jds.tmp</t>
  </si>
  <si>
    <t>\\acsfs\profiles$\ALEXANDREMM\lu166683u8jds.tmp</t>
  </si>
  <si>
    <t>\\acsfs\profiles$\ALEXANDREMM\lu166683u8jds.tmp\</t>
  </si>
  <si>
    <t>\\acsfs\profiles$\ALEXANDREMM\lu166683u8jds.tmp\META-INF\</t>
  </si>
  <si>
    <t>\\acsfs\profiles$\ALEXANDREMM\lu166683u8jds.tmp\Thumbnails\</t>
  </si>
  <si>
    <t>463039c0-c647-4786-937b-7d342382efc3.tmp</t>
  </si>
  <si>
    <t>\\acsfs\profiles$\leandromsa\Downloads\463039c0-c647-4786-937b-7d342382efc3.tmp</t>
  </si>
  <si>
    <t>sorayadsr</t>
  </si>
  <si>
    <t>\\acsfs\profiles$\sorayadsr\Documents\</t>
  </si>
  <si>
    <t>\\acsfs\profiles$\sorayadsr\Documents\LINKS SAC.CONSIGNADO.txt</t>
  </si>
  <si>
    <t>ff50b457-7a6e-449c-a23a-e2ea62bdd6ca.tmp</t>
  </si>
  <si>
    <t>\\acsfs\profiles$\taylaedoa\Downloads\ff50b457-7a6e-449c-a23a-e2ea62bdd6ca.tmp</t>
  </si>
  <si>
    <t>79f8061e-3a46-4995-b723-3562de76f3d5.tmp</t>
  </si>
  <si>
    <t>\\acsfs\profiles$\matheushds\Downloads\79f8061e-3a46-4995-b723-3562de76f3d5.tmp</t>
  </si>
  <si>
    <t>4f22f46b-6031-4f80-8dad-3cadf8e33781.tmp</t>
  </si>
  <si>
    <t>\\acsfs\profiles$\matheushds\Downloads\4f22f46b-6031-4f80-8dad-3cadf8e33781.tmp</t>
  </si>
  <si>
    <t>dd1bb453-1fad-46d9-89f9-410673dff97b.tmp</t>
  </si>
  <si>
    <t>\\acsfs\profiles$\layonmof\Downloads\dd1bb453-1fad-46d9-89f9-410673dff97b.tmp</t>
  </si>
  <si>
    <t>4e6cf46c-e8ce-487f-9452-9dc45c87d37b.tmp</t>
  </si>
  <si>
    <t>\\acsfs\profiles$\layonmof\Downloads\4e6cf46c-e8ce-487f-9452-9dc45c87d37b.tmp</t>
  </si>
  <si>
    <t>7fb65ce4-5d0f-4a78-8428-b75c71fe64c0.tmp</t>
  </si>
  <si>
    <t>\\acsfs\profiles$\leonardocb\Downloads\7fb65ce4-5d0f-4a78-8428-b75c71fe64c0.tmp</t>
  </si>
  <si>
    <t>ec6d7049-3c25-48ca-a47e-9bd9949e2b59.tmp</t>
  </si>
  <si>
    <t>\\acsfs\profiles$\leonardocb\Downloads\ec6d7049-3c25-48ca-a47e-9bd9949e2b59.tmp</t>
  </si>
  <si>
    <t>100014136373615;100014239771614;</t>
  </si>
  <si>
    <t>https://100014136373615,100014239771614</t>
  </si>
  <si>
    <t>bb24ff9c-6d24-4f3c-a63a-48adb8d6eac8.tmp</t>
  </si>
  <si>
    <t>\\acsfs\profiles$\leandromsa\Downloads\bb24ff9c-6d24-4f3c-a63a-48adb8d6eac8.tmp</t>
  </si>
  <si>
    <t>0b5401b1-3350-4c69-8388-0da04b1f186c.tmp</t>
  </si>
  <si>
    <t>\\acsfs\profiles$\henriquehmdo\Downloads\0b5401b1-3350-4c69-8388-0da04b1f186c.tmp</t>
  </si>
  <si>
    <t>b4a676cb-da7e-47b6-8391-e104b4236c5a.tmp</t>
  </si>
  <si>
    <t>\\acsfs\profiles$\henriqueco\Downloads\b4a676cb-da7e-47b6-8391-e104b4236c5a.tmp</t>
  </si>
  <si>
    <t>574e5116-1a7a-412f-aafa-cacac2ab5796.tmp</t>
  </si>
  <si>
    <t>\\acsfs\profiles$\taylaedoa\Downloads\574e5116-1a7a-412f-aafa-cacac2ab5796.tmp</t>
  </si>
  <si>
    <t>c54329a7-118d-40d6-96cf-2cf58d86df11.tmp</t>
  </si>
  <si>
    <t>\\acsfs\profiles$\matheushds\Downloads\c54329a7-118d-40d6-96cf-2cf58d86df11.tmp</t>
  </si>
  <si>
    <t>4ae0f977-0d20-4d16-a3cf-abe95b4ee70c.tmp</t>
  </si>
  <si>
    <t>\\acsfs\profiles$\matheushds\Downloads\4ae0f977-0d20-4d16-a3cf-abe95b4ee70c.tmp</t>
  </si>
  <si>
    <t>4e1600a4-c226-47e3-8d5d-9ea168ff4302.tmp</t>
  </si>
  <si>
    <t>\\acsfs\profiles$\layonmof\Downloads\4e1600a4-c226-47e3-8d5d-9ea168ff4302.tmp</t>
  </si>
  <si>
    <t>4e01e1e4-c552-4a93-babc-e418779c1496.tmp</t>
  </si>
  <si>
    <t>\\acsfs\profiles$\layonmof\Downloads\4e01e1e4-c552-4a93-babc-e418779c1496.tmp</t>
  </si>
  <si>
    <t>4924570a-c54b-4a45-acfe-0a617b42fb7d.tmp</t>
  </si>
  <si>
    <t>\\acsfs\profiles$\Adrieledgc\Downloads\4924570a-c54b-4a45-acfe-0a617b42fb7d.tmp</t>
  </si>
  <si>
    <t>dfd63e78-c0c8-4372-a254-05beabc12467.tmp</t>
  </si>
  <si>
    <t>\\acsfs\profiles$\Adrieledgc\Downloads\dfd63e78-c0c8-4372-a254-05beabc12467.tmp</t>
  </si>
  <si>
    <t>088a1ef0-9b52-41b6-a514-e2bab02a5332.tmp</t>
  </si>
  <si>
    <t>\\acsfs\profiles$\Adrieledgc\Downloads\088a1ef0-9b52-41b6-a514-e2bab02a5332.tmp</t>
  </si>
  <si>
    <t>05c3c961-5767-4c07-a5c5-f47d80ea2bf6.tmp</t>
  </si>
  <si>
    <t>\\acsfs\profiles$\Adrieledgc\Downloads\05c3c961-5767-4c07-a5c5-f47d80ea2bf6.tmp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10.200.58.93</t>
  </si>
  <si>
    <t>80-86-F2-FD-54-80</t>
  </si>
  <si>
    <t>122019_Relatorio_Despesa V5.xlsb</t>
  </si>
  <si>
    <t>mail.google.com/_/upload?authuser=0&amp;dcp=asu-n&amp;upload_id=AEnB2Upi98RCCMYEqWNUBUs6u1zS7rr5L7Gga7T5D5JiTeM4ZgiNNEfJdeDQNvWFDXo4XBFeyAba92KfTk04dAjI5fzSSgtWFA&amp;upload_protocol=resumable</t>
  </si>
  <si>
    <t>122019_Relatorio_Indiretos V5.xlsb</t>
  </si>
  <si>
    <t>10.200.58.114</t>
  </si>
  <si>
    <t>48-5A-B6-89-95-F4</t>
  </si>
  <si>
    <t>NB-HELIORG</t>
  </si>
  <si>
    <t>heliorg</t>
  </si>
  <si>
    <t>C:\Users\heliorg\OneDrive - Grupo Algar\Squad\URAs\10 - Avon\</t>
  </si>
  <si>
    <t>Volumetria por skill Avon_Com filtro de RA.xlsx</t>
  </si>
  <si>
    <t>b0b28806-627d-42c2-ba80-a28c94b82d3a.tmp</t>
  </si>
  <si>
    <t>\\acsfs\profiles$\fernandofs\Downloads\b0b28806-627d-42c2-ba80-a28c94b82d3a.tmp</t>
  </si>
  <si>
    <t>ad3f6a6e-0562-4221-850f-aac76da14fd0.tmp</t>
  </si>
  <si>
    <t>\\acsfs\profiles$\matheushds\Downloads\ad3f6a6e-0562-4221-850f-aac76da14fd0.tmp</t>
  </si>
  <si>
    <t>46dc37f2-267a-4603-90bf-14b23b844552.tmp</t>
  </si>
  <si>
    <t>\\acsfs\profiles$\matheushds\Downloads\46dc37f2-267a-4603-90bf-14b23b844552.tmp</t>
  </si>
  <si>
    <t>fe24aeed-86b3-4246-9a69-76d8e59732fc.tmp</t>
  </si>
  <si>
    <t>\\acsfs\profiles$\layonmof\Downloads\fe24aeed-86b3-4246-9a69-76d8e59732fc.tmp</t>
  </si>
  <si>
    <t>49a8847a-bd86-444e-bf48-05989cf36d1e.tmp</t>
  </si>
  <si>
    <t>\\acsfs\profiles$\layonmof\Downloads\49a8847a-bd86-444e-bf48-05989cf36d1e.tmp</t>
  </si>
  <si>
    <t>03-01 RELATORIO DE LOGIN AVON - Cópia.xlsm</t>
  </si>
  <si>
    <t>\\acsfs\deptos\Operacao\PCP\5 - Comum\CONTROL DESK\2 - DAC2\Control Desk AVON\Relatorios\Status de login\2020\03-01 RELATORIO DE LOGIN AVON - Cópia.xlsm</t>
  </si>
  <si>
    <t>481aeda1-3853-4d0d-95fc-edd863f89dd7.tmp</t>
  </si>
  <si>
    <t>\\acsfs\profiles$\joycemmdl\Downloads\481aeda1-3853-4d0d-95fc-edd863f89dd7.tmp</t>
  </si>
  <si>
    <t>Não confirmado 519902.crdownload</t>
  </si>
  <si>
    <t>\\acsfs\profiles$\joycemmdl\Downloads\Não confirmado 519902.crdownload</t>
  </si>
  <si>
    <t>0113a991-ae23-42a4-8fda-77c3272e4345.tmp</t>
  </si>
  <si>
    <t>\\acsfs\profiles$\joycemmdl\Downloads\0113a991-ae23-42a4-8fda-77c3272e4345.tmp</t>
  </si>
  <si>
    <t>63be62b1-b40c-409c-84f0-bff7f4789c31.tmp</t>
  </si>
  <si>
    <t>\\acsfs\profiles$\cintiadjl\Downloads\63be62b1-b40c-409c-84f0-bff7f4789c31.tmp</t>
  </si>
  <si>
    <t>C:\Users\lucianafaa\OneDrive - Grupo Algar\2019\home\2020\</t>
  </si>
  <si>
    <t>Home Office PROJETOS - Janeiro (1).xlsx</t>
  </si>
  <si>
    <t>de6c7035-e516-4d38-9a3d-efe923923f7a.tmp</t>
  </si>
  <si>
    <t>\\acsfs\profiles$\layonmof\Downloads\de6c7035-e516-4d38-9a3d-efe923923f7a.tmp</t>
  </si>
  <si>
    <t>be71aea1-ae57-43af-8f43-924eccce46c4.tmp</t>
  </si>
  <si>
    <t>\\acsfs\profiles$\layonmof\Downloads\be71aea1-ae57-43af-8f43-924eccce46c4.tmp</t>
  </si>
  <si>
    <t>8ce95215-0f21-4c80-b136-03c280027389.tmp</t>
  </si>
  <si>
    <t>\\acsfs\profiles$\layonmof\Downloads\8ce95215-0f21-4c80-b136-03c280027389.tmp</t>
  </si>
  <si>
    <t>lu251885tw4c9.tmp</t>
  </si>
  <si>
    <t>\\acsfs\profiles$\regisedsj\My Documents\lu251885tw4c9.tmp</t>
  </si>
  <si>
    <t>\\acsfs\profiles$\regisedsj\My Documents\lu251885tw4c9.tmp\</t>
  </si>
  <si>
    <t>\\acsfs\profiles$\regisedsj\My Documents\lu251885tw4c9.tmp\META-INF\</t>
  </si>
  <si>
    <t>\\acsfs\profiles$\regisedsj\My Documents\lu251885tw4c9.tmp\Thumbnails\</t>
  </si>
  <si>
    <t>bac3efdd-2965-4b9c-a93a-2189bf24e93d.tmp</t>
  </si>
  <si>
    <t>\\acsfs\profiles$\gabrielsma\Downloads\bac3efdd-2965-4b9c-a93a-2189bf24e93d.tmp</t>
  </si>
  <si>
    <t>Não confirmado 696154.crdownload</t>
  </si>
  <si>
    <t>\\acsfs\ACS\Gabriel da Silva\Contemporânea\Gen\Não confirmado 696154.crdownload</t>
  </si>
  <si>
    <t>Dados turma inicial.xlsx:Zone.Identifier</t>
  </si>
  <si>
    <t>\\acsfs\ACS\Gabriel da Silva\Contemporânea\Gen\Dados turma inicial.xlsx:Zone.Identifier</t>
  </si>
  <si>
    <t>1a4b1f45-20b8-4b0b-b907-d2337a771a60.tmp</t>
  </si>
  <si>
    <t>\\acsfs\profiles$\joycemmdl\Downloads\1a4b1f45-20b8-4b0b-b907-d2337a771a60.tmp</t>
  </si>
  <si>
    <t>andrelps@algartech.com;andrelpsa@algartech.com;bvs-gestorescentral@bv.com.br;camillarl@algartech.com;eliane.martins@bv.com.br;elianegr@bv.algartech.com;gilson.santos@neobpo.com.br;jose.gomes@bv.com.br;mirianppb@algartech.com;qualidadealgarbv@algartech.com;talmaiardo@algartech.com;willian.alves@neobpo.com.br;</t>
  </si>
  <si>
    <t>andrelps@algartech.com,andrelpsa@algartech.com,bvs-gestorescentral@bv.com.br,camillarl@algartech.com,eliane.martins@bv.com.br,elianegr@bv.algartech.com,gilson.santos@neobpo.com.br,jose.gomes@bv.com.br,mirianppb@algartech.com,qualidadealgarbv@algartech.com,talmaiardo@algartech.com,willian.alves@neobpo.com.br</t>
  </si>
  <si>
    <t>andrelps@algartech.com;camillarl@algartech.com;elianegr@bv.algartech.com;mirianppb@algartech.com;qualidadealgarbv@algartech.com;talmaiardo@algartech.com;</t>
  </si>
  <si>
    <t>andrelps@algartech.com,camillarl@algartech.com,elianegr@bv.algartech.com,mirianppb@algartech.com,qualidadealgarbv@algartech.com,talmaiardo@algartech.com</t>
  </si>
  <si>
    <t>mail.google.com/_/upload?authuser=1&amp;dcp=asu-n&amp;upload_id=AEnB2UpyAKxxRtja4WAXoqlbqKfVQFyyDWQD0jlEsc-4pYA4pFAbAbTsfzdsK8yXcCyFv1BWgWooEexkz1rC57M3AQDnrzh8lA&amp;upload_protocol=resumable</t>
  </si>
  <si>
    <t>Casos a Expurgar NPS.xlsx</t>
  </si>
  <si>
    <t>59c45bf8-31aa-4f1a-aa48-f25f2233e116.tmp</t>
  </si>
  <si>
    <t>\\acsfs\profiles$\layonmof\Downloads\59c45bf8-31aa-4f1a-aa48-f25f2233e116.tmp</t>
  </si>
  <si>
    <t>da23941d-be47-4ec3-8adc-40aaa9823ec4.tmp</t>
  </si>
  <si>
    <t>\\acsfs\profiles$\layonmof\Downloads\da23941d-be47-4ec3-8adc-40aaa9823ec4.tmp</t>
  </si>
  <si>
    <t>935b937e-de09-49a9-8471-71ad4124a8cd.tmp</t>
  </si>
  <si>
    <t>\\acsfs\profiles$\layonmof\Downloads\935b937e-de09-49a9-8471-71ad4124a8cd.tmp</t>
  </si>
  <si>
    <t>f897d109-292e-41a3-b12e-c8b28f08cf6f.tmp</t>
  </si>
  <si>
    <t>\\acsfs\profiles$\layonmof\Downloads\f897d109-292e-41a3-b12e-c8b28f08cf6f.tmp</t>
  </si>
  <si>
    <t>f27e48e8-fe7f-4f52-96b7-b981939411aa.tmp</t>
  </si>
  <si>
    <t>\\acsfs\profiles$\layonmof\Downloads\f27e48e8-fe7f-4f52-96b7-b981939411aa.tmp</t>
  </si>
  <si>
    <t>35d908d0-93b4-4b23-9737-8176206e0b9a.tmp</t>
  </si>
  <si>
    <t>\\acsfs\profiles$\alinepp\Downloads\35d908d0-93b4-4b23-9737-8176206e0b9a.tmp</t>
  </si>
  <si>
    <t>4354f551-a3f0-42d8-8f6d-4ef9858d5d43.tmp</t>
  </si>
  <si>
    <t>\\acsfs\profiles$\alinepp\Downloads\4354f551-a3f0-42d8-8f6d-4ef9858d5d43.tmp</t>
  </si>
  <si>
    <t>8706853b-454d-4126-b1b0-318e7a6bb7a5.tmp</t>
  </si>
  <si>
    <t>\\acsfs\profiles$\alinepp\Downloads\8706853b-454d-4126-b1b0-318e7a6bb7a5.tmp</t>
  </si>
  <si>
    <t>3a2bd68d-fff7-4ad2-8a98-eea7f01b7e6b.tmp</t>
  </si>
  <si>
    <t>\\acsfs\profiles$\laurandos\Downloads\3a2bd68d-fff7-4ad2-8a98-eea7f01b7e6b.tmp</t>
  </si>
  <si>
    <t>b7bbf62e-8034-45f1-bd3a-ebb8c0a6e92b.tmp</t>
  </si>
  <si>
    <t>\\acsfs\profiles$\leandromsa\Downloads\b7bbf62e-8034-45f1-bd3a-ebb8c0a6e92b.tmp</t>
  </si>
  <si>
    <t>b4862f62-db62-49d1-9290-31ac30d4ab3d.tmp</t>
  </si>
  <si>
    <t>\\acsfs\profiles$\nathaliaos\Downloads\b4862f62-db62-49d1-9290-31ac30d4ab3d.tmp</t>
  </si>
  <si>
    <t>8a53888c-3bfa-4fa6-aad8-d4bf33b61770.tmp</t>
  </si>
  <si>
    <t>\\acsfs\profiles$\mariajaf\Downloads\8a53888c-3bfa-4fa6-aad8-d4bf33b61770.tmp</t>
  </si>
  <si>
    <t>df3333ba-d010-4a6d-af18-25ad7c58a5ca.tmp</t>
  </si>
  <si>
    <t>\\acsfs\profiles$\mariajaf\Downloads\df3333ba-d010-4a6d-af18-25ad7c58a5ca.tmp</t>
  </si>
  <si>
    <t>38a87878-8b3d-4c2e-84c5-47426c477677.tmp</t>
  </si>
  <si>
    <t>\\acsfs\profiles$\layonmof\Downloads\38a87878-8b3d-4c2e-84c5-47426c477677.tmp</t>
  </si>
  <si>
    <t>d570a0ef-edef-4b73-b0d6-23f9fd130b35.tmp</t>
  </si>
  <si>
    <t>\\acsfs\profiles$\layonmof\Downloads\d570a0ef-edef-4b73-b0d6-23f9fd130b35.tmp</t>
  </si>
  <si>
    <t>91774b56-0744-4df4-83b9-a1ac009aa8ef.tmp</t>
  </si>
  <si>
    <t>\\acsfs\profiles$\layonmof\Downloads\91774b56-0744-4df4-83b9-a1ac009aa8ef.tmp</t>
  </si>
  <si>
    <t>95adf528-7586-42e8-acfc-2ff2469e0801.tmp</t>
  </si>
  <si>
    <t>\\acsfs\profiles$\layonmof\Downloads\95adf528-7586-42e8-acfc-2ff2469e0801.tmp</t>
  </si>
  <si>
    <t>9b32f451-d71c-465e-9d56-07c2e113b461.tmp</t>
  </si>
  <si>
    <t>\\acsfs\profiles$\layonmof\Downloads\9b32f451-d71c-465e-9d56-07c2e113b461.tmp</t>
  </si>
  <si>
    <t>0cf588ac-f5bf-4d38-aa9b-c8505618ebe1.tmp</t>
  </si>
  <si>
    <t>\\acsfs\profiles$\layonmof\Downloads\0cf588ac-f5bf-4d38-aa9b-c8505618ebe1.tmp</t>
  </si>
  <si>
    <t>25a54699-7364-4b33-a8d2-0268b9f69ae5.tmp</t>
  </si>
  <si>
    <t>\\acsfs\profiles$\layonmof\Downloads\25a54699-7364-4b33-a8d2-0268b9f69ae5.tmp</t>
  </si>
  <si>
    <t>64c70c33-9da2-4eff-9b0f-ad0f56054648.tmp</t>
  </si>
  <si>
    <t>\\acsfs\profiles$\matheushds\Downloads\64c70c33-9da2-4eff-9b0f-ad0f56054648.tmp</t>
  </si>
  <si>
    <t>1fa4582c-2d87-47e7-bcaa-78f2c3bb4070.tmp</t>
  </si>
  <si>
    <t>\\acsfs\profiles$\alinepp\Downloads\1fa4582c-2d87-47e7-bcaa-78f2c3bb4070.tmp</t>
  </si>
  <si>
    <t>2767bc09-6247-4c0e-9d19-d25a9d416ba7.tmp</t>
  </si>
  <si>
    <t>\\acsfs\profiles$\alinepp\Downloads\2767bc09-6247-4c0e-9d19-d25a9d416ba7.tmp</t>
  </si>
  <si>
    <t>a33084bf-3be0-4d9e-9608-cdbf7fab4491.tmp</t>
  </si>
  <si>
    <t>\\acsfs\profiles$\leonardobb\Downloads\a33084bf-3be0-4d9e-9608-cdbf7fab4491.tmp</t>
  </si>
  <si>
    <t>C:\Users\adilsonloj\Desktop\Bases RENEG\</t>
  </si>
  <si>
    <t>Contatos Reneg Manual Consolidado.xlsx</t>
  </si>
  <si>
    <t>0e067ccd-f573-4ae4-bd93-5fae54d32c3b.tmp</t>
  </si>
  <si>
    <t>\\acsfs\profiles$\layonmof\Downloads\0e067ccd-f573-4ae4-bd93-5fae54d32c3b.tmp</t>
  </si>
  <si>
    <t>fc310565-1e51-4c7b-b347-ba817a3e2684.tmp</t>
  </si>
  <si>
    <t>\\acsfs\profiles$\layonmof\Downloads\fc310565-1e51-4c7b-b347-ba817a3e2684.tmp</t>
  </si>
  <si>
    <t>mail.google.com/_/upload?authuser=0&amp;dcp=asu-n&amp;upload_id=AEnB2UrhVfNCVtzP36gGxDYE-sMMMcCDMNpHG5pCUNvUPbYC9ZKRZBqi_emPrEt3a4hTr3O7u_YIq6fmpAdheFat9vRSV4CM0g&amp;upload_protocol=resumable</t>
  </si>
  <si>
    <t>ivancj@algartech.com;rosilenedlf@algartech.com;</t>
  </si>
  <si>
    <t>Chamada atendida SAC - ECH.xlsx</t>
  </si>
  <si>
    <t>ivancj@algartech.com,rosilenedlf@algartech.com</t>
  </si>
  <si>
    <t>CONS JUSTICA FEDERAL CJF-PROFESSIONAL SERVICE</t>
  </si>
  <si>
    <t>10.208.12.73</t>
  </si>
  <si>
    <t>FC-01-7C-B3-58-A3</t>
  </si>
  <si>
    <t>NB-DIEGOALS</t>
  </si>
  <si>
    <t>diegoals</t>
  </si>
  <si>
    <t>diegoals@algartech.com</t>
  </si>
  <si>
    <t>C:\Users\diegoals\Downloads\</t>
  </si>
  <si>
    <t>Escala_Janeiro_2020.xlsx</t>
  </si>
  <si>
    <t>61a85068-80fa-479e-bffb-f607d07e5905.tmp</t>
  </si>
  <si>
    <t>\\acsfs\profiles$\alinepp\Downloads\61a85068-80fa-479e-bffb-f607d07e5905.tmp</t>
  </si>
  <si>
    <t>6e344a99-5368-469a-accb-82390ff0cba3.tmp</t>
  </si>
  <si>
    <t>\\acsfs\profiles$\alinepp\Downloads\6e344a99-5368-469a-accb-82390ff0cba3.tmp</t>
  </si>
  <si>
    <t>6873e387-d6ea-480b-824f-cd9a9befb275.tmp</t>
  </si>
  <si>
    <t>\\acsfs\profiles$\fernandofs\Downloads\6873e387-d6ea-480b-824f-cd9a9befb275.tmp</t>
  </si>
  <si>
    <t>10.200.67.177</t>
  </si>
  <si>
    <t>78-2B-CB-C1-04-59</t>
  </si>
  <si>
    <t>VOTORANT-OB006</t>
  </si>
  <si>
    <t>ALINE PEREIRA PORFIRIO (18677).contact</t>
  </si>
  <si>
    <t>\\acsfs\profiles$\alinepp\Contacts\ALINE PEREIRA PORFIRIO (18677).contact</t>
  </si>
  <si>
    <t>b81034ed-8576-4ee2-bac7-5c32a6669ba9.tmp</t>
  </si>
  <si>
    <t>\\acsfs\profiles$\alinepp\Downloads\b81034ed-8576-4ee2-bac7-5c32a6669ba9.tmp</t>
  </si>
  <si>
    <t>aa7fac6b-4f29-4481-9882-1c7eeea10a3d.tmp</t>
  </si>
  <si>
    <t>\\acsfs\profiles$\joycemmdl\Downloads\aa7fac6b-4f29-4481-9882-1c7eeea10a3d.tmp</t>
  </si>
  <si>
    <t>23edb058-737d-48f6-a89c-d87451b0b0cc.tmp</t>
  </si>
  <si>
    <t>\\acsfs\profiles$\joycemmdl\Downloads\23edb058-737d-48f6-a89c-d87451b0b0cc.tmp</t>
  </si>
  <si>
    <t>10.200.67.25</t>
  </si>
  <si>
    <t>74-86-7A-FE-0E-7F</t>
  </si>
  <si>
    <t>VOTORANT-VB021</t>
  </si>
  <si>
    <t>andressamf</t>
  </si>
  <si>
    <t>\\acsfs\profiles$\andressamf\Downloads\</t>
  </si>
  <si>
    <t>bd0355fb-e1a4-40cf-964b-50d24b89a29c.tmp</t>
  </si>
  <si>
    <t>\\acsfs\profiles$\andressamf\Downloads\bd0355fb-e1a4-40cf-964b-50d24b89a29c.tmp</t>
  </si>
  <si>
    <t>\\acsfs\profiles$\andressamf\Downloads\Q29udHJvbGxlci5QYXl3YXJl (23).ica</t>
  </si>
  <si>
    <t>7f4c71db-3396-4b71-abcd-70fc0d6b4ea0.tmp</t>
  </si>
  <si>
    <t>\\acsfs\profiles$\anafaes\Downloads\7f4c71db-3396-4b71-abcd-70fc0d6b4ea0.tmp</t>
  </si>
  <si>
    <t>78b62df5-2982-44db-83db-16b7c99440c0.tmp</t>
  </si>
  <si>
    <t>\\acsfs\profiles$\matheushds\Downloads\78b62df5-2982-44db-83db-16b7c99440c0.tmp</t>
  </si>
  <si>
    <t>bda5128f-4267-4db5-ba10-aaa346378815.tmp</t>
  </si>
  <si>
    <t>\\acsfs\profiles$\alinepp\Downloads\bda5128f-4267-4db5-ba10-aaa346378815.tmp</t>
  </si>
  <si>
    <t>b5c9fe82-568b-447c-b18d-e7922d5ebfcc.tmp</t>
  </si>
  <si>
    <t>\\acsfs\profiles$\alinepp\Downloads\b5c9fe82-568b-447c-b18d-e7922d5ebfcc.tmp</t>
  </si>
  <si>
    <t>18dcd944-50c2-4991-bd88-40b242491887.tmp</t>
  </si>
  <si>
    <t>\\acsfs\profiles$\alinepp\Downloads\18dcd944-50c2-4991-bd88-40b242491887.tmp</t>
  </si>
  <si>
    <t>68625bc8-341e-402a-a4b3-226823a3547d.tmp</t>
  </si>
  <si>
    <t>\\acsfs\profiles$\alinepp\Downloads\68625bc8-341e-402a-a4b3-226823a3547d.tmp</t>
  </si>
  <si>
    <t>3e6502fa-398c-4458-b294-6a796cd07c3d.tmp</t>
  </si>
  <si>
    <t>\\acsfs\profiles$\andressamf\Downloads\3e6502fa-398c-4458-b294-6a796cd07c3d.tmp</t>
  </si>
  <si>
    <t>8042bc10-8230-4927-808c-e1c16d6c465c.tmp</t>
  </si>
  <si>
    <t>\\acsfs\profiles$\layonmof\Downloads\8042bc10-8230-4927-808c-e1c16d6c465c.tmp</t>
  </si>
  <si>
    <t>8ff7265f-47fd-49e8-ac79-9ffc85904c5b.tmp</t>
  </si>
  <si>
    <t>\\acsfs\profiles$\layonmof\Downloads\8ff7265f-47fd-49e8-ac79-9ffc85904c5b.tmp</t>
  </si>
  <si>
    <t>347ef7ce-2fd4-4a80-81d2-aac1cdcb7c94.tmp</t>
  </si>
  <si>
    <t>\\acsfs\profiles$\marcosvnds\Downloads\347ef7ce-2fd4-4a80-81d2-aac1cdcb7c94.tmp</t>
  </si>
  <si>
    <t>292df08e-df4a-429c-94a3-5f0e4de1e438.tmp</t>
  </si>
  <si>
    <t>\\acsfs\profiles$\marcosvnds\Downloads\292df08e-df4a-429c-94a3-5f0e4de1e438.tmp</t>
  </si>
  <si>
    <t>0efacc45-4617-4256-abac-f5cffb00bd55.tmp</t>
  </si>
  <si>
    <t>\\acsfs\profiles$\ciceraads\Downloads\0efacc45-4617-4256-abac-f5cffb00bd55.tmp</t>
  </si>
  <si>
    <t>d48a206e-68da-4953-a53c-00c60361bd20.tmp</t>
  </si>
  <si>
    <t>\\acsfs\profiles$\ciceraads\Downloads\d48a206e-68da-4953-a53c-00c60361bd20.tmp</t>
  </si>
  <si>
    <t>f53d111a-a84c-470b-9aeb-97808f7bf0ac.tmp</t>
  </si>
  <si>
    <t>\\acsfs\profiles$\ciceraads\Downloads\f53d111a-a84c-470b-9aeb-97808f7bf0ac.tmp</t>
  </si>
  <si>
    <t>df57cc87-d3e3-4935-a996-63ff7211bf81.tmp</t>
  </si>
  <si>
    <t>\\acsfs\profiles$\fabianobmf\Downloads\df57cc87-d3e3-4935-a996-63ff7211bf81.tmp</t>
  </si>
  <si>
    <t>https://caey.fa.us2.oraclecloud.com/crmui/faces/fusewelcome?_adf.ctrl-state=z1txxijq1_5</t>
  </si>
  <si>
    <t>\\acsfs\deptos\CAS - Coordenação de Arquitetura de Soluções\Projetos\2019\SOTREQ\215370 - GRC - SOTREQ NOVO CANAL GOIAS (DDD 85)\Preço\</t>
  </si>
  <si>
    <t>215370 - Plan Precificacao C018 B018 - Somente GRC.xlsb</t>
  </si>
  <si>
    <t>14515ed8-d8ae-4f33-a225-5c5eca57ee00.tmp</t>
  </si>
  <si>
    <t>\\acsfs\profiles$\laurandos\Downloads\14515ed8-d8ae-4f33-a225-5c5eca57ee00.tmp</t>
  </si>
  <si>
    <t>410225a4-aea1-46db-ac3d-6ffa0e6357d0.tmp</t>
  </si>
  <si>
    <t>\\acsfs\profiles$\fabianobmf\Downloads\410225a4-aea1-46db-ac3d-6ffa0e6357d0.tmp</t>
  </si>
  <si>
    <t>\\acsfs\deptos\CAS - Coordenação de Arquitetura de Soluções\Projetos\2019\SOTREQ\215370 - GRC - SOTREQ NOVO CANAL GOIAS (DDD 85)\Preço\215370 - Plan Precificacao C018 B018 - Somente GRC.xlsb\</t>
  </si>
  <si>
    <t>C:\Users\diegorg\Desktop\Lixo\REDIR 6 JAN\REDIR 06_janeiro.pptx\</t>
  </si>
  <si>
    <t>44205104-1452-426b-b482-06af8894f923.tmp</t>
  </si>
  <si>
    <t>\\acsfs\profiles$\marcosvnds\Downloads\44205104-1452-426b-b482-06af8894f923.tmp</t>
  </si>
  <si>
    <t>Microsoft_Excel_Worksheet13.xlsx</t>
  </si>
  <si>
    <t>Microsoft_Excel_Worksheet14.xlsx</t>
  </si>
  <si>
    <t>Microsoft_Excel_Worksheet15.xlsx</t>
  </si>
  <si>
    <t>Microsoft_Excel_Worksheet16.xlsx</t>
  </si>
  <si>
    <t>Microsoft_Excel_Worksheet17.xlsx</t>
  </si>
  <si>
    <t>Microsoft_Excel_Worksheet18.xlsx</t>
  </si>
  <si>
    <t>Microsoft_Excel_Worksheet19.xlsx</t>
  </si>
  <si>
    <t>Microsoft_Excel_Worksheet20.xlsx</t>
  </si>
  <si>
    <t>Microsoft_Excel_Worksheet21.xlsx</t>
  </si>
  <si>
    <t>Microsoft_Excel_Worksheet22.xlsx</t>
  </si>
  <si>
    <t>Microsoft_Excel_Worksheet23.xlsx</t>
  </si>
  <si>
    <t>Microsoft_Excel_Worksheet24.xlsx</t>
  </si>
  <si>
    <t>Microsoft_Excel_Worksheet25.xlsx</t>
  </si>
  <si>
    <t>Microsoft_Excel_Worksheet26.xlsx</t>
  </si>
  <si>
    <t>Microsoft_Excel_Worksheet27.xlsx</t>
  </si>
  <si>
    <t>Microsoft_Excel_Worksheet28.xlsx</t>
  </si>
  <si>
    <t>Microsoft_Excel_Worksheet29.xlsx</t>
  </si>
  <si>
    <t>53098ffc-6279-46fa-bf35-01434613b5b5.tmp</t>
  </si>
  <si>
    <t>\\acsfs\profiles$\gabrielamdp\Downloads\53098ffc-6279-46fa-bf35-01434613b5b5.tmp</t>
  </si>
  <si>
    <t>551bad15-51da-4400-996b-4cd1ac7b4ede.tmp</t>
  </si>
  <si>
    <t>\\acsfs\profiles$\gabrielamdp\Downloads\551bad15-51da-4400-996b-4cd1ac7b4ede.tmp</t>
  </si>
  <si>
    <t>eb871328-0461-4d30-8cd0-517c4009e586.tmp</t>
  </si>
  <si>
    <t>\\acsfs\profiles$\andreapdsg\Downloads\eb871328-0461-4d30-8cd0-517c4009e586.tmp</t>
  </si>
  <si>
    <t>b0eaa174-baa1-4a83-876c-e530a0670c46.tmp</t>
  </si>
  <si>
    <t>\\acsfs\profiles$\ingridsm\Downloads\b0eaa174-baa1-4a83-876c-e530a0670c46.tmp</t>
  </si>
  <si>
    <t>806648c7-77fa-45f0-b826-19f6064e986b.tmp</t>
  </si>
  <si>
    <t>\\acsfs\profiles$\ingridsm\Downloads\806648c7-77fa-45f0-b826-19f6064e986b.tmp</t>
  </si>
  <si>
    <t>f49c9867-ee8d-4fbf-84e6-d7f532a4fbe2.tmp</t>
  </si>
  <si>
    <t>\\acsfs\profiles$\ingridsm\Downloads\f49c9867-ee8d-4fbf-84e6-d7f532a4fbe2.tmp</t>
  </si>
  <si>
    <t>8085e12d-9051-405a-beca-e987bdf0cb80.tmp</t>
  </si>
  <si>
    <t>\\acsfs\profiles$\alinepp\Downloads\8085e12d-9051-405a-beca-e987bdf0cb80.tmp</t>
  </si>
  <si>
    <t>ab333a71-db87-476d-a04b-768b06d40505.tmp</t>
  </si>
  <si>
    <t>\\acsfs\profiles$\marcelacdss\Downloads\ab333a71-db87-476d-a04b-768b06d40505.tmp</t>
  </si>
  <si>
    <t>ae8d6fe4-29dc-407a-bb98-226889c03cc9.tmp</t>
  </si>
  <si>
    <t>\\acsfs\profiles$\marcelacdss\Downloads\ae8d6fe4-29dc-407a-bb98-226889c03cc9.tmp</t>
  </si>
  <si>
    <t>3a8fd766-5f69-449f-a441-bfb29851bc9d.tmp</t>
  </si>
  <si>
    <t>\\acsfs\profiles$\marcelacdss\Downloads\3a8fd766-5f69-449f-a441-bfb29851bc9d.tmp</t>
  </si>
  <si>
    <t>f7801b26-d5a3-4dc3-8fc0-adacea14bf43.tmp</t>
  </si>
  <si>
    <t>\\acsfs\profiles$\leonardobb\Downloads\f7801b26-d5a3-4dc3-8fc0-adacea14bf43.tmp</t>
  </si>
  <si>
    <t>XLOG_marcosvnds_06012020_134445.log</t>
  </si>
  <si>
    <t>\\acsfs\profiles$\marcosvnds\My Documents\xworkcenter\logs\XLOG_marcosvnds_06012020_134445.log</t>
  </si>
  <si>
    <t>f57e1cbd-0760-4a44-919e-1445f6bb451a.tmp</t>
  </si>
  <si>
    <t>\\acsfs\profiles$\leonardocb\Downloads\f57e1cbd-0760-4a44-919e-1445f6bb451a.tmp</t>
  </si>
  <si>
    <t>8b62c9e1-95c5-4675-9b21-ec55fdf5b223.tmp</t>
  </si>
  <si>
    <t>\\acsfs\profiles$\fabianafv\Downloads\8b62c9e1-95c5-4675-9b21-ec55fdf5b223.tmp</t>
  </si>
  <si>
    <t>b641e0f0-353b-4bcc-8f99-06c815a9bf55.tmp</t>
  </si>
  <si>
    <t>\\acsfs\profiles$\alinepp\Downloads\b641e0f0-353b-4bcc-8f99-06c815a9bf55.tmp</t>
  </si>
  <si>
    <t>7d99176e-ae07-42d4-86c8-e62f40ef1b0e.tmp</t>
  </si>
  <si>
    <t>\\acsfs\profiles$\laurandos\Downloads\7d99176e-ae07-42d4-86c8-e62f40ef1b0e.tmp</t>
  </si>
  <si>
    <t>902bee3b-285e-4ba3-9fa3-3885110555d6.tmp</t>
  </si>
  <si>
    <t>\\acsfs\profiles$\marcosvnds\Downloads\902bee3b-285e-4ba3-9fa3-3885110555d6.tmp</t>
  </si>
  <si>
    <t>ffcb9177-69d9-44d6-b710-903aaa799f0d.tmp</t>
  </si>
  <si>
    <t>\\acsfs\profiles$\marcosvnds\Downloads\ffcb9177-69d9-44d6-b710-903aaa799f0d.tmp</t>
  </si>
  <si>
    <t>0056e00d-065b-4a23-9c68-c1f1f9def122.tmp</t>
  </si>
  <si>
    <t>\\acsfs\profiles$\marcosvnds\Downloads\0056e00d-065b-4a23-9c68-c1f1f9def122.tmp</t>
  </si>
  <si>
    <t>dbebe97f-d0ab-4a63-ac58-575a1e40e0ce.tmp</t>
  </si>
  <si>
    <t>\\acsfs\profiles$\marcosvnds\Downloads\dbebe97f-d0ab-4a63-ac58-575a1e40e0ce.tmp</t>
  </si>
  <si>
    <t>\\acsfs\DEPTOS\Operacao\Banco_Votorantim\Supervisao\SUPERS BV CARTÕES\ADILSON\Vendas\</t>
  </si>
  <si>
    <t>Controle Vendas Dezembro.xlsx</t>
  </si>
  <si>
    <t>\\acsfs\DEPTOS\Operacao\Banco_Votorantim\Supervisao\SUPERS BV CARTÕES\ADILSON\Vendas\Controle Vendas Dezembro.xlsx</t>
  </si>
  <si>
    <t>mail.google.com/_/upload?authuser=0&amp;dcp=asu-n&amp;upload_id=AEnB2UoZMfOrfNGgOoWM_WyUXfh_9FrV6zjCmnD9lC4h4ohTRYgv-e2qrizxEbhMqO3zhdKJgJgNQjV7_BjO76RV9ZAE3ROrMhmSdejcLk69N2iHvWPtq5s&amp;upload_protocol=resumable</t>
  </si>
  <si>
    <t>cristianecsa@algartech.com;</t>
  </si>
  <si>
    <t>Justificativa Depreciação e Baixas Dezembro.xlsx</t>
  </si>
  <si>
    <t>cristianecsa@algartech.com</t>
  </si>
  <si>
    <t>6ef4e353-e55f-42a0-abcb-e8dfcd15eda2.tmp</t>
  </si>
  <si>
    <t>\\acsfs\profiles$\andreapdsg\Downloads\6ef4e353-e55f-42a0-abcb-e8dfcd15eda2.tmp</t>
  </si>
  <si>
    <t>151e8f2d-eda6-4d66-af3c-f9952b84ac0b.tmp</t>
  </si>
  <si>
    <t>\\acsfs\profiles$\andreapdsg\Downloads\151e8f2d-eda6-4d66-af3c-f9952b84ac0b.tmp</t>
  </si>
  <si>
    <t>7d44127f-4292-4052-80fe-b500e09d0f77.tmp</t>
  </si>
  <si>
    <t>\\acsfs\profiles$\victorgl\Downloads\7d44127f-4292-4052-80fe-b500e09d0f77.tmp</t>
  </si>
  <si>
    <t>fc6877c5-f1dc-48db-9986-1275f6ddd4bc.tmp</t>
  </si>
  <si>
    <t>\\acsfs\profiles$\victorgl\Downloads\fc6877c5-f1dc-48db-9986-1275f6ddd4bc.tmp</t>
  </si>
  <si>
    <t>348742a8-3f22-45df-a083-af69a7211080.tmp</t>
  </si>
  <si>
    <t>\\acsfs\profiles$\victorgl\Downloads\348742a8-3f22-45df-a083-af69a7211080.tmp</t>
  </si>
  <si>
    <t>13d45885-a6fc-45f1-a1c9-4b2100324076.tmp</t>
  </si>
  <si>
    <t>\\acsfs\profiles$\marcosvnds\Downloads\13d45885-a6fc-45f1-a1c9-4b2100324076.tmp</t>
  </si>
  <si>
    <t>fe8db95d-51b4-42d9-9d80-e2a12c6788cd.tmp</t>
  </si>
  <si>
    <t>\\acsfs\profiles$\victorgl\Downloads\fe8db95d-51b4-42d9-9d80-e2a12c6788cd.tmp</t>
  </si>
  <si>
    <t>54298045-db16-489c-ba3d-f6ae31093a2d.tmp</t>
  </si>
  <si>
    <t>\\acsfs\profiles$\victorgl\Downloads\54298045-db16-489c-ba3d-f6ae31093a2d.tmp</t>
  </si>
  <si>
    <t>300d51d5-8e82-41d0-8592-eb9dd6590c38.tmp</t>
  </si>
  <si>
    <t>\\acsfs\profiles$\victorgl\Downloads\300d51d5-8e82-41d0-8592-eb9dd6590c38.tmp</t>
  </si>
  <si>
    <t>52d8ab56-7b90-4818-96ec-13f4e3ddde95.tmp</t>
  </si>
  <si>
    <t>\\acsfs\profiles$\higorss\Downloads\52d8ab56-7b90-4818-96ec-13f4e3ddde95.tmp</t>
  </si>
  <si>
    <t>caf03e2d-ba62-4464-8a06-37cb8ddd89ec.tmp</t>
  </si>
  <si>
    <t>\\acsfs\profiles$\higorss\Downloads\caf03e2d-ba62-4464-8a06-37cb8ddd89ec.tmp</t>
  </si>
  <si>
    <t>6c96d99b-5952-4675-99b0-2d412b9634c8.tmp</t>
  </si>
  <si>
    <t>\\acsfs\profiles$\higorss\Downloads\6c96d99b-5952-4675-99b0-2d412b9634c8.tmp</t>
  </si>
  <si>
    <t>Controle Vendas Dezembro BASE Thiago.xlsx</t>
  </si>
  <si>
    <t>\\acsfs\DEPTOS\Operacao\Banco_Votorantim\Supervisao\SUPERS BV CARTÕES\ADILSON\Vendas\Controle Vendas Dezembro BASE Thiago.xlsx</t>
  </si>
  <si>
    <t>e301b2f5-5f54-4a33-9663-37a58be647f8.tmp</t>
  </si>
  <si>
    <t>\\acsfs\profiles$\gabrielamdp\Downloads\e301b2f5-5f54-4a33-9663-37a58be647f8.tmp</t>
  </si>
  <si>
    <t>ce19fa4a-b98f-4bb7-8679-01dd09ff023d.tmp</t>
  </si>
  <si>
    <t>\\acsfs\profiles$\rosileiam\Downloads\ce19fa4a-b98f-4bb7-8679-01dd09ff023d.tmp</t>
  </si>
  <si>
    <t>4d64a500-9ea2-4903-9f33-dae52ba49c62.tmp</t>
  </si>
  <si>
    <t>\\acsfs\profiles$\marcosvnds\Downloads\4d64a500-9ea2-4903-9f33-dae52ba49c62.tmp</t>
  </si>
  <si>
    <t>f3a861c2-36ff-4f5e-95f0-1ca614f7af3d.tmp</t>
  </si>
  <si>
    <t>\\acsfs\profiles$\rafaelacdoc\Downloads\f3a861c2-36ff-4f5e-95f0-1ca614f7af3d.tmp</t>
  </si>
  <si>
    <t>100014122394468;leonardoao@algartech.com;</t>
  </si>
  <si>
    <t>100014122394468,leonardoao@algartech.com</t>
  </si>
  <si>
    <t>11-Fechamento DAF - Dez.2019.xlsx</t>
  </si>
  <si>
    <t>f49fc17c-7b78-4f21-9674-802cc5309da0.tmp</t>
  </si>
  <si>
    <t>\\acsfs\profiles$\fabianobmf\Downloads\f49fc17c-7b78-4f21-9674-802cc5309da0.tmp</t>
  </si>
  <si>
    <t>d97fe3a9-423e-4d6a-9467-1b4b4651c121.tmp</t>
  </si>
  <si>
    <t>\\acsfs\profiles$\regisedsj\Downloads\d97fe3a9-423e-4d6a-9467-1b4b4651c121.tmp</t>
  </si>
  <si>
    <t>580f4657-a8fa-4400-8b1d-836f3794c9ca.tmp</t>
  </si>
  <si>
    <t>\\acsfs\profiles$\leandromsa\Downloads\580f4657-a8fa-4400-8b1d-836f3794c9ca.tmp</t>
  </si>
  <si>
    <t>59641d93-25ad-47d6-8556-5f80b2701542.tmp</t>
  </si>
  <si>
    <t>\\acsfs\profiles$\rosileiam\Downloads\59641d93-25ad-47d6-8556-5f80b2701542.tmp</t>
  </si>
  <si>
    <t>71082bc0-c5b3-4298-aeb6-d01c6c0d878f.tmp</t>
  </si>
  <si>
    <t>\\acsfs\profiles$\henriqueco\Downloads\71082bc0-c5b3-4298-aeb6-d01c6c0d878f.tmp</t>
  </si>
  <si>
    <t>adrianacro@algartech.com;alda.monteiro@avon.com;fabianacscg@algartech.com;fernandaap@algartech.com;gilcimarapp@algartech.com;mayza.costa@avon.com;rosana.scalabrin@avon.com;senildapdo@algartecnologia.com.br;victorvgar@algartech.com;</t>
  </si>
  <si>
    <t>Dash NEW MODEL DEZ 19 CONSOLIDADO.xlsx</t>
  </si>
  <si>
    <t>adrianacro@algartech.com,alda.monteiro@avon.com,fabianacscg@algartech.com,fernandaap@algartech.com,gilcimarapp@algartech.com,mayza.costa@avon.com,rosana.scalabrin@avon.com,senildapdo@algartecnologia.com.br,victorvgar@algartech.com</t>
  </si>
  <si>
    <t>1ef45a2f-bd74-4cac-a872-894948f99564.tmp</t>
  </si>
  <si>
    <t>\\acsfs\profiles$\leandromsa\Downloads\1ef45a2f-bd74-4cac-a872-894948f99564.tmp</t>
  </si>
  <si>
    <t>666b35b0-0f87-476c-8cb3-1c7d2afc7587.tmp</t>
  </si>
  <si>
    <t>\\acsfs\profiles$\leandromsa\Downloads\666b35b0-0f87-476c-8cb3-1c7d2afc7587.tmp</t>
  </si>
  <si>
    <t>f5d16398-865d-4e44-97ea-fd65592d29c6.tmp</t>
  </si>
  <si>
    <t>\\acsfs\profiles$\fabianafv\Downloads\f5d16398-865d-4e44-97ea-fd65592d29c6.tmp</t>
  </si>
  <si>
    <t>\\acsfs\DEPTOS\Operacao\Banco_Votorantim\Comum\00 - COMUM - BV CARTÕES\EQUIPE ADILSON\Vendas\</t>
  </si>
  <si>
    <t>Valor Prêmio por Operador Dezembro - Fechamento.pdf</t>
  </si>
  <si>
    <t>\\acsfs\DEPTOS\Operacao\Banco_Votorantim\Comum\00 - COMUM - BV CARTÕES\EQUIPE ADILSON\Vendas\Valor Prêmio por Operador Dezembro - Fechamento.pdf</t>
  </si>
  <si>
    <t>Controle Vendas Janeiro.xlsx</t>
  </si>
  <si>
    <t>\\acsfs\DEPTOS\Operacao\Banco_Votorantim\Supervisao\SUPERS BV CARTÕES\ADILSON\Vendas\Controle Vendas Janeiro.xlsx</t>
  </si>
  <si>
    <t>dc532e2d-bb8b-43e9-a1d1-5dd2e24aec45.tmp</t>
  </si>
  <si>
    <t>\\acsfs\profiles$\rafaelacdoc\Downloads\dc532e2d-bb8b-43e9-a1d1-5dd2e24aec45.tmp</t>
  </si>
  <si>
    <t>2747b3ac-0987-4e3b-8279-e70bbe95bd9b.tmp</t>
  </si>
  <si>
    <t>\\acsfs\profiles$\jalilebds\Downloads\2747b3ac-0987-4e3b-8279-e70bbe95bd9b.tmp</t>
  </si>
  <si>
    <t>.~lock.filas 1721 1725 e 1724 JA TRATADOS (1).xlsx#</t>
  </si>
  <si>
    <t>\\acsfs\profiles$\jalilebds\Downloads\.~lock.filas 1721 1725 e 1724 JA TRATADOS (1).xlsx#</t>
  </si>
  <si>
    <t>fd4c3af7-e89d-4984-9bc7-88d291ce75e1.tmp</t>
  </si>
  <si>
    <t>\\acsfs\profiles$\gabrielamdp\Downloads\fd4c3af7-e89d-4984-9bc7-88d291ce75e1.tmp</t>
  </si>
  <si>
    <t>a2287b1f-054e-4ae1-9d28-76ec7d2b03a4.tmp</t>
  </si>
  <si>
    <t>\\acsfs\profiles$\gabrielamdp\Downloads\a2287b1f-054e-4ae1-9d28-76ec7d2b03a4.tmp</t>
  </si>
  <si>
    <t>1c00d3d9-aa53-416e-9bcb-657a4330075e.tmp</t>
  </si>
  <si>
    <t>\\acsfs\profiles$\gabrielamdp\Downloads\1c00d3d9-aa53-416e-9bcb-657a4330075e.tmp</t>
  </si>
  <si>
    <t>f4a20778-06e7-487f-9eda-d1475a9ee214.tmp</t>
  </si>
  <si>
    <t>\\acsfs\profiles$\victorgl\Downloads\f4a20778-06e7-487f-9eda-d1475a9ee214.tmp</t>
  </si>
  <si>
    <t>cf21d533-2119-4580-8cc5-432f3dec5e03.tmp</t>
  </si>
  <si>
    <t>\\acsfs\profiles$\victorgl\Downloads\cf21d533-2119-4580-8cc5-432f3dec5e03.tmp</t>
  </si>
  <si>
    <t>b6d523fb-b621-4daa-ad32-59298d998621.tmp</t>
  </si>
  <si>
    <t>\\acsfs\profiles$\rafaelacdoc\Downloads\b6d523fb-b621-4daa-ad32-59298d998621.tmp</t>
  </si>
  <si>
    <t>aa46b7c3-9d48-4d14-835d-42e7f7741019.tmp</t>
  </si>
  <si>
    <t>\\acsfs\profiles$\anafaes\Downloads\aa46b7c3-9d48-4d14-835d-42e7f7741019.tmp</t>
  </si>
  <si>
    <t>fc33bcde-9e22-4aa4-9ab8-e7f15f95d30c.tmp</t>
  </si>
  <si>
    <t>\\acsfs\profiles$\anafaes\Downloads\fc33bcde-9e22-4aa4-9ab8-e7f15f95d30c.tmp</t>
  </si>
  <si>
    <t>61ca003c-a59f-452a-9ee2-50a71eabf1c6.tmp</t>
  </si>
  <si>
    <t>\\acsfs\profiles$\victorgl\Downloads\61ca003c-a59f-452a-9ee2-50a71eabf1c6.tmp</t>
  </si>
  <si>
    <t>30d0592b-eccb-4c50-b83c-7a35a264641a.tmp</t>
  </si>
  <si>
    <t>\\acsfs\profiles$\victorgl\Downloads\30d0592b-eccb-4c50-b83c-7a35a264641a.tmp</t>
  </si>
  <si>
    <t>4261c939-12c3-4e11-b7eb-6713775ffca4.tmp</t>
  </si>
  <si>
    <t>\\acsfs\profiles$\myllenardl\Downloads\4261c939-12c3-4e11-b7eb-6713775ffca4.tmp</t>
  </si>
  <si>
    <t>d16637f9-1ea9-41a6-bb09-74e21aa09aeb.tmp</t>
  </si>
  <si>
    <t>\\acsfs\profiles$\layonmof\Downloads\d16637f9-1ea9-41a6-bb09-74e21aa09aeb.tmp</t>
  </si>
  <si>
    <t>353b2ec0-bb76-45d9-9d72-718de4326856.tmp</t>
  </si>
  <si>
    <t>\\acsfs\profiles$\leandromsa\Downloads\353b2ec0-bb76-45d9-9d72-718de4326856.tmp</t>
  </si>
  <si>
    <t>a7fb855f-58ae-4a2d-8411-516160451b34.tmp</t>
  </si>
  <si>
    <t>\\acsfs\profiles$\philipegsf\Downloads\a7fb855f-58ae-4a2d-8411-516160451b34.tmp</t>
  </si>
  <si>
    <t>2525854b-dbc4-49fc-953f-c002e21283df.tmp</t>
  </si>
  <si>
    <t>\\acsfs\profiles$\philipegsf\Downloads\2525854b-dbc4-49fc-953f-c002e21283df.tmp</t>
  </si>
  <si>
    <t>ca18ce69-c528-4e25-86f2-2bf2d05af415.tmp</t>
  </si>
  <si>
    <t>\\acsfs\profiles$\layonmof\Downloads\ca18ce69-c528-4e25-86f2-2bf2d05af415.tmp</t>
  </si>
  <si>
    <t>fee26cd0-71f9-41d9-981e-eddc47d8008e.tmp</t>
  </si>
  <si>
    <t>\\acsfs\profiles$\layonmof\Downloads\fee26cd0-71f9-41d9-981e-eddc47d8008e.tmp</t>
  </si>
  <si>
    <t>9afaaf7b-5a30-474d-aff8-0c44d376a4c9.tmp</t>
  </si>
  <si>
    <t>\\acsfs\profiles$\layonmof\Downloads\9afaaf7b-5a30-474d-aff8-0c44d376a4c9.tmp</t>
  </si>
  <si>
    <t>a48121fb-1d5b-4e76-a67f-1c35abcf11e7.tmp</t>
  </si>
  <si>
    <t>\\acsfs\profiles$\brunalas\Downloads\a48121fb-1d5b-4e76-a67f-1c35abcf11e7.tmp</t>
  </si>
  <si>
    <t>7ef7eba5-42f8-43e8-ae63-ce2d0183c7ce.tmp</t>
  </si>
  <si>
    <t>\\acsfs\profiles$\regisedsj\Downloads\7ef7eba5-42f8-43e8-ae63-ce2d0183c7ce.tmp</t>
  </si>
  <si>
    <t>e6204dfc-e040-4069-afd7-fcef6471b983.tmp</t>
  </si>
  <si>
    <t>\\acsfs\profiles$\layonmof\Downloads\e6204dfc-e040-4069-afd7-fcef6471b983.tmp</t>
  </si>
  <si>
    <t>b77be989-091a-4fd0-a798-ba2b0d5eceb3.tmp</t>
  </si>
  <si>
    <t>\\acsfs\profiles$\layonmof\Downloads\b77be989-091a-4fd0-a798-ba2b0d5eceb3.tmp</t>
  </si>
  <si>
    <t>221831a2-4264-41f6-b646-de15b5ff4639.tmp</t>
  </si>
  <si>
    <t>\\acsfs\profiles$\gabrielamdp\Downloads\221831a2-4264-41f6-b646-de15b5ff4639.tmp</t>
  </si>
  <si>
    <t>859d6028-990a-4bbd-8ce5-ef7e7e610072.tmp</t>
  </si>
  <si>
    <t>\\acsfs\profiles$\victorgl\Downloads\859d6028-990a-4bbd-8ce5-ef7e7e610072.tmp</t>
  </si>
  <si>
    <t>2e2f26da-f473-46c8-9d41-dbadbfa0dd48.tmp</t>
  </si>
  <si>
    <t>\\acsfs\profiles$\gabrielamdp\Downloads\2e2f26da-f473-46c8-9d41-dbadbfa0dd48.tmp</t>
  </si>
  <si>
    <t>C:\Users\helieldfs\Desktop\</t>
  </si>
  <si>
    <t>DRE Comparativo Latam Nov-Dez.xlsb</t>
  </si>
  <si>
    <t>9e75365c-dd77-4982-a1e3-91697548872d.tmp</t>
  </si>
  <si>
    <t>\\acsfs\profiles$\rosileiam\Downloads\9e75365c-dd77-4982-a1e3-91697548872d.tmp</t>
  </si>
  <si>
    <t>fe037c32-8796-4aae-987f-4547345cf946.tmp</t>
  </si>
  <si>
    <t>\\acsfs\profiles$\karinarm\Downloads\fe037c32-8796-4aae-987f-4547345cf946.tmp</t>
  </si>
  <si>
    <t>Não confirmado 431165.crdownload</t>
  </si>
  <si>
    <t>\\acsfs\profiles$\karinarm\Downloads\Não confirmado 431165.crdownload</t>
  </si>
  <si>
    <t>lu15212aj64x.tmp</t>
  </si>
  <si>
    <t>\\acsfs\profiles$\jalilebds\Downloads\lu15212aj64x.tmp</t>
  </si>
  <si>
    <t>cd3b079c-568d-4e39-9381-dc128cff6d85.tmp</t>
  </si>
  <si>
    <t>\\acsfs\profiles$\karinarm\Downloads\cd3b079c-568d-4e39-9381-dc128cff6d85.tmp</t>
  </si>
  <si>
    <t>Não confirmado 635060.crdownload</t>
  </si>
  <si>
    <t>\\acsfs\profiles$\karinarm\Downloads\Não confirmado 635060.crdownload</t>
  </si>
  <si>
    <t>daa7ad63-096a-49c8-8c17-c44bfa9f3bbc.tmp</t>
  </si>
  <si>
    <t>\\acsfs\profiles$\karinarm\Downloads\daa7ad63-096a-49c8-8c17-c44bfa9f3bbc.tmp</t>
  </si>
  <si>
    <t>5e341c01-bd04-47f0-bde4-08bdc9ebb1c9.tmp</t>
  </si>
  <si>
    <t>\\acsfs\profiles$\karinarm\Downloads\5e341c01-bd04-47f0-bde4-08bdc9ebb1c9.tmp</t>
  </si>
  <si>
    <t>b0ad856e-7e2e-4920-ba63-4bb9b082ce43.tmp</t>
  </si>
  <si>
    <t>\\acsfs\profiles$\karinarm\Downloads\b0ad856e-7e2e-4920-ba63-4bb9b082ce43.tmp</t>
  </si>
  <si>
    <t>$IFXAXX1.xlsx</t>
  </si>
  <si>
    <t>\\acsfs\profiles$\jalilebds\Downloads\$RECYCLE.BIN\$IFXAXX1.xlsx</t>
  </si>
  <si>
    <t>$I8S1H1G.xlsx</t>
  </si>
  <si>
    <t>\\acsfs\profiles$\jalilebds\Downloads\$RECYCLE.BIN\$I8S1H1G.xlsx</t>
  </si>
  <si>
    <t>$IA5HZP7.xlsx</t>
  </si>
  <si>
    <t>\\acsfs\profiles$\jalilebds\Downloads\$RECYCLE.BIN\$IA5HZP7.xlsx</t>
  </si>
  <si>
    <t>9b1c8467-5274-40f5-b199-a8f8239ffc34.tmp</t>
  </si>
  <si>
    <t>\\acsfs\profiles$\henriqueco\Downloads\9b1c8467-5274-40f5-b199-a8f8239ffc34.tmp</t>
  </si>
  <si>
    <t>2cdbc9cb-9bb3-4728-8c61-2bef6b081579.tmp</t>
  </si>
  <si>
    <t>\\acsfs\profiles$\henriqueco\Downloads\2cdbc9cb-9bb3-4728-8c61-2bef6b081579.tmp</t>
  </si>
  <si>
    <t>e7a2697e-0d4b-4ffc-adc6-f716b4af5261.tmp</t>
  </si>
  <si>
    <t>\\acsfs\profiles$\layonmof\Downloads\e7a2697e-0d4b-4ffc-adc6-f716b4af5261.tmp</t>
  </si>
  <si>
    <t>7ece9bca-4656-403f-bfcc-d4fdc6e05893.tmp</t>
  </si>
  <si>
    <t>\\acsfs\profiles$\layonmof\Downloads\7ece9bca-4656-403f-bfcc-d4fdc6e05893.tmp</t>
  </si>
  <si>
    <t>42e04dca-4e15-4aec-82a9-5bb288e15816.tmp</t>
  </si>
  <si>
    <t>\\acsfs\profiles$\layonmof\Downloads\42e04dca-4e15-4aec-82a9-5bb288e15816.tmp</t>
  </si>
  <si>
    <t>aecc3591-20be-4cbc-93b6-b04f5b6c4b2a.tmp</t>
  </si>
  <si>
    <t>\\acsfs\profiles$\alinepp\Downloads\aecc3591-20be-4cbc-93b6-b04f5b6c4b2a.tmp</t>
  </si>
  <si>
    <t>335a92be-d7b8-4916-a413-c4882ad8d58d.tmp</t>
  </si>
  <si>
    <t>\\acsfs\profiles$\jalilebds\Downloads\335a92be-d7b8-4916-a413-c4882ad8d58d.tmp</t>
  </si>
  <si>
    <t>547f38a2-9b91-46a5-974d-c1fc9d1bfdb4.tmp</t>
  </si>
  <si>
    <t>\\acsfs\profiles$\jalilebds\Downloads\547f38a2-9b91-46a5-974d-c1fc9d1bfdb4.tmp</t>
  </si>
  <si>
    <t>.~lock.filas 1721 1725 e 1724 FINALIZADOS.xlsx#</t>
  </si>
  <si>
    <t>\\acsfs\profiles$\jalilebds\Downloads\.~lock.filas 1721 1725 e 1724 FINALIZADOS.xlsx#</t>
  </si>
  <si>
    <t>6293edd0-7c3d-4e0e-89b7-323d34ca9248.tmp</t>
  </si>
  <si>
    <t>\\acsfs\profiles$\mariajaf\Downloads\6293edd0-7c3d-4e0e-89b7-323d34ca9248.tmp</t>
  </si>
  <si>
    <t>4fe81deb-f102-452d-b039-e0fd7e567f1f.tmp</t>
  </si>
  <si>
    <t>\\acsfs\profiles$\fabianafv\Downloads\4fe81deb-f102-452d-b039-e0fd7e567f1f.tmp</t>
  </si>
  <si>
    <t>87084250-cd67-4604-af3e-8138fd52b530.tmp</t>
  </si>
  <si>
    <t>\\acsfs\profiles$\alinepp\Downloads\87084250-cd67-4604-af3e-8138fd52b530.tmp</t>
  </si>
  <si>
    <t>395955cd-73cb-415a-a938-17f85c527b49.tmp</t>
  </si>
  <si>
    <t>\\acsfs\profiles$\jalilebds\Downloads\395955cd-73cb-415a-a938-17f85c527b49.tmp</t>
  </si>
  <si>
    <t>.~lock.filas 1725 1721 e 1724 ja tratadas.xlsx#</t>
  </si>
  <si>
    <t>\\acsfs\profiles$\jalilebds\Downloads\.~lock.filas 1725 1721 e 1724 ja tratadas.xlsx#</t>
  </si>
  <si>
    <t>met life 1.txt</t>
  </si>
  <si>
    <t>\\acsfs\profiles$\thaynaracsl\My Documents\met life 1.txt</t>
  </si>
  <si>
    <t>6c5c553b-3a02-4b88-a9b6-d78d4785e0c5.tmp</t>
  </si>
  <si>
    <t>\\acsfs\profiles$\myllenardl\Downloads\6c5c553b-3a02-4b88-a9b6-d78d4785e0c5.tmp</t>
  </si>
  <si>
    <t>e4d9491d-fea5-4eae-b21a-ae4050c581cd.tmp</t>
  </si>
  <si>
    <t>\\acsfs\profiles$\brunalas\Downloads\e4d9491d-fea5-4eae-b21a-ae4050c581cd.tmp</t>
  </si>
  <si>
    <t>c88f5ab1-3a33-4721-b611-ce92a468b58d.tmp</t>
  </si>
  <si>
    <t>\\acsfs\profiles$\victorgl\Downloads\c88f5ab1-3a33-4721-b611-ce92a468b58d.tmp</t>
  </si>
  <si>
    <t>XLOG_marcosvnds_06012020_192249.log</t>
  </si>
  <si>
    <t>\\acsfs\profiles$\marcosvnds\My Documents\xworkcenter\logs\XLOG_marcosvnds_06012020_192249.log</t>
  </si>
  <si>
    <t>cbb24983-2414-48d4-aae3-a23d0061ad6b.tmp</t>
  </si>
  <si>
    <t>\\acsfs\profiles$\regisedsj\Downloads\cbb24983-2414-48d4-aae3-a23d0061ad6b.tmp</t>
  </si>
  <si>
    <t>53f5cbc4-ab06-46a5-8551-31ba5c76523a.tmp</t>
  </si>
  <si>
    <t>\\acsfs\profiles$\layonmof\Downloads\53f5cbc4-ab06-46a5-8551-31ba5c76523a.tmp</t>
  </si>
  <si>
    <t>6779;</t>
  </si>
  <si>
    <t>image2020-01-06-203600.pdf</t>
  </si>
  <si>
    <t>http://6779</t>
  </si>
  <si>
    <t>VENDAS JANEIRO.txt</t>
  </si>
  <si>
    <t>\\acsfs\profiles$\isabeldst\My Documents\VENDAS JANEIRO.txt</t>
  </si>
  <si>
    <t>5294831c-deab-4500-a3bc-7e9fb8cdd842.tmp</t>
  </si>
  <si>
    <t>\\acsfs\profiles$\layonmof\Downloads\5294831c-deab-4500-a3bc-7e9fb8cdd842.tmp</t>
  </si>
  <si>
    <t>065b887b-2d8d-4d25-8fd5-28e2cb8a906a.tmp</t>
  </si>
  <si>
    <t>\\acsfs\profiles$\joycemmdl\Downloads\065b887b-2d8d-4d25-8fd5-28e2cb8a906a.tmp</t>
  </si>
  <si>
    <t>94fa8a94-94cd-40bd-a6b1-d99508b94541.tmp</t>
  </si>
  <si>
    <t>\\acsfs\profiles$\gabrielamdp\Downloads\94fa8a94-94cd-40bd-a6b1-d99508b94541.tmp</t>
  </si>
  <si>
    <t>ulog_Acrobat12_Reader_3b8210f9-3618-47e4-b9cc-5aaaba62831a_f99f1aae-0a22-4a76-985f-70be2a07afba_0.log</t>
  </si>
  <si>
    <t>C:\Users\flaviacno\AppData\Roaming\Adobe\LogTransport2\Logs\ulog_Acrobat12_Reader_3b8210f9-3618-47e4-b9cc-5aaaba62831a_f99f1aae-0a22-4a76-985f-70be2a07afba_0.log\</t>
  </si>
  <si>
    <t>68394aaa-5731-4909-885a-c665d117cf0d.tmp</t>
  </si>
  <si>
    <t>\\acsfs\profiles$\layonmof\Downloads\68394aaa-5731-4909-885a-c665d117cf0d.tmp</t>
  </si>
  <si>
    <t>2ac702c8-c416-4c16-9566-353b94f86319.tmp</t>
  </si>
  <si>
    <t>\\acsfs\profiles$\layonmof\Downloads\2ac702c8-c416-4c16-9566-353b94f86319.tmp</t>
  </si>
  <si>
    <t>5d45288e-1844-4e1f-ac01-839a557ab009.tmp</t>
  </si>
  <si>
    <t>\\acsfs\profiles$\philipegsf\Downloads\5d45288e-1844-4e1f-ac01-839a557ab009.tmp</t>
  </si>
  <si>
    <t>19b71956-490b-4382-88c2-3f0aef06a7cb.tmp</t>
  </si>
  <si>
    <t>\\acsfs\profiles$\brendadsl\Downloads\19b71956-490b-4382-88c2-3f0aef06a7cb.tmp</t>
  </si>
  <si>
    <t>bd10c6e6-4899-4655-bf81-39f1d53bd328.tmp</t>
  </si>
  <si>
    <t>\\acsfs\profiles$\brendadsl\Downloads\bd10c6e6-4899-4655-bf81-39f1d53bd328.tmp</t>
  </si>
  <si>
    <t>c608af45-b823-45dc-a066-41abd8deafd1.tmp</t>
  </si>
  <si>
    <t>\\acsfs\profiles$\brendadsl\Downloads\c608af45-b823-45dc-a066-41abd8deafd1.tmp</t>
  </si>
  <si>
    <t>840dd6da-be50-44bd-a443-3e3db7810939.tmp</t>
  </si>
  <si>
    <t>\\acsfs\profiles$\layonmof\Downloads\840dd6da-be50-44bd-a443-3e3db7810939.tmp</t>
  </si>
  <si>
    <t>aaff1a24-7c8e-4b3b-b144-45a6ab7c5a51.tmp</t>
  </si>
  <si>
    <t>\\acsfs\profiles$\layonmof\Downloads\aaff1a24-7c8e-4b3b-b144-45a6ab7c5a51.tmp</t>
  </si>
  <si>
    <t>dff2b6d1-8752-44da-90d1-45b6d5d16e8b.tmp</t>
  </si>
  <si>
    <t>\\acsfs\profiles$\layonmof\Downloads\dff2b6d1-8752-44da-90d1-45b6d5d16e8b.tmp</t>
  </si>
  <si>
    <t>68ec0b49-f962-453c-852d-2d135d3aa778.tmp</t>
  </si>
  <si>
    <t>\\acsfs\profiles$\nathaliaos\Downloads\68ec0b49-f962-453c-852d-2d135d3aa778.tmp</t>
  </si>
  <si>
    <t>ac19d86f-5c94-4656-a3e7-d8f52349908b.tmp</t>
  </si>
  <si>
    <t>\\acsfs\profiles$\gabrielamdp\Downloads\ac19d86f-5c94-4656-a3e7-d8f52349908b.tmp</t>
  </si>
  <si>
    <t>db68ed6b-07c2-4919-9af8-95a6b4add6b1.tmp</t>
  </si>
  <si>
    <t>\\acsfs\profiles$\gabrielamdp\Downloads\db68ed6b-07c2-4919-9af8-95a6b4add6b1.tmp</t>
  </si>
  <si>
    <t>be5ef246-3d44-41ec-a59c-6248ceb0c0e0.tmp</t>
  </si>
  <si>
    <t>\\acsfs\profiles$\edicarlosdl\Downloads\be5ef246-3d44-41ec-a59c-6248ceb0c0e0.tmp</t>
  </si>
  <si>
    <t>0906c75b-d049-43ff-b38d-8908e8092527.tmp</t>
  </si>
  <si>
    <t>\\acsfs\profiles$\joycemmdl\Downloads\0906c75b-d049-43ff-b38d-8908e8092527.tmp</t>
  </si>
  <si>
    <t>482b275a-b1e7-422e-8d4c-fe40e97dc448.tmp</t>
  </si>
  <si>
    <t>\\acsfs\profiles$\sarahbal\Downloads\482b275a-b1e7-422e-8d4c-fe40e97dc448.tmp</t>
  </si>
  <si>
    <t>5cb148ab-dbcf-43e2-ab67-8bac1caa93f9.tmp</t>
  </si>
  <si>
    <t>\\acsfs\profiles$\sarahbal\Downloads\5cb148ab-dbcf-43e2-ab67-8bac1caa93f9.tmp</t>
  </si>
  <si>
    <t>2f5dd289-cbab-4576-8a3a-48a7ca3420a4.tmp</t>
  </si>
  <si>
    <t>\\acsfs\profiles$\sarahbal\Downloads\2f5dd289-cbab-4576-8a3a-48a7ca3420a4.tmp</t>
  </si>
  <si>
    <t>b2cdc29b-d31d-413a-9df5-8c499f1f179b.tmp</t>
  </si>
  <si>
    <t>\\acsfs\profiles$\sarahbal\Downloads\b2cdc29b-d31d-413a-9df5-8c499f1f179b.tmp</t>
  </si>
  <si>
    <t>0676dd14-c31d-4908-af65-c6b2ad759ee6.tmp</t>
  </si>
  <si>
    <t>\\acsfs\profiles$\sarahbal\Downloads\0676dd14-c31d-4908-af65-c6b2ad759ee6.tmp</t>
  </si>
  <si>
    <t>a0a52ce6-e9f8-4f8c-9877-31f50fad6aa4.tmp</t>
  </si>
  <si>
    <t>\\acsfs\profiles$\sarahbal\Downloads\a0a52ce6-e9f8-4f8c-9877-31f50fad6aa4.tmp</t>
  </si>
  <si>
    <t>27dc0df4-4aa5-4184-81bf-59df967f3f13.tmp</t>
  </si>
  <si>
    <t>\\acsfs\profiles$\gabrielamdp\Downloads\27dc0df4-4aa5-4184-81bf-59df967f3f13.tmp</t>
  </si>
  <si>
    <t>7e5400a0-aeba-45da-91f1-511414e27681.tmp</t>
  </si>
  <si>
    <t>\\acsfs\profiles$\gabrielamdp\Downloads\7e5400a0-aeba-45da-91f1-511414e27681.tmp</t>
  </si>
  <si>
    <t>XLOG_andrezacapf_06012020_172330.log</t>
  </si>
  <si>
    <t>\\acsfs\profiles$\andrezacapf\My Documents\xworkcenter\logs\XLOG_andrezacapf_06012020_172330.log</t>
  </si>
  <si>
    <t>10.200.61.123</t>
  </si>
  <si>
    <t>D8-9C-67-6F-2A-83</t>
  </si>
  <si>
    <t>NB-LAUANECCA</t>
  </si>
  <si>
    <t>lauanecca</t>
  </si>
  <si>
    <t>c:\users\lauanecca\downloads\</t>
  </si>
  <si>
    <t>rd larissa julho.xlsx</t>
  </si>
  <si>
    <t>larisaf (1).xlsx</t>
  </si>
  <si>
    <t>lu303883quz3q.tmp</t>
  </si>
  <si>
    <t>\\acsfs\profiles$\edicarlosdl\My Documents\lu303883quz3q.tmp</t>
  </si>
  <si>
    <t>\\acsfs\profiles$\edicarlosdl\My Documents\lu303883quz3q.tmp\Configurations2\accelerator\</t>
  </si>
  <si>
    <t>\\acsfs\profiles$\edicarlosdl\My Documents\lu303883quz3q.tmp\</t>
  </si>
  <si>
    <t>layout-cache</t>
  </si>
  <si>
    <t>\\acsfs\profiles$\edicarlosdl\My Documents\lu303883quz3q.tmp\META-INF\</t>
  </si>
  <si>
    <t>\\acsfs\profiles$\edicarlosdl\My Documents\lu303883quz3q.tmp\Thumbnails\</t>
  </si>
  <si>
    <t>BASE ODONTO.txt</t>
  </si>
  <si>
    <t>\\acsfs\profiles$\edicarlosdl\My Documents\BASE ODONTO.txt</t>
  </si>
  <si>
    <t>lu303883quz3u.tmp</t>
  </si>
  <si>
    <t>\\acsfs\profiles$\edicarlosdl\My Documents\lu303883quz3u.tmp</t>
  </si>
  <si>
    <t>\\acsfs\profiles$\edicarlosdl\My Documents\lu303883quz3u.tmp\</t>
  </si>
  <si>
    <t>\\acsfs\profiles$\edicarlosdl\My Documents\lu303883quz3u.tmp\META-INF\</t>
  </si>
  <si>
    <t>\\acsfs\profiles$\edicarlosdl\My Documents\lu303883quz3u.tmp\Thumbnails\</t>
  </si>
  <si>
    <t>\\acsfs\profiles$\taylaedoa\Contacts\</t>
  </si>
  <si>
    <t>TAYLA ELIAS DE OLIVEIRA ALVES (15).contact</t>
  </si>
  <si>
    <t>\\acsfs\profiles$\taylaedoa\Contacts\TAYLA ELIAS DE OLIVEIRA ALVES (15).contact</t>
  </si>
  <si>
    <t>\\acsfs\profiles$\taylaedoa\My Documents\My Videos\</t>
  </si>
  <si>
    <t>\\acsfs\profiles$\taylaedoa\My Documents\My Videos\desktop.ini</t>
  </si>
  <si>
    <t>\\acsfs\profiles$\taylaedoa\My Documents\My Pictures\</t>
  </si>
  <si>
    <t>\\acsfs\profiles$\taylaedoa\My Documents\My Pictures\desktop.ini</t>
  </si>
  <si>
    <t>\\acsfs\profiles$\taylaedoa\Contacts\desktop.ini</t>
  </si>
  <si>
    <t>\\acsfs\profiles$\taylaedoa\Favorites\</t>
  </si>
  <si>
    <t>\\acsfs\profiles$\taylaedoa\Favorites\desktop.ini</t>
  </si>
  <si>
    <t>\\acsfs\profiles$\taylaedoa\My Documents\My Music\</t>
  </si>
  <si>
    <t>\\acsfs\profiles$\taylaedoa\My Documents\My Music\desktop.ini</t>
  </si>
  <si>
    <t>\\acsfs\profiles$\taylaedoa\Searches\</t>
  </si>
  <si>
    <t>\\acsfs\profiles$\taylaedoa\Searches\desktop.ini</t>
  </si>
  <si>
    <t>\\acsfs\profiles$\taylaedoa\Downloads\desktop.ini</t>
  </si>
  <si>
    <t>\\acsfs\profiles$\taylaedoa\My Documents\</t>
  </si>
  <si>
    <t>\\acsfs\profiles$\taylaedoa\My Documents\desktop.ini</t>
  </si>
  <si>
    <t>\\acsfs\profiles$\taylaedoa\Saved Games\</t>
  </si>
  <si>
    <t>\\acsfs\profiles$\taylaedoa\Saved Games\desktop.ini</t>
  </si>
  <si>
    <t>\\acsfs\profiles$\taylaedoa\Favorites\Links for Brasil\</t>
  </si>
  <si>
    <t>\\acsfs\profiles$\taylaedoa\Favorites\Links for Brasil\desktop.ini</t>
  </si>
  <si>
    <t>\\acsfs\profiles$\taylaedoa\Favorites\Links for Brasil\Microsoft Brasil.url</t>
  </si>
  <si>
    <t>\\acsfs\profiles$\taylaedoa\Favorites\Links for Brasil\Windows Brasil.url</t>
  </si>
  <si>
    <t>\\acsfs\profiles$\taylaedoa\Favorites\Links for Brasil\MSN Brasil.url</t>
  </si>
  <si>
    <t>0b2d5478-c53b-42b9-aa4c-5187e45ec0ad.tmp</t>
  </si>
  <si>
    <t>\\acsfs\profiles$\taylaedoa\Downloads\0b2d5478-c53b-42b9-aa4c-5187e45ec0ad.tmp</t>
  </si>
  <si>
    <t>4090006b-6ad1-4e40-9f39-4e7a3d6d112d.tmp</t>
  </si>
  <si>
    <t>\\acsfs\profiles$\taylaedoa\Downloads\4090006b-6ad1-4e40-9f39-4e7a3d6d112d.tmp</t>
  </si>
  <si>
    <t>5e5fd7f9-ea96-4930-b627-50f0ef558817.tmp</t>
  </si>
  <si>
    <t>\\acsfs\profiles$\taylaedoa\Downloads\5e5fd7f9-ea96-4930-b627-50f0ef558817.tmp</t>
  </si>
  <si>
    <t>88225d36-38c8-43a5-bf55-3a0e39077ae2.tmp</t>
  </si>
  <si>
    <t>\\acsfs\profiles$\taylaedoa\Downloads\88225d36-38c8-43a5-bf55-3a0e39077ae2.tmp</t>
  </si>
  <si>
    <t>6f36cad2-7924-4750-9d8c-5e3c683e614f.tmp</t>
  </si>
  <si>
    <t>\\acsfs\profiles$\taylaedoa\Downloads\6f36cad2-7924-4750-9d8c-5e3c683e614f.tmp</t>
  </si>
  <si>
    <t>43d27890-434a-457b-a8ef-e66207e1efdf.tmp</t>
  </si>
  <si>
    <t>\\acsfs\profiles$\nathaliaos\Downloads\43d27890-434a-457b-a8ef-e66207e1efdf.tmp</t>
  </si>
  <si>
    <t>f01cfbaf-122a-4572-93b0-abd6dd549798.tmp</t>
  </si>
  <si>
    <t>\\acsfs\profiles$\joycemmdl\Downloads\f01cfbaf-122a-4572-93b0-abd6dd549798.tmp</t>
  </si>
  <si>
    <t>C:\Users\saviortj\Desktop\RELATORIO DPF\</t>
  </si>
  <si>
    <t>c7588123-2476-42da-a25b-72e4d4512b11.tmp</t>
  </si>
  <si>
    <t>\\acsfs\profiles$\joycemmdl\Downloads\c7588123-2476-42da-a25b-72e4d4512b11.tmp</t>
  </si>
  <si>
    <t>a35edf0c-eb72-4a0d-9065-67f9174de911.tmp</t>
  </si>
  <si>
    <t>\\acsfs\profiles$\rogeriofd\Downloads\a35edf0c-eb72-4a0d-9065-67f9174de911.tmp</t>
  </si>
  <si>
    <t>e610d396-a885-4fdc-9520-053feee043e6.tmp</t>
  </si>
  <si>
    <t>\\acsfs\profiles$\rogeriofd\Downloads\e610d396-a885-4fdc-9520-053feee043e6.tmp</t>
  </si>
  <si>
    <t>61346707-d427-49cd-b00d-907fc58eb971.tmp</t>
  </si>
  <si>
    <t>\\acsfs\profiles$\ROBERTM\Downloads\61346707-d427-49cd-b00d-907fc58eb971.tmp</t>
  </si>
  <si>
    <t>24c100bb-a50a-4cb6-bc06-5048c4ade9d0.tmp</t>
  </si>
  <si>
    <t>\\acsfs\profiles$\ROBERTM\Downloads\24c100bb-a50a-4cb6-bc06-5048c4ade9d0.tmp</t>
  </si>
  <si>
    <t>2b327cb9-d438-4fc4-9f36-f06bcb833b99.tmp</t>
  </si>
  <si>
    <t>\\acsfs\profiles$\marlyannegdls\Downloads\2b327cb9-d438-4fc4-9f36-f06bcb833b99.tmp</t>
  </si>
  <si>
    <t>1cd88d2a-24af-449a-8ecb-e81c49df5f68.tmp</t>
  </si>
  <si>
    <t>\\acsfs\profiles$\marlyannegdls\Downloads\1cd88d2a-24af-449a-8ecb-e81c49df5f68.tmp</t>
  </si>
  <si>
    <t>6bacae62-af64-4a66-98cf-46e70482c975.tmp</t>
  </si>
  <si>
    <t>\\acsfs\profiles$\ROBERTM\Downloads\6bacae62-af64-4a66-98cf-46e70482c975.tmp</t>
  </si>
  <si>
    <t>92979d2d-610f-4edd-9251-3e391089d90f.tmp</t>
  </si>
  <si>
    <t>\\acsfs\profiles$\ROBERTM\Downloads\92979d2d-610f-4edd-9251-3e391089d90f.tmp</t>
  </si>
  <si>
    <t>b209cbd0-b164-4b31-8a12-538fac467f91.tmp</t>
  </si>
  <si>
    <t>\\acsfs\profiles$\ROBERTM\Downloads\b209cbd0-b164-4b31-8a12-538fac467f91.tmp</t>
  </si>
  <si>
    <t>http:///batch?%24ct=multipart%2Fmixed%3B%20boundary%3D%22%3D%3D%3D%3D%3Ds1du77un1jl4%3D%3D%3D%3D%3D%22&amp;key=AIzaSyAy9VVXHSpS2IJpptzYtGbLP3-3_l0aBk4</t>
  </si>
  <si>
    <t>http:///batch?%24ct=multipart%2Fmixed%3B%20boundary%3D%22%3D%3D%3D%3D%3Dxsttsocvpn6h%3D%3D%3D%3D%3D%22&amp;key=AIzaSyAy9VVXHSpS2IJpptzYtGbLP3-3_l0aBk4</t>
  </si>
  <si>
    <t>\\acsfs\profiles$\Angelicacldr\My Documents\xworkcenter\logs\</t>
  </si>
  <si>
    <t>XLOG_Angelicacldr_24122019_104033.log</t>
  </si>
  <si>
    <t>\\acsfs\profiles$\Angelicacldr\My Documents\xworkcenter\logs\XLOG_Angelicacldr_24122019_104033.log</t>
  </si>
  <si>
    <t>b170478c-345a-4be7-a875-9345af876893.tmp</t>
  </si>
  <si>
    <t>\\acsfs\profiles$\ROBERTM\Downloads\b170478c-345a-4be7-a875-9345af876893.tmp</t>
  </si>
  <si>
    <t>4dec2b2a-a4a6-4159-ac0f-6f7185685621.tmp</t>
  </si>
  <si>
    <t>\\acsfs\profiles$\ROZENCAM\Downloads\4dec2b2a-a4a6-4159-ac0f-6f7185685621.tmp</t>
  </si>
  <si>
    <t>23e3b546-218e-42b7-a891-37faa676be20.tmp</t>
  </si>
  <si>
    <t>\\acsfs\profiles$\ROZENCAM\Downloads\23e3b546-218e-42b7-a891-37faa676be20.tmp</t>
  </si>
  <si>
    <t>ddd55291-00bb-4416-add4-5a6bfd16a0c8.tmp</t>
  </si>
  <si>
    <t>\\acsfs\profiles$\lucasqdss\Downloads\ddd55291-00bb-4416-add4-5a6bfd16a0c8.tmp</t>
  </si>
  <si>
    <t>f6d4876f-a7cf-426b-ae6d-454cc5957a03.tmp</t>
  </si>
  <si>
    <t>\\acsfs\profiles$\lucasqdss\Downloads\f6d4876f-a7cf-426b-ae6d-454cc5957a03.tmp</t>
  </si>
  <si>
    <t>4fb79733-3ce8-4776-875a-c090922154de.tmp</t>
  </si>
  <si>
    <t>\\acsfs\profiles$\lucasqdss\Downloads\4fb79733-3ce8-4776-875a-c090922154de.tmp</t>
  </si>
  <si>
    <t>5cd49c82-4f20-4298-b4e6-09b333f2d9ee.tmp</t>
  </si>
  <si>
    <t>\\acsfs\profiles$\lucasqdss\Downloads\5cd49c82-4f20-4298-b4e6-09b333f2d9ee.tmp</t>
  </si>
  <si>
    <t>18cfdb06-4703-4957-be14-f0e3678647df.tmp</t>
  </si>
  <si>
    <t>\\acsfs\profiles$\BRUNAAR\Downloads\18cfdb06-4703-4957-be14-f0e3678647df.tmp</t>
  </si>
  <si>
    <t>5a7c0040-b86f-4f76-a125-c5eef2172038.tmp</t>
  </si>
  <si>
    <t>\\acsfs\profiles$\danielac\Downloads\5a7c0040-b86f-4f76-a125-c5eef2172038.tmp</t>
  </si>
  <si>
    <t>49025554-a639-4635-9d2d-4ca39d9380ab.tmp</t>
  </si>
  <si>
    <t>\\acsfs\profiles$\danielac\Downloads\49025554-a639-4635-9d2d-4ca39d9380ab.tmp</t>
  </si>
  <si>
    <t>45b1bb50-62dd-487a-b475-e896548d670d.tmp</t>
  </si>
  <si>
    <t>\\acsfs\profiles$\danielac\Downloads\45b1bb50-62dd-487a-b475-e896548d670d.tmp</t>
  </si>
  <si>
    <t>a848514b-2ca8-4074-a070-54b5d83d9f0e.tmp</t>
  </si>
  <si>
    <t>\\acsfs\profiles$\BRUNAAR\Downloads\a848514b-2ca8-4074-a070-54b5d83d9f0e.tmp</t>
  </si>
  <si>
    <t>c4b00fd8-5241-405c-bea4-c02ad1d94f03.tmp</t>
  </si>
  <si>
    <t>\\acsfs\profiles$\BRUNAAR\Downloads\c4b00fd8-5241-405c-bea4-c02ad1d94f03.tmp</t>
  </si>
  <si>
    <t>5602bdaf-432a-4fae-b7a2-28ed1b084bb4.tmp</t>
  </si>
  <si>
    <t>\\acsfs\profiles$\ALYNYA\Downloads\5602bdaf-432a-4fae-b7a2-28ed1b084bb4.tmp</t>
  </si>
  <si>
    <t>3c5a5cc0-fcb7-4f33-aa74-d37081d66de4.tmp</t>
  </si>
  <si>
    <t>\\acsfs\profiles$\ALYNYA\Downloads\3c5a5cc0-fcb7-4f33-aa74-d37081d66de4.tmp</t>
  </si>
  <si>
    <t>28c1233b-19e4-4589-9b0b-d80a127741fb.tmp</t>
  </si>
  <si>
    <t>\\acsfs\profiles$\anafsb\Downloads\28c1233b-19e4-4589-9b0b-d80a127741fb.tmp</t>
  </si>
  <si>
    <t>d2666c1d-99e5-4bbf-a720-f1baf1f09dae.tmp</t>
  </si>
  <si>
    <t>\\acsfs\profiles$\anafsb\Downloads\d2666c1d-99e5-4bbf-a720-f1baf1f09dae.tmp</t>
  </si>
  <si>
    <t>0ceedaf1-4a1d-4270-8de0-335edf6a0496.tmp</t>
  </si>
  <si>
    <t>\\acsfs\profiles$\anafsb\Downloads\0ceedaf1-4a1d-4270-8de0-335edf6a0496.tmp</t>
  </si>
  <si>
    <t>5c278342-f4d5-4722-9ad6-a73e826deb21.tmp</t>
  </si>
  <si>
    <t>\\acsfs\profiles$\anafsb\Downloads\5c278342-f4d5-4722-9ad6-a73e826deb21.tmp</t>
  </si>
  <si>
    <t>8571f9c8-79f9-4473-bba1-0b1f8ceaecca.tmp</t>
  </si>
  <si>
    <t>\\acsfs\profiles$\anafsb\Downloads\8571f9c8-79f9-4473-bba1-0b1f8ceaecca.tmp</t>
  </si>
  <si>
    <t>60f90f27-6d37-43d3-a867-ee29b86a9e96.tmp</t>
  </si>
  <si>
    <t>\\acsfs\profiles$\anafsb\Downloads\60f90f27-6d37-43d3-a867-ee29b86a9e96.tmp</t>
  </si>
  <si>
    <t>7ff3a1cf-c032-493a-8739-076fedb3b308.tmp</t>
  </si>
  <si>
    <t>\\acsfs\profiles$\anafsb\Downloads\7ff3a1cf-c032-493a-8739-076fedb3b308.tmp</t>
  </si>
  <si>
    <t>54cab2b3-eba9-4b9a-a230-aed2dac517bd.tmp</t>
  </si>
  <si>
    <t>\\acsfs\profiles$\vivianealda\Downloads\54cab2b3-eba9-4b9a-a230-aed2dac517bd.tmp</t>
  </si>
  <si>
    <t>788f88a3-f7b6-4aa6-8980-30884c335e43.tmp</t>
  </si>
  <si>
    <t>\\acsfs\profiles$\vivianealda\Downloads\788f88a3-f7b6-4aa6-8980-30884c335e43.tmp</t>
  </si>
  <si>
    <t>9b871a0d-73a6-4b73-a0b3-a707a95a45f5.tmp</t>
  </si>
  <si>
    <t>\\acsfs\profiles$\leonardobb\Downloads\9b871a0d-73a6-4b73-a0b3-a707a95a45f5.tmp</t>
  </si>
  <si>
    <t>84526a16-35bd-4554-838d-86aa4733b108.tmp</t>
  </si>
  <si>
    <t>\\acsfs\profiles$\leonardobb\Downloads\84526a16-35bd-4554-838d-86aa4733b108.tmp</t>
  </si>
  <si>
    <t>2df8dc22-d9c3-4caa-adcf-07588b91b0fd.tmp</t>
  </si>
  <si>
    <t>\\acsfs\profiles$\leonardobb\Downloads\2df8dc22-d9c3-4caa-adcf-07588b91b0fd.tmp</t>
  </si>
  <si>
    <t>74d99153-2a2b-4818-b3cd-f080ca7f0337.tmp</t>
  </si>
  <si>
    <t>\\acsfs\profiles$\leonardobb\Downloads\74d99153-2a2b-4818-b3cd-f080ca7f0337.tmp</t>
  </si>
  <si>
    <t>e19c753d-191c-47a4-ae21-6b9b7df95793.tmp</t>
  </si>
  <si>
    <t>\\acsfs\profiles$\leonardobb\Downloads\e19c753d-191c-47a4-ae21-6b9b7df95793.tmp</t>
  </si>
  <si>
    <t>beb4bb58-4d59-4adf-97e3-c2df848cb646.tmp</t>
  </si>
  <si>
    <t>\\acsfs\profiles$\leonardobb\Downloads\beb4bb58-4d59-4adf-97e3-c2df848cb646.tmp</t>
  </si>
  <si>
    <t>f55165e1-a65d-4fbe-97fa-148d34b7d20b.tmp</t>
  </si>
  <si>
    <t>\\acsfs\profiles$\cintiadcf\Downloads\f55165e1-a65d-4fbe-97fa-148d34b7d20b.tmp</t>
  </si>
  <si>
    <t>0f4c8db1-cfb4-4776-a020-b9bad18118f1.tmp</t>
  </si>
  <si>
    <t>\\acsfs\profiles$\cintiadcf\Downloads\0f4c8db1-cfb4-4776-a020-b9bad18118f1.tmp</t>
  </si>
  <si>
    <t>dbe3a841-e185-4443-ab59-803387e4d0ae.tmp</t>
  </si>
  <si>
    <t>\\acsfs\profiles$\cintiadcf\Downloads\dbe3a841-e185-4443-ab59-803387e4d0ae.tmp</t>
  </si>
  <si>
    <t>9fa8021e-dee8-4cc2-a91f-ad1d9d1148c7.tmp</t>
  </si>
  <si>
    <t>\\acsfs\profiles$\ALYNYA\Downloads\9fa8021e-dee8-4cc2-a91f-ad1d9d1148c7.tmp</t>
  </si>
  <si>
    <t>488c38e2-28e7-44d8-86e5-4c307f07d1e3.tmp</t>
  </si>
  <si>
    <t>\\acsfs\profiles$\lucasgpe\Downloads\488c38e2-28e7-44d8-86e5-4c307f07d1e3.tmp</t>
  </si>
  <si>
    <t>c8a63303-2969-4bc9-af3b-41d30d561278.tmp</t>
  </si>
  <si>
    <t>\\acsfs\profiles$\lucasgpe\Downloads\c8a63303-2969-4bc9-af3b-41d30d561278.tmp</t>
  </si>
  <si>
    <t>9d2216b9-e62e-44cd-ace9-6807c904b78e.tmp</t>
  </si>
  <si>
    <t>\\acsfs\profiles$\lucasgpe\Downloads\9d2216b9-e62e-44cd-ace9-6807c904b78e.tmp</t>
  </si>
  <si>
    <t>10.200.66.168</t>
  </si>
  <si>
    <t>64-1C-67-9C-84-A3</t>
  </si>
  <si>
    <t>VOTORANT-JB015</t>
  </si>
  <si>
    <t>gustavoab</t>
  </si>
  <si>
    <t>https://udpwfmniceap02/web/guest/home?p_auth=w0fcct5r&amp;p_p_id=58&amp;p_p_lifecycle=1&amp;p_p_state=maximized&amp;p_p_mode=view&amp;savelastpath=0&amp;_58_struts_action=/login/forgot_password</t>
  </si>
  <si>
    <t>d5972582-3a26-4afe-9e3d-1f30e449bc5d.tmp</t>
  </si>
  <si>
    <t>\\acsfs\profiles$\lucasgpe\Downloads\d5972582-3a26-4afe-9e3d-1f30e449bc5d.tmp</t>
  </si>
  <si>
    <t>https://udpmailboxap01.acs.com.br:8443/h/search;jsessionid=186iyb6j479g8wzznpw2x2juh?si=0&amp;so=0&amp;sc=64006&amp;st=conversation&amp;action=compose</t>
  </si>
  <si>
    <t>a26d2ca9-93a9-410b-a57b-e2cbcc8cdf4e.tmp</t>
  </si>
  <si>
    <t>\\acsfs\profiles$\inarajst\Downloads\a26d2ca9-93a9-410b-a57b-e2cbcc8cdf4e.tmp</t>
  </si>
  <si>
    <t>f6c42e39-7b71-4264-9b6a-7d5f27381770.tmp</t>
  </si>
  <si>
    <t>\\acsfs\profiles$\inarajst\Downloads\f6c42e39-7b71-4264-9b6a-7d5f27381770.tmp</t>
  </si>
  <si>
    <t>fa9d8f5b-31dc-471f-ada6-57b0d0e6f317.tmp</t>
  </si>
  <si>
    <t>\\acsfs\profiles$\inarajst\Downloads\fa9d8f5b-31dc-471f-ada6-57b0d0e6f317.tmp</t>
  </si>
  <si>
    <t>079c6415-7203-4540-920b-faee49bed06e.tmp</t>
  </si>
  <si>
    <t>\\acsfs\profiles$\inarajst\Downloads\079c6415-7203-4540-920b-faee49bed06e.tmp</t>
  </si>
  <si>
    <t>d5aac1c5-a402-45f0-8226-59740ac542ad.tmp</t>
  </si>
  <si>
    <t>\\acsfs\profiles$\leonardobb\Downloads\d5aac1c5-a402-45f0-8226-59740ac542ad.tmp</t>
  </si>
  <si>
    <t>10.200.66.120</t>
  </si>
  <si>
    <t>78-2B-CB-C1-06-E9</t>
  </si>
  <si>
    <t>VOTORANT-ABB004</t>
  </si>
  <si>
    <t>e5b353b0-3a0f-4d58-a158-e4613bdf7fba.tmp</t>
  </si>
  <si>
    <t>\\acsfs\profiles$\websondsa\Downloads\e5b353b0-3a0f-4d58-a158-e4613bdf7fba.tmp</t>
  </si>
  <si>
    <t>02259400-9f37-4f96-b96c-a4cfcc576520.tmp</t>
  </si>
  <si>
    <t>\\acsfs\profiles$\websondsa\Downloads\02259400-9f37-4f96-b96c-a4cfcc576520.tmp</t>
  </si>
  <si>
    <t>bf941b03-538e-49bc-ace7-3dfad7344ccf.tmp</t>
  </si>
  <si>
    <t>\\acsfs\profiles$\websondsa\Downloads\bf941b03-538e-49bc-ace7-3dfad7344ccf.tmp</t>
  </si>
  <si>
    <t>84e92f79-fd76-43f0-8dbb-f2d2b2273215.tmp</t>
  </si>
  <si>
    <t>\\acsfs\profiles$\websondsa\Downloads\84e92f79-fd76-43f0-8dbb-f2d2b2273215.tmp</t>
  </si>
  <si>
    <t>de647768-1da8-4d68-a897-c538176767a7.tmp</t>
  </si>
  <si>
    <t>\\acsfs\profiles$\websondsa\Downloads\de647768-1da8-4d68-a897-c538176767a7.tmp</t>
  </si>
  <si>
    <t>9ee3c08a-db06-4f05-9c01-ae2b59dfc164.tmp</t>
  </si>
  <si>
    <t>\\acsfs\profiles$\sarahbal\Downloads\9ee3c08a-db06-4f05-9c01-ae2b59dfc164.tmp</t>
  </si>
  <si>
    <t>1c5b5df9-c9eb-4754-a605-aca357b372ee.tmp</t>
  </si>
  <si>
    <t>\\acsfs\profiles$\mariajra\Downloads\1c5b5df9-c9eb-4754-a605-aca357b372ee.tmp</t>
  </si>
  <si>
    <t>29d4c91c-e277-4ff0-a695-b17a89a360dc.tmp</t>
  </si>
  <si>
    <t>\\acsfs\profiles$\mariajra\Downloads\29d4c91c-e277-4ff0-a695-b17a89a360dc.tmp</t>
  </si>
  <si>
    <t>559e7d5e-efaa-4a22-b235-b17f834cdd7c.tmp</t>
  </si>
  <si>
    <t>\\acsfs\profiles$\mariajra\Downloads\559e7d5e-efaa-4a22-b235-b17f834cdd7c.tmp</t>
  </si>
  <si>
    <t>ad27f6a3-e143-4f28-b9a1-9846683d16f0.tmp</t>
  </si>
  <si>
    <t>\\acsfs\profiles$\inarajst\Downloads\ad27f6a3-e143-4f28-b9a1-9846683d16f0.tmp</t>
  </si>
  <si>
    <t>2abfb9b3-7352-4915-bca8-8b1e7b8e2ce7.tmp</t>
  </si>
  <si>
    <t>\\acsfs\profiles$\inarajst\Downloads\2abfb9b3-7352-4915-bca8-8b1e7b8e2ce7.tmp</t>
  </si>
  <si>
    <t>cbf91fee-9b58-4332-81d9-9679a805bf84.tmp</t>
  </si>
  <si>
    <t>\\acsfs\profiles$\inarajst\Downloads\cbf91fee-9b58-4332-81d9-9679a805bf84.tmp</t>
  </si>
  <si>
    <t>\\acsfs\profiles$\sarahbal\Contacts\</t>
  </si>
  <si>
    <t>SARAH BEATRIZ ALVES LIMA (37).contact</t>
  </si>
  <si>
    <t>\\acsfs\profiles$\sarahbal\Contacts\SARAH BEATRIZ ALVES LIMA (37).contact</t>
  </si>
  <si>
    <t>\\acsfs\profiles$\sarahbal\My Documents\My Videos\</t>
  </si>
  <si>
    <t>\\acsfs\profiles$\sarahbal\My Documents\My Videos\desktop.ini</t>
  </si>
  <si>
    <t>\\acsfs\profiles$\sarahbal\My Documents\My Pictures\</t>
  </si>
  <si>
    <t>\\acsfs\profiles$\sarahbal\My Documents\My Pictures\desktop.ini</t>
  </si>
  <si>
    <t>\\acsfs\profiles$\sarahbal\Contacts\desktop.ini</t>
  </si>
  <si>
    <t>\\acsfs\profiles$\sarahbal\Favorites\</t>
  </si>
  <si>
    <t>\\acsfs\profiles$\sarahbal\Favorites\desktop.ini</t>
  </si>
  <si>
    <t>\\acsfs\profiles$\sarahbal\My Documents\My Music\</t>
  </si>
  <si>
    <t>\\acsfs\profiles$\sarahbal\My Documents\My Music\desktop.ini</t>
  </si>
  <si>
    <t>\\acsfs\profiles$\sarahbal\Searches\</t>
  </si>
  <si>
    <t>\\acsfs\profiles$\sarahbal\Searches\desktop.ini</t>
  </si>
  <si>
    <t>\\acsfs\profiles$\sarahbal\Downloads\desktop.ini</t>
  </si>
  <si>
    <t>\\acsfs\profiles$\sarahbal\My Documents\</t>
  </si>
  <si>
    <t>\\acsfs\profiles$\sarahbal\My Documents\desktop.ini</t>
  </si>
  <si>
    <t>\\acsfs\profiles$\sarahbal\Saved Games\</t>
  </si>
  <si>
    <t>\\acsfs\profiles$\sarahbal\Saved Games\desktop.ini</t>
  </si>
  <si>
    <t>\\acsfs\profiles$\sarahbal\Favorites\Links for Brasil\</t>
  </si>
  <si>
    <t>\\acsfs\profiles$\sarahbal\Favorites\Links for Brasil\desktop.ini</t>
  </si>
  <si>
    <t>\\acsfs\profiles$\sarahbal\Favorites\Links for Brasil\Microsoft Brasil.url</t>
  </si>
  <si>
    <t>\\acsfs\profiles$\sarahbal\Favorites\Links for Brasil\Windows Brasil.url</t>
  </si>
  <si>
    <t>\\acsfs\profiles$\sarahbal\Favorites\Links for Brasil\MSN Brasil.url</t>
  </si>
  <si>
    <t>59bb04ee-4f47-4c0f-9dd2-c7197078b60b.tmp</t>
  </si>
  <si>
    <t>\\acsfs\profiles$\websondsa\Downloads\59bb04ee-4f47-4c0f-9dd2-c7197078b60b.tmp</t>
  </si>
  <si>
    <t>2749fa42-b21b-497f-9db9-19d6cd978671.tmp</t>
  </si>
  <si>
    <t>\\acsfs\profiles$\sarahbal\Downloads\2749fa42-b21b-497f-9db9-19d6cd978671.tmp</t>
  </si>
  <si>
    <t>7d2cfe9d-ed84-4b69-b8c0-4980fe93f799.tmp</t>
  </si>
  <si>
    <t>\\acsfs\profiles$\sarahbal\Downloads\7d2cfe9d-ed84-4b69-b8c0-4980fe93f799.tmp</t>
  </si>
  <si>
    <t>6f4a212b-783c-439e-85b1-0c25c6eb9494.tmp</t>
  </si>
  <si>
    <t>\\acsfs\profiles$\sarahbal\Downloads\6f4a212b-783c-439e-85b1-0c25c6eb9494.tmp</t>
  </si>
  <si>
    <t>557fa828-1c94-4062-a8f3-46cb3c5a2af1.tmp</t>
  </si>
  <si>
    <t>\\acsfs\profiles$\vivianalds\Downloads\557fa828-1c94-4062-a8f3-46cb3c5a2af1.tmp</t>
  </si>
  <si>
    <t>3cd41e08-17be-4042-9d85-a65421aac136.tmp</t>
  </si>
  <si>
    <t>\\acsfs\profiles$\mariajra\Downloads\3cd41e08-17be-4042-9d85-a65421aac136.tmp</t>
  </si>
  <si>
    <t>719a7814-d973-4594-b68e-1c6733487ca9.tmp</t>
  </si>
  <si>
    <t>\\acsfs\profiles$\mariajra\Downloads\719a7814-d973-4594-b68e-1c6733487ca9.tmp</t>
  </si>
  <si>
    <t>5f6ca1d8-eb23-47da-a438-99ad9c0c1fed.tmp</t>
  </si>
  <si>
    <t>\\acsfs\profiles$\mariajra\Downloads\5f6ca1d8-eb23-47da-a438-99ad9c0c1fed.tmp</t>
  </si>
  <si>
    <t>C:\Users\danielac\Desktop\</t>
  </si>
  <si>
    <t>\\acsfs\profiles$\BRUNAAR\Contacts\</t>
  </si>
  <si>
    <t>BRUNA ASSUNCAO ROSA (4).contact</t>
  </si>
  <si>
    <t>\\acsfs\profiles$\BRUNAAR\Contacts\BRUNA ASSUNCAO ROSA (4).contact</t>
  </si>
  <si>
    <t>\\acsfs\profiles$\BRUNAAR\My Documents\My Videos\</t>
  </si>
  <si>
    <t>\\acsfs\profiles$\BRUNAAR\My Documents\My Videos\desktop.ini</t>
  </si>
  <si>
    <t>\\acsfs\profiles$\BRUNAAR\My Documents\My Pictures\</t>
  </si>
  <si>
    <t>\\acsfs\profiles$\BRUNAAR\My Documents\My Pictures\desktop.ini</t>
  </si>
  <si>
    <t>\\acsfs\profiles$\BRUNAAR\Contacts\desktop.ini</t>
  </si>
  <si>
    <t>\\acsfs\profiles$\BRUNAAR\Favorites\</t>
  </si>
  <si>
    <t>\\acsfs\profiles$\BRUNAAR\Favorites\desktop.ini</t>
  </si>
  <si>
    <t>\\acsfs\profiles$\BRUNAAR\My Documents\My Music\</t>
  </si>
  <si>
    <t>\\acsfs\profiles$\BRUNAAR\My Documents\My Music\desktop.ini</t>
  </si>
  <si>
    <t>\\acsfs\profiles$\BRUNAAR\Searches\</t>
  </si>
  <si>
    <t>\\acsfs\profiles$\BRUNAAR\Searches\desktop.ini</t>
  </si>
  <si>
    <t>\\acsfs\profiles$\BRUNAAR\Downloads\desktop.ini</t>
  </si>
  <si>
    <t>\\acsfs\profiles$\BRUNAAR\My Documents\</t>
  </si>
  <si>
    <t>\\acsfs\profiles$\BRUNAAR\My Documents\desktop.ini</t>
  </si>
  <si>
    <t>\\acsfs\profiles$\BRUNAAR\Saved Games\</t>
  </si>
  <si>
    <t>\\acsfs\profiles$\BRUNAAR\Saved Games\desktop.ini</t>
  </si>
  <si>
    <t>\\acsfs\profiles$\BRUNAAR\Favorites\Links for Brasil\</t>
  </si>
  <si>
    <t>\\acsfs\profiles$\BRUNAAR\Favorites\Links for Brasil\desktop.ini</t>
  </si>
  <si>
    <t>\\acsfs\profiles$\BRUNAAR\Favorites\Links for Brasil\Microsoft Brasil.url</t>
  </si>
  <si>
    <t>\\acsfs\profiles$\BRUNAAR\Favorites\Links for Brasil\Windows Brasil.url</t>
  </si>
  <si>
    <t>\\acsfs\profiles$\BRUNAAR\Favorites\Links for Brasil\MSN Brasil.url</t>
  </si>
  <si>
    <t>lu3648zdnn.tmp</t>
  </si>
  <si>
    <t>\\acsfs\profiles$\BRUNAAR\Numero\lu3648zdnn.tmp</t>
  </si>
  <si>
    <t>ed7cc0ef-11c8-4ccc-852a-cc078d81c8e2.tmp</t>
  </si>
  <si>
    <t>\\acsfs\profiles$\websondsa\Downloads\ed7cc0ef-11c8-4ccc-852a-cc078d81c8e2.tmp</t>
  </si>
  <si>
    <t>274cd9b4-e99d-48f3-becc-86f6700fffa2.tmp</t>
  </si>
  <si>
    <t>\\acsfs\profiles$\dhiulliananads\Downloads\274cd9b4-e99d-48f3-becc-86f6700fffa2.tmp</t>
  </si>
  <si>
    <t>897b74cc-7f3d-4526-9f22-bea9e33b27ac.tmp</t>
  </si>
  <si>
    <t>\\acsfs\profiles$\dhiulliananads\Downloads\897b74cc-7f3d-4526-9f22-bea9e33b27ac.tmp</t>
  </si>
  <si>
    <t>BRUNA ASSUNCAO ROSA (5).contact</t>
  </si>
  <si>
    <t>\\acsfs\profiles$\BRUNAAR\Contacts\BRUNA ASSUNCAO ROSA (5).contact</t>
  </si>
  <si>
    <t>\\acsfs\profiles$\BRUNAAR\My Documents\Automation Anywhere Files\ConfigFiles\</t>
  </si>
  <si>
    <t>\\acsfs\profiles$\BRUNAAR\My Documents\Automation Anywhere Files\ConfigFiles\log4net-config.xml</t>
  </si>
  <si>
    <t>\\acsfs\profiles$\BRUNAAR\My Documents\Automation Anywhere Files\</t>
  </si>
  <si>
    <t>\\acsfs\profiles$\BRUNAAR\My Documents\Automation Anywhere Files\AA.Trigger.xml</t>
  </si>
  <si>
    <t>ff15bc17-d46f-4006-b3c6-9855197e0e42.tmp</t>
  </si>
  <si>
    <t>\\acsfs\profiles$\BRUNAAR\Downloads\ff15bc17-d46f-4006-b3c6-9855197e0e42.tmp</t>
  </si>
  <si>
    <t>Não confirmado 84752.crdownload</t>
  </si>
  <si>
    <t>\\acsfs\profiles$\BRUNAAR\Downloads\Não confirmado 84752.crdownload</t>
  </si>
  <si>
    <t>3e28be74-0c67-4e7c-b3dc-59bbb9e6135e.tmp</t>
  </si>
  <si>
    <t>\\acsfs\profiles$\BRUNAAR\Downloads\3e28be74-0c67-4e7c-b3dc-59bbb9e6135e.tmp</t>
  </si>
  <si>
    <t>Não confirmado 683310.crdownload</t>
  </si>
  <si>
    <t>\\acsfs\profiles$\BRUNAAR\Downloads\Não confirmado 683310.crdownload</t>
  </si>
  <si>
    <t>64232924-1880-42b4-aa2a-c02aab39d17b.tmp</t>
  </si>
  <si>
    <t>\\acsfs\profiles$\vivianalds\Downloads\64232924-1880-42b4-aa2a-c02aab39d17b.tmp</t>
  </si>
  <si>
    <t>lu145166npsg.tmp</t>
  </si>
  <si>
    <t>\\acsfs\profiles$\VIVIANALDS\My Documents\lu145166npsg.tmp</t>
  </si>
  <si>
    <t>\\acsfs\profiles$\VIVIANALDS\My Documents\lu145166npsg.tmp\</t>
  </si>
  <si>
    <t>\\acsfs\profiles$\VIVIANALDS\My Documents\lu145166npsg.tmp\META-INF\</t>
  </si>
  <si>
    <t>\\acsfs\profiles$\VIVIANALDS\My Documents\lu145166npsg.tmp\Thumbnails\</t>
  </si>
  <si>
    <t>f6b5118c-6e19-4fbb-941c-bd09a7752518.tmp</t>
  </si>
  <si>
    <t>\\acsfs\profiles$\vivianealda\Downloads\f6b5118c-6e19-4fbb-941c-bd09a7752518.tmp</t>
  </si>
  <si>
    <t>5b0b218a-2674-4f44-be76-4290a5011adc.tmp</t>
  </si>
  <si>
    <t>\\acsfs\profiles$\inarajst\Downloads\5b0b218a-2674-4f44-be76-4290a5011adc.tmp</t>
  </si>
  <si>
    <t>DANIELA COSTA (10).contact</t>
  </si>
  <si>
    <t>\\acsfs\profiles$\danielac\Contacts\DANIELA COSTA (10).contact</t>
  </si>
  <si>
    <t>\\acsfs\profiles$\danielac\Saved Games\</t>
  </si>
  <si>
    <t>\\acsfs\profiles$\danielac\Favorites\Links for Brasil\</t>
  </si>
  <si>
    <t>\\acsfs\profiles$\danielac\Favorites\Links for Brasil\desktop.ini</t>
  </si>
  <si>
    <t>\\acsfs\profiles$\danielac\Favorites\Links for Brasil\Microsoft Brasil.url</t>
  </si>
  <si>
    <t>\\acsfs\profiles$\danielac\Favorites\Links for Brasil\Windows Brasil.url</t>
  </si>
  <si>
    <t>\\acsfs\profiles$\danielac\Favorites\Links for Brasil\MSN Brasil.url</t>
  </si>
  <si>
    <t>2a9ed519-a832-4527-a9a4-edbbebd716c9.tmp</t>
  </si>
  <si>
    <t>\\acsfs\profiles$\dhiulliananads\Downloads\2a9ed519-a832-4527-a9a4-edbbebd716c9.tmp</t>
  </si>
  <si>
    <t>cbe7d472-435d-4764-ad44-a05d9422ad15.tmp</t>
  </si>
  <si>
    <t>\\acsfs\profiles$\BRUNAAR\Downloads\cbe7d472-435d-4764-ad44-a05d9422ad15.tmp</t>
  </si>
  <si>
    <t>Não confirmado 269198.crdownload</t>
  </si>
  <si>
    <t>\\acsfs\profiles$\BRUNAAR\Downloads\Não confirmado 269198.crdownload</t>
  </si>
  <si>
    <t>c95d8945-aeb7-4139-adb3-971dfa7476a8.tmp</t>
  </si>
  <si>
    <t>\\acsfs\profiles$\BRUNAAR\Downloads\c95d8945-aeb7-4139-adb3-971dfa7476a8.tmp</t>
  </si>
  <si>
    <t>e1deb550-6878-4370-a2b1-655f830f9851.tmp</t>
  </si>
  <si>
    <t>\\acsfs\profiles$\BRUNAAR\Downloads\e1deb550-6878-4370-a2b1-655f830f9851.tmp</t>
  </si>
  <si>
    <t>Q29udHJvbGxlci5JRS1JbmZvQlY- (4).ica</t>
  </si>
  <si>
    <t>\\acsfs\profiles$\BRUNAAR\Downloads\Q29udHJvbGxlci5JRS1JbmZvQlY- (4).ica</t>
  </si>
  <si>
    <t>10.200.67.184</t>
  </si>
  <si>
    <t>78-2B-CB-C1-06-18</t>
  </si>
  <si>
    <t>VOTORANT-FB018</t>
  </si>
  <si>
    <t>Camila Lemos Borges (2).contact</t>
  </si>
  <si>
    <t>\\acsfs\profiles$\camillaleb\Contacts\Camila Lemos Borges (2).contact</t>
  </si>
  <si>
    <t>70c6d9b2-aded-4a2e-8e44-d330366811cd.tmp</t>
  </si>
  <si>
    <t>\\acsfs\profiles$\sarahbal\Downloads\70c6d9b2-aded-4a2e-8e44-d330366811cd.tmp</t>
  </si>
  <si>
    <t>95e8bfe4-f2a1-4480-9def-db2a0e78b9ee.tmp</t>
  </si>
  <si>
    <t>\\acsfs\profiles$\anafsb\Downloads\95e8bfe4-f2a1-4480-9def-db2a0e78b9ee.tmp</t>
  </si>
  <si>
    <t>8a282014-2040-43a0-85df-4e192970db52.tmp</t>
  </si>
  <si>
    <t>\\acsfs\profiles$\danielac\Downloads\8a282014-2040-43a0-85df-4e192970db52.tmp</t>
  </si>
  <si>
    <t>d2fb6bd1-b8b5-4c2e-a7cd-0a1430f941c4.tmp</t>
  </si>
  <si>
    <t>\\acsfs\profiles$\danielac\Downloads\d2fb6bd1-b8b5-4c2e-a7cd-0a1430f941c4.tmp</t>
  </si>
  <si>
    <t>ba026058-fa1e-443b-85ce-79593b5b4b67.tmp</t>
  </si>
  <si>
    <t>\\acsfs\profiles$\danielac\Downloads\ba026058-fa1e-443b-85ce-79593b5b4b67.tmp</t>
  </si>
  <si>
    <t>4f026334-bc5a-466c-88ff-117d1b0dc26c.tmp</t>
  </si>
  <si>
    <t>\\acsfs\profiles$\danielac\Downloads\4f026334-bc5a-466c-88ff-117d1b0dc26c.tmp</t>
  </si>
  <si>
    <t>a90d07a0-e0a9-4453-882f-b5c6c8773d24.tmp</t>
  </si>
  <si>
    <t>\\acsfs\profiles$\danielac\Downloads\a90d07a0-e0a9-4453-882f-b5c6c8773d24.tmp</t>
  </si>
  <si>
    <t>1a5699e9-5460-4c38-8f28-d7f26b305c27.tmp</t>
  </si>
  <si>
    <t>\\acsfs\profiles$\rafaelahpn\Downloads\1a5699e9-5460-4c38-8f28-d7f26b305c27.tmp</t>
  </si>
  <si>
    <t>22e6d626-ba42-4108-b17d-e8933d203fd6.tmp</t>
  </si>
  <si>
    <t>\\acsfs\profiles$\BRUNAAR\Downloads\22e6d626-ba42-4108-b17d-e8933d203fd6.tmp</t>
  </si>
  <si>
    <t>lu1524011rjvd.tmp</t>
  </si>
  <si>
    <t>\\acsfs\profiles$\jonathanwap\lu1524011rjvd.tmp</t>
  </si>
  <si>
    <t>\\acsfs\profiles$\jonathanwap\lu1524011rjvd.tmp\</t>
  </si>
  <si>
    <t>\\acsfs\profiles$\jonathanwap\lu1524011rjvd.tmp\META-INF\</t>
  </si>
  <si>
    <t>\\acsfs\profiles$\jonathanwap\lu1524011rjvd.tmp\Thumbnails\</t>
  </si>
  <si>
    <t>232da9a1-3233-4f1f-a52e-827cbe6a6462.tmp</t>
  </si>
  <si>
    <t>\\acsfs\profiles$\lucasgpe\Downloads\232da9a1-3233-4f1f-a52e-827cbe6a6462.tmp</t>
  </si>
  <si>
    <t>\\acsfs\Deptos\Operacao\Banco_Votorantim\Comum\TV Mariana e Danndhara\Thumbs.db</t>
  </si>
  <si>
    <t>43b07a23-da34-4430-98a9-3c28ca2d95fb.tmp</t>
  </si>
  <si>
    <t>\\acsfs\profiles$\rafaelahpn\Downloads\43b07a23-da34-4430-98a9-3c28ca2d95fb.tmp</t>
  </si>
  <si>
    <t>6d913884-13c3-4e8f-9397-43660514c810.tmp</t>
  </si>
  <si>
    <t>\\acsfs\profiles$\rafaelahpn\Downloads\6d913884-13c3-4e8f-9397-43660514c810.tmp</t>
  </si>
  <si>
    <t>5ca9ba57-e82a-42f9-9a64-b79ff7f3ee0d.tmp</t>
  </si>
  <si>
    <t>\\acsfs\profiles$\rafaelahpn\Downloads\5ca9ba57-e82a-42f9-9a64-b79ff7f3ee0d.tmp</t>
  </si>
  <si>
    <t>38b3052b-1b7b-45ea-92d3-7253fa83d9bb.tmp</t>
  </si>
  <si>
    <t>\\acsfs\profiles$\nayarasds\Downloads\38b3052b-1b7b-45ea-92d3-7253fa83d9bb.tmp</t>
  </si>
  <si>
    <t>ac15666c-48b2-4579-9ff3-c7959d44ae40.tmp</t>
  </si>
  <si>
    <t>\\acsfs\profiles$\sarahbal\Downloads\ac15666c-48b2-4579-9ff3-c7959d44ae40.tmp</t>
  </si>
  <si>
    <t>1f33a203-e8f0-4b92-8d76-bcc23ec80f15.tmp</t>
  </si>
  <si>
    <t>\\acsfs\profiles$\gabrielarb\Downloads\1f33a203-e8f0-4b92-8d76-bcc23ec80f15.tmp</t>
  </si>
  <si>
    <t>f442540e-7a6e-463b-8d8c-2f06bb258b23.tmp</t>
  </si>
  <si>
    <t>\\acsfs\profiles$\gabrielarb\Downloads\f442540e-7a6e-463b-8d8c-2f06bb258b23.tmp</t>
  </si>
  <si>
    <t>27c1ccec-3681-4a6b-b509-4ff6b5a63968.tmp</t>
  </si>
  <si>
    <t>\\acsfs\profiles$\gabrielarb\Downloads\27c1ccec-3681-4a6b-b509-4ff6b5a63968.tmp</t>
  </si>
  <si>
    <t>0d9601b7-ffc3-49d4-823c-d5fde1de7786.tmp</t>
  </si>
  <si>
    <t>\\acsfs\profiles$\vivianalds\Downloads\0d9601b7-ffc3-49d4-823c-d5fde1de7786.tmp</t>
  </si>
  <si>
    <t>5d8bcad9-3806-4175-812d-709409c60d2c.tmp</t>
  </si>
  <si>
    <t>\\acsfs\profiles$\wenderbnm\Downloads\5d8bcad9-3806-4175-812d-709409c60d2c.tmp</t>
  </si>
  <si>
    <t>f93c289c-33da-4ac7-befa-0750857a691e.tmp</t>
  </si>
  <si>
    <t>\\acsfs\profiles$\wenderbnm\Downloads\f93c289c-33da-4ac7-befa-0750857a691e.tmp</t>
  </si>
  <si>
    <t>4a9f4c4c-b32c-4756-a8c5-f37d5219540e.tmp</t>
  </si>
  <si>
    <t>\\acsfs\profiles$\ALYNYA\Downloads\4a9f4c4c-b32c-4756-a8c5-f37d5219540e.tmp</t>
  </si>
  <si>
    <t>d26eba2b-22a3-4933-b96a-8791c3677f12.tmp</t>
  </si>
  <si>
    <t>\\acsfs\profiles$\vivianealda\Downloads\d26eba2b-22a3-4933-b96a-8791c3677f12.tmp</t>
  </si>
  <si>
    <t>51cf3095-937d-4364-871b-b29a3a5f77a7.tmp</t>
  </si>
  <si>
    <t>\\acsfs\profiles$\paulovadc\Downloads\51cf3095-937d-4364-871b-b29a3a5f77a7.tmp</t>
  </si>
  <si>
    <t>8fda02a7-877a-4e98-824c-8a9bd5638459.tmp</t>
  </si>
  <si>
    <t>\\acsfs\profiles$\gabrielaff\Downloads\8fda02a7-877a-4e98-824c-8a9bd5638459.tmp</t>
  </si>
  <si>
    <t>1f8a091e-ab15-41c4-a016-4700eab2c722.tmp</t>
  </si>
  <si>
    <t>\\acsfs\profiles$\paulovadc\Downloads\1f8a091e-ab15-41c4-a016-4700eab2c722.tmp</t>
  </si>
  <si>
    <t>7c243dbe-c7de-425a-bff2-9ae5d5985c1c.tmp</t>
  </si>
  <si>
    <t>\\acsfs\profiles$\ROZENCAM\Downloads\7c243dbe-c7de-425a-bff2-9ae5d5985c1c.tmp</t>
  </si>
  <si>
    <t>7d1f8cb0-6b49-4c7f-8d66-63a174e9eb83.tmp</t>
  </si>
  <si>
    <t>\\acsfs\profiles$\ROZENCAM\Downloads\7d1f8cb0-6b49-4c7f-8d66-63a174e9eb83.tmp</t>
  </si>
  <si>
    <t>2286f623-fe2c-4a43-8c7a-a0baf2ce4232.tmp</t>
  </si>
  <si>
    <t>\\acsfs\profiles$\danielac\Downloads\2286f623-fe2c-4a43-8c7a-a0baf2ce4232.tmp</t>
  </si>
  <si>
    <t>https://catianalv@algartech.com,cpc-controldeskavon@algartech.com,joseasn@algartech.com,lucianarsantos@algartech.com,marianadjc@algartech.com,senildapdo@algartecnologia.com.br</t>
  </si>
  <si>
    <t>c487d749-b391-4858-882b-d7cc3b37440f.tmp</t>
  </si>
  <si>
    <t>\\acsfs\profiles$\leonardobb\Downloads\c487d749-b391-4858-882b-d7cc3b37440f.tmp</t>
  </si>
  <si>
    <t>2210a2a6-dd95-4850-86a9-03a25dceb02a.tmp</t>
  </si>
  <si>
    <t>\\acsfs\profiles$\leonardobb\Downloads\2210a2a6-dd95-4850-86a9-03a25dceb02a.tmp</t>
  </si>
  <si>
    <t>742bcc03-418b-494a-b737-f32504fa8078.tmp</t>
  </si>
  <si>
    <t>\\acsfs\profiles$\ERICALSR\Downloads\742bcc03-418b-494a-b737-f32504fa8078.tmp</t>
  </si>
  <si>
    <t>3f692d5a-6872-43d9-bd54-780d968775d9.tmp</t>
  </si>
  <si>
    <t>\\acsfs\profiles$\ERICALSR\Downloads\3f692d5a-6872-43d9-bd54-780d968775d9.tmp</t>
  </si>
  <si>
    <t>362980f5-5fef-492d-adbf-cceaa8cc2791.tmp</t>
  </si>
  <si>
    <t>\\acsfs\profiles$\nathaliarmr\Downloads\362980f5-5fef-492d-adbf-cceaa8cc2791.tmp</t>
  </si>
  <si>
    <t>7f13c403-b2eb-405e-a5f9-8966e3618c27.tmp</t>
  </si>
  <si>
    <t>\\acsfs\profiles$\nathaliarmr\Downloads\7f13c403-b2eb-405e-a5f9-8966e3618c27.tmp</t>
  </si>
  <si>
    <t>3f4713b5-2778-4adb-9707-575009bb459f.tmp</t>
  </si>
  <si>
    <t>\\acsfs\profiles$\rafaelahpn\Downloads\3f4713b5-2778-4adb-9707-575009bb459f.tmp</t>
  </si>
  <si>
    <t>38c32e45-752b-4634-9f44-8eaabfe79e1f.tmp</t>
  </si>
  <si>
    <t>\\acsfs\profiles$\nayarasds\Downloads\38c32e45-752b-4634-9f44-8eaabfe79e1f.tmp</t>
  </si>
  <si>
    <t>7bbbf330-a88d-48f9-9e1f-746aa4103748.tmp</t>
  </si>
  <si>
    <t>\\acsfs\profiles$\nayarasds\Downloads\7bbbf330-a88d-48f9-9e1f-746aa4103748.tmp</t>
  </si>
  <si>
    <t>28063c91-b47e-4662-bf2d-e54800bb6eed.tmp</t>
  </si>
  <si>
    <t>\\acsfs\profiles$\nayarasds\Downloads\28063c91-b47e-4662-bf2d-e54800bb6eed.tmp</t>
  </si>
  <si>
    <t>c22280ee-7174-484b-9a20-d451fb1986cd.tmp</t>
  </si>
  <si>
    <t>\\acsfs\profiles$\luanaagl\Downloads\c22280ee-7174-484b-9a20-d451fb1986cd.tmp</t>
  </si>
  <si>
    <t>e75420ec-919a-4d25-af74-e4b6090744c8.tmp</t>
  </si>
  <si>
    <t>\\acsfs\profiles$\luanaagl\Downloads\e75420ec-919a-4d25-af74-e4b6090744c8.tmp</t>
  </si>
  <si>
    <t>35784712-21e9-4dfd-a8f5-63f1dae6f718.tmp</t>
  </si>
  <si>
    <t>\\acsfs\profiles$\luanaagl\Downloads\35784712-21e9-4dfd-a8f5-63f1dae6f718.tmp</t>
  </si>
  <si>
    <t>35f27133-c695-4636-984c-2bbbde2755a7.tmp</t>
  </si>
  <si>
    <t>\\acsfs\profiles$\luanarda\Downloads\35f27133-c695-4636-984c-2bbbde2755a7.tmp</t>
  </si>
  <si>
    <t>d2649f45-6870-4340-8abd-6e086c8eaa9a.tmp</t>
  </si>
  <si>
    <t>\\acsfs\profiles$\gabrielarb\Downloads\d2649f45-6870-4340-8abd-6e086c8eaa9a.tmp</t>
  </si>
  <si>
    <t>46bb426c-8439-4274-b1d1-a7ec02ed9908.tmp</t>
  </si>
  <si>
    <t>\\acsfs\profiles$\marcellewdl\Downloads\46bb426c-8439-4274-b1d1-a7ec02ed9908.tmp</t>
  </si>
  <si>
    <t>4ec18208-5298-4ea8-bb17-1635f51f8975.tmp</t>
  </si>
  <si>
    <t>\\acsfs\profiles$\vivianealda\Downloads\4ec18208-5298-4ea8-bb17-1635f51f8975.tmp</t>
  </si>
  <si>
    <t>f58581f1-6a22-41e0-9680-8b05cdfcfc92.tmp</t>
  </si>
  <si>
    <t>\\acsfs\profiles$\felipetds\Downloads\f58581f1-6a22-41e0-9680-8b05cdfcfc92.tmp</t>
  </si>
  <si>
    <t>1f97bf5f-6eaa-4a26-929d-76e216275c72.tmp</t>
  </si>
  <si>
    <t>\\acsfs\profiles$\felipetds\Downloads\1f97bf5f-6eaa-4a26-929d-76e216275c72.tmp</t>
  </si>
  <si>
    <t>b913e4c9-1b64-44ea-973c-5ddc54d9f9a9.tmp</t>
  </si>
  <si>
    <t>\\acsfs\profiles$\gabrielaff\Downloads\b913e4c9-1b64-44ea-973c-5ddc54d9f9a9.tmp</t>
  </si>
  <si>
    <t>0f424c9a-d2c8-445e-b6df-675a5d1b1762.tmp</t>
  </si>
  <si>
    <t>\\acsfs\profiles$\laianear\Downloads\0f424c9a-d2c8-445e-b6df-675a5d1b1762.tmp</t>
  </si>
  <si>
    <t>f05f36a2-473f-41e7-8ef3-feacdaca8c0b.tmp</t>
  </si>
  <si>
    <t>\\acsfs\profiles$\laianear\Downloads\f05f36a2-473f-41e7-8ef3-feacdaca8c0b.tmp</t>
  </si>
  <si>
    <t>7f8ef6c3-6ee0-4573-9c15-66f30e5f618f.tmp</t>
  </si>
  <si>
    <t>\\acsfs\profiles$\quindaizaagds\Downloads\7f8ef6c3-6ee0-4573-9c15-66f30e5f618f.tmp</t>
  </si>
  <si>
    <t>8932c4f8-4335-41f7-8d81-51c12f38bdf6.tmp</t>
  </si>
  <si>
    <t>\\acsfs\profiles$\quindaizaagds\Downloads\8932c4f8-4335-41f7-8d81-51c12f38bdf6.tmp</t>
  </si>
  <si>
    <t>d388afcb-22eb-4ce7-a12a-369499de376d.tmp</t>
  </si>
  <si>
    <t>\\acsfs\profiles$\quindaizaagds\Downloads\d388afcb-22eb-4ce7-a12a-369499de376d.tmp</t>
  </si>
  <si>
    <t>e235a66b-3e96-46c6-815f-d265139eb0c0.tmp</t>
  </si>
  <si>
    <t>\\acsfs\profiles$\quindaizaagds\Downloads\e235a66b-3e96-46c6-815f-d265139eb0c0.tmp</t>
  </si>
  <si>
    <t>89471eea-e88f-4fed-9d1d-5f198f0a79d1.tmp</t>
  </si>
  <si>
    <t>\\acsfs\profiles$\luanaagl\Downloads\89471eea-e88f-4fed-9d1d-5f198f0a79d1.tmp</t>
  </si>
  <si>
    <t>10ec9e73-c70a-4fee-ba03-47fb755d925c.tmp</t>
  </si>
  <si>
    <t>\\acsfs\profiles$\luanarda\Downloads\10ec9e73-c70a-4fee-ba03-47fb755d925c.tmp</t>
  </si>
  <si>
    <t>3b8b44c3-02c2-4abf-83e9-f6bc8b986546.tmp</t>
  </si>
  <si>
    <t>\\acsfs\profiles$\gabrielarb\Downloads\3b8b44c3-02c2-4abf-83e9-f6bc8b986546.tmp</t>
  </si>
  <si>
    <t>e31a6b19-72c1-43d2-8a9d-944d412f1887.tmp</t>
  </si>
  <si>
    <t>\\acsfs\profiles$\marcellewdl\Downloads\e31a6b19-72c1-43d2-8a9d-944d412f1887.tmp</t>
  </si>
  <si>
    <t>63544e64-0dc5-432e-a7e4-4ef40fa2ff11.tmp</t>
  </si>
  <si>
    <t>\\acsfs\profiles$\mariajra\Downloads\63544e64-0dc5-432e-a7e4-4ef40fa2ff11.tmp</t>
  </si>
  <si>
    <t>57524570-197f-4de7-9d1a-05b2d0b8ed31.tmp</t>
  </si>
  <si>
    <t>\\acsfs\profiles$\geovannasm\Downloads\57524570-197f-4de7-9d1a-05b2d0b8ed31.tmp</t>
  </si>
  <si>
    <t>f0ffa886-5fa6-4c48-908b-cc33d55ef9f8.tmp</t>
  </si>
  <si>
    <t>\\acsfs\profiles$\nathaliarmr\Downloads\f0ffa886-5fa6-4c48-908b-cc33d55ef9f8.tmp</t>
  </si>
  <si>
    <t>Transferencia.docx</t>
  </si>
  <si>
    <t>\\acsfs\profiles$\BRUNAAR\Numero\Transferencia.docx</t>
  </si>
  <si>
    <t>adb62399-3224-4e67-a5ed-85446f06c0ee.tmp</t>
  </si>
  <si>
    <t>\\acsfs\profiles$\milenaas\Downloads\adb62399-3224-4e67-a5ed-85446f06c0ee.tmp</t>
  </si>
  <si>
    <t>1fda5b55-51c8-4f27-8f09-4e02eec8b47e.tmp</t>
  </si>
  <si>
    <t>\\acsfs\profiles$\nayarasds\Downloads\1fda5b55-51c8-4f27-8f09-4e02eec8b47e.tmp</t>
  </si>
  <si>
    <t>577eb491-fc95-4362-b711-b4eaddc37bbd.tmp</t>
  </si>
  <si>
    <t>\\acsfs\profiles$\gabrielarb\Downloads\577eb491-fc95-4362-b711-b4eaddc37bbd.tmp</t>
  </si>
  <si>
    <t>105cb096-e861-4edc-a35b-5853c46e9217.tmp</t>
  </si>
  <si>
    <t>\\acsfs\profiles$\ANAPDSB\Downloads\105cb096-e861-4edc-a35b-5853c46e9217.tmp</t>
  </si>
  <si>
    <t>09bc9294-267f-45e2-be05-c348e069147e.tmp</t>
  </si>
  <si>
    <t>\\acsfs\profiles$\ANAPDSB\Downloads\09bc9294-267f-45e2-be05-c348e069147e.tmp</t>
  </si>
  <si>
    <t>TOYOTA CHAT - INTRADIARIO - JANEIRO.xlsm</t>
  </si>
  <si>
    <t>\\acsfs\DEPTOS\Operacao\PCP\5 - Comum\ACOMPANHAMENTO TOYOTA\01 - INTRADIÁRIO\2020\01 - JANEIRO\CRC\TOYOTA CHAT - INTRADIARIO - JANEIRO.xlsm</t>
  </si>
  <si>
    <t>\\acsfs\DEPTOS\Operacao\PCP\5 - Comum\ACOMPANHAMENTO TOYOTA\01 - INTRADIÁRIO\2020\01 - JANEIRO\MOBILITY\</t>
  </si>
  <si>
    <t>TOYOTA MOBILITY - INTRADIÁRIO - JANEIRO.xlsm</t>
  </si>
  <si>
    <t>\\acsfs\DEPTOS\Operacao\PCP\5 - Comum\ACOMPANHAMENTO TOYOTA\01 - INTRADIÁRIO\2020\01 - JANEIRO\MOBILITY\TOYOTA MOBILITY - INTRADIÁRIO - JANEIRO.xlsm</t>
  </si>
  <si>
    <t>caf500f4-4073-4c6a-8118-43904217b4f1.tmp</t>
  </si>
  <si>
    <t>\\acsfs\profiles$\milenaas\Downloads\caf500f4-4073-4c6a-8118-43904217b4f1.tmp</t>
  </si>
  <si>
    <t>cb22ec90-83b0-40d3-b455-f531467b7765.tmp</t>
  </si>
  <si>
    <t>\\acsfs\profiles$\milenaas\Downloads\cb22ec90-83b0-40d3-b455-f531467b7765.tmp</t>
  </si>
  <si>
    <t>eb7d1cfc-d619-47e3-a502-58af92382522.tmp</t>
  </si>
  <si>
    <t>\\acsfs\profiles$\antoniosva\Downloads\eb7d1cfc-d619-47e3-a502-58af92382522.tmp</t>
  </si>
  <si>
    <t>da1197e8-c89b-4f64-b0b7-7d8827168570.tmp</t>
  </si>
  <si>
    <t>\\acsfs\profiles$\antoniosva\Downloads\da1197e8-c89b-4f64-b0b7-7d8827168570.tmp</t>
  </si>
  <si>
    <t>64867869-3fc6-4381-a276-3fbc7927e1f7.tmp</t>
  </si>
  <si>
    <t>\\acsfs\profiles$\antoniosva\Downloads\64867869-3fc6-4381-a276-3fbc7927e1f7.tmp</t>
  </si>
  <si>
    <t>05a0b01f-a3e3-471b-bfac-89d6749e6df1.tmp</t>
  </si>
  <si>
    <t>\\acsfs\profiles$\antoniosva\Downloads\05a0b01f-a3e3-471b-bfac-89d6749e6df1.tmp</t>
  </si>
  <si>
    <t>52d01c96-a2f1-4cd1-ad22-5ba2053b83be.tmp</t>
  </si>
  <si>
    <t>\\acsfs\profiles$\antoniosva\Downloads\52d01c96-a2f1-4cd1-ad22-5ba2053b83be.tmp</t>
  </si>
  <si>
    <t>dcdcd76a-f8b9-4877-a937-124b147e1c04.tmp</t>
  </si>
  <si>
    <t>\\acsfs\profiles$\antoniosva\Downloads\dcdcd76a-f8b9-4877-a937-124b147e1c04.tmp</t>
  </si>
  <si>
    <t>2a55c7f0-9d90-4e9f-876c-73dde98db560.tmp</t>
  </si>
  <si>
    <t>\\acsfs\profiles$\antoniosva\Downloads\2a55c7f0-9d90-4e9f-876c-73dde98db560.tmp</t>
  </si>
  <si>
    <t>fee0d2bb-7019-479a-b7ff-25e2f3906108.tmp</t>
  </si>
  <si>
    <t>\\acsfs\profiles$\antoniosva\Downloads\fee0d2bb-7019-479a-b7ff-25e2f3906108.tmp</t>
  </si>
  <si>
    <t>b2b08aa5-c3cb-4ee6-a3d7-4dbfd09388f7.tmp</t>
  </si>
  <si>
    <t>\\acsfs\profiles$\antoniosva\Downloads\b2b08aa5-c3cb-4ee6-a3d7-4dbfd09388f7.tmp</t>
  </si>
  <si>
    <t>53f05f0b-a756-4774-ba6b-89cfb57eefdf.tmp</t>
  </si>
  <si>
    <t>\\acsfs\profiles$\antoniosva\Downloads\53f05f0b-a756-4774-ba6b-89cfb57eefdf.tmp</t>
  </si>
  <si>
    <t>1a3f09d6-4bf4-4ca3-b50b-aa870eba6ec2.tmp</t>
  </si>
  <si>
    <t>\\acsfs\profiles$\geovannasm\Downloads\1a3f09d6-4bf4-4ca3-b50b-aa870eba6ec2.tmp</t>
  </si>
  <si>
    <t>andrelpsa@algartech.com;supervisaobancovotorantim@algartech.com;</t>
  </si>
  <si>
    <t>andrelpsa@algartech.com,supervisaobancovotorantim@algartech.com</t>
  </si>
  <si>
    <t>https://webpoolbl20a29.infra.lync.com/webticket/webticketservice.svc/oauth</t>
  </si>
  <si>
    <t>https://outlook.office365.com/mapi/nspi/?mailboxid=72ff94cc-38be-4102-b180-a6ad5c6232a9@algartech.com</t>
  </si>
  <si>
    <t>andrelpsa@algartech.com;mirianppb@algartech.com;qualidadealgarbv@algartech.com;supervisaobancovotorantim@algartech.com;talmaiardo@algartech.com;</t>
  </si>
  <si>
    <t>andrelpsa@algartech.com,mirianppb@algartech.com,qualidadealgarbv@algartech.com,supervisaobancovotorantim@algartech.com,talmaiardo@algartech.com</t>
  </si>
  <si>
    <t>cpc-controldeskavon@algartech.com;joseasn@algartech.com;</t>
  </si>
  <si>
    <t>cpc-controldeskavon@algartech.com,joseasn@algartech.com</t>
  </si>
  <si>
    <t>f48c6235-c983-4af3-94bb-50c946a92a89.tmp</t>
  </si>
  <si>
    <t>\\acsfs\profiles$\quindaizaagds\Downloads\f48c6235-c983-4af3-94bb-50c946a92a89.tmp</t>
  </si>
  <si>
    <t>ce74f683-1385-4477-86f9-69a51789d7dd.tmp</t>
  </si>
  <si>
    <t>\\acsfs\profiles$\quindaizaagds\Downloads\ce74f683-1385-4477-86f9-69a51789d7dd.tmp</t>
  </si>
  <si>
    <t>f6ef120c-6ede-428e-9510-00aaf63acb8e.tmp</t>
  </si>
  <si>
    <t>\\acsfs\profiles$\quindaizaagds\Downloads\f6ef120c-6ede-428e-9510-00aaf63acb8e.tmp</t>
  </si>
  <si>
    <t>069f0c3a-9864-43af-a6f0-2db9aa75f464.tmp</t>
  </si>
  <si>
    <t>\\acsfs\profiles$\quindaizaagds\Downloads\069f0c3a-9864-43af-a6f0-2db9aa75f464.tmp</t>
  </si>
  <si>
    <t>44e40db8-bf7c-452a-a323-84ed876d8c63.tmp</t>
  </si>
  <si>
    <t>\\acsfs\profiles$\quindaizaagds\Downloads\44e40db8-bf7c-452a-a323-84ed876d8c63.tmp</t>
  </si>
  <si>
    <t>dff449f7-3381-4875-83f3-09840305d0a5.tmp</t>
  </si>
  <si>
    <t>\\acsfs\profiles$\larissaad\Downloads\dff449f7-3381-4875-83f3-09840305d0a5.tmp</t>
  </si>
  <si>
    <t>15b18ae2-9717-4b17-a70f-5c112268b966.tmp</t>
  </si>
  <si>
    <t>\\acsfs\profiles$\larissaad\Downloads\15b18ae2-9717-4b17-a70f-5c112268b966.tmp</t>
  </si>
  <si>
    <t>78e15642-79bb-46a2-bd72-b60bf2eaa653.tmp</t>
  </si>
  <si>
    <t>\\acsfs\profiles$\larissaad\Downloads\78e15642-79bb-46a2-bd72-b60bf2eaa653.tmp</t>
  </si>
  <si>
    <t>68dd182c-93e1-4b7c-a805-b4091299532d.tmp</t>
  </si>
  <si>
    <t>\\acsfs\profiles$\larissaad\Downloads\68dd182c-93e1-4b7c-a805-b4091299532d.tmp</t>
  </si>
  <si>
    <t>a5488735-9592-4f43-9bbe-a8a2f505a120.tmp</t>
  </si>
  <si>
    <t>\\acsfs\profiles$\larissaad\Downloads\a5488735-9592-4f43-9bbe-a8a2f505a120.tmp</t>
  </si>
  <si>
    <t>e9b2d023-cd4f-402b-9fe8-5b6c30b669a5.tmp</t>
  </si>
  <si>
    <t>\\acsfs\profiles$\milenaas\Downloads\e9b2d023-cd4f-402b-9fe8-5b6c30b669a5.tmp</t>
  </si>
  <si>
    <t>10.200.57.221</t>
  </si>
  <si>
    <t>D8-9C-67-6F-2A-EF</t>
  </si>
  <si>
    <t>C:\Users\denisevca\Desktop\IMPLANTAÇÃO\</t>
  </si>
  <si>
    <t>VALIDAÇÃO PO's TIM - Base Engeset 04_12.xlsx</t>
  </si>
  <si>
    <t>689e3c28-e30f-4f10-ba05-e4637745a50f.tmp</t>
  </si>
  <si>
    <t>\\acsfs\profiles$\luanarda\Downloads\689e3c28-e30f-4f10-ba05-e4637745a50f.tmp</t>
  </si>
  <si>
    <t>8bf5ceb9-6de3-4aa9-9d9b-648d1b56a734.tmp</t>
  </si>
  <si>
    <t>\\acsfs\profiles$\gabrielarb\Downloads\8bf5ceb9-6de3-4aa9-9d9b-648d1b56a734.tmp</t>
  </si>
  <si>
    <t>C:\Users\lucashdsi\Downloads\</t>
  </si>
  <si>
    <t>Formulário para Acionamento de Transferências V5_DUW_TMG_TSP.xlsx</t>
  </si>
  <si>
    <t>a2787797-196a-4061-a810-a78d294b1dc3.tmp</t>
  </si>
  <si>
    <t>\\acsfs\profiles$\geovannasm\Downloads\a2787797-196a-4061-a810-a78d294b1dc3.tmp</t>
  </si>
  <si>
    <t>4465db35-9dd2-405d-8066-24349051a757.tmp</t>
  </si>
  <si>
    <t>\\acsfs\profiles$\geovannasm\Downloads\4465db35-9dd2-405d-8066-24349051a757.tmp</t>
  </si>
  <si>
    <t>71549d6a-5b24-4a02-b87c-4fb677cdc7e3.tmp</t>
  </si>
  <si>
    <t>\\acsfs\profiles$\gabrielaff\Downloads\71549d6a-5b24-4a02-b87c-4fb677cdc7e3.tmp</t>
  </si>
  <si>
    <t>bd10aba4-3308-4630-9b19-53b61053c6a7.tmp</t>
  </si>
  <si>
    <t>\\acsfs\profiles$\gabrielaff\Downloads\bd10aba4-3308-4630-9b19-53b61053c6a7.tmp</t>
  </si>
  <si>
    <t>7188d4b8-6f17-44ef-a64b-9810eeff82fb.tmp</t>
  </si>
  <si>
    <t>\\acsfs\profiles$\gabrielaff\Downloads\7188d4b8-6f17-44ef-a64b-9810eeff82fb.tmp</t>
  </si>
  <si>
    <t>dc4f46db-08c1-4e71-a904-d61ff230e3bc.tmp</t>
  </si>
  <si>
    <t>\\acsfs\profiles$\gabrielaff\Downloads\dc4f46db-08c1-4e71-a904-d61ff230e3bc.tmp</t>
  </si>
  <si>
    <t>100014123564284;</t>
  </si>
  <si>
    <t>https://100014123564284</t>
  </si>
  <si>
    <t>mail.google.com/sync/u/0/i/s?hl=pt-BR&amp;c=334</t>
  </si>
  <si>
    <t>100014122394468;cpc-controldeskavon@algartech.com;joseasn@algartech.com;leonardoao@algartech.com;</t>
  </si>
  <si>
    <t>100014122394468,cpc-controldeskavon@algartech.com,joseasn@algartech.com,leonardoao@algartech.com</t>
  </si>
  <si>
    <t>1ddd363f-927c-4a04-927e-3d0d77d82af4.tmp</t>
  </si>
  <si>
    <t>\\acsfs\profiles$\rafaelamsv\Downloads\1ddd363f-927c-4a04-927e-3d0d77d82af4.tmp</t>
  </si>
  <si>
    <t>f96b6c8d-7a42-4dbf-9ba9-bc91bb1fa796.tmp</t>
  </si>
  <si>
    <t>\\acsfs\profiles$\rafaelamsv\Downloads\f96b6c8d-7a42-4dbf-9ba9-bc91bb1fa796.tmp</t>
  </si>
  <si>
    <t>d53004f3-904b-450d-ae4b-6cc6f4495c52.tmp</t>
  </si>
  <si>
    <t>\\acsfs\profiles$\rafaelamsv\Downloads\d53004f3-904b-450d-ae4b-6cc6f4495c52.tmp</t>
  </si>
  <si>
    <t>3c577c42-c5d8-45e0-b414-2f9e1bcca9aa.tmp</t>
  </si>
  <si>
    <t>\\acsfs\profiles$\geovannasm\Downloads\3c577c42-c5d8-45e0-b414-2f9e1bcca9aa.tmp</t>
  </si>
  <si>
    <t>0a17cae6-7681-4caf-a0b2-7af4ba7a4ffa.tmp</t>
  </si>
  <si>
    <t>\\acsfs\profiles$\KARENDSR\Downloads\0a17cae6-7681-4caf-a0b2-7af4ba7a4ffa.tmp</t>
  </si>
  <si>
    <t>fb98b219-30dd-4366-a34e-94de58f88710.tmp</t>
  </si>
  <si>
    <t>\\acsfs\profiles$\KARENDSR\Downloads\fb98b219-30dd-4366-a34e-94de58f88710.tmp</t>
  </si>
  <si>
    <t>0153dfb9-cd63-44f4-9820-f908a4765e70.tmp</t>
  </si>
  <si>
    <t>\\acsfs\profiles$\KARENDSR\Downloads\0153dfb9-cd63-44f4-9820-f908a4765e70.tmp</t>
  </si>
  <si>
    <t>5ada5941-f335-40a1-bc5e-137b4f13f322.tmp</t>
  </si>
  <si>
    <t>\\acsfs\profiles$\KARENDSR\Downloads\5ada5941-f335-40a1-bc5e-137b4f13f322.tmp</t>
  </si>
  <si>
    <t>652cd61d-1fe4-4c00-9150-ed79ff1c9995.tmp</t>
  </si>
  <si>
    <t>\\acsfs\profiles$\paulovadc\Downloads\652cd61d-1fe4-4c00-9150-ed79ff1c9995.tmp</t>
  </si>
  <si>
    <t>fa41f08a-2e3b-4d17-9641-6d7f557c8f23.tmp</t>
  </si>
  <si>
    <t>\\acsfs\profiles$\THYAGOSP\Downloads\fa41f08a-2e3b-4d17-9641-6d7f557c8f23.tmp</t>
  </si>
  <si>
    <t>2ada1f68-9726-4010-9967-f29f3e54b16e.tmp</t>
  </si>
  <si>
    <t>\\acsfs\profiles$\THYAGOSP\Downloads\2ada1f68-9726-4010-9967-f29f3e54b16e.tmp</t>
  </si>
  <si>
    <t>9f5d2081-56aa-4408-bca7-6b4ae7915238.tmp</t>
  </si>
  <si>
    <t>\\acsfs\profiles$\nathaliarmr\Downloads\9f5d2081-56aa-4408-bca7-6b4ae7915238.tmp</t>
  </si>
  <si>
    <t>621527a4-70c9-4d1a-938f-cbc0d81e6d68.tmp</t>
  </si>
  <si>
    <t>\\acsfs\profiles$\gabrielarb\Downloads\621527a4-70c9-4d1a-938f-cbc0d81e6d68.tmp</t>
  </si>
  <si>
    <t>1f3a941c-4cee-4172-a6ee-fb3c8d691783.tmp</t>
  </si>
  <si>
    <t>\\acsfs\profiles$\gabrielarb\Downloads\1f3a941c-4cee-4172-a6ee-fb3c8d691783.tmp</t>
  </si>
  <si>
    <t>\\acsfs\DEPTOS\Operacao\Banco_Votorantim\Qualidade\Paulo\Farol de Qualidade\Janeiro\</t>
  </si>
  <si>
    <t>Relatorio Farol nice.xls</t>
  </si>
  <si>
    <t>\\acsfs\DEPTOS\Operacao\Banco_Votorantim\Qualidade\Paulo\Farol de Qualidade\Janeiro\Relatorio Farol nice.xls</t>
  </si>
  <si>
    <t>C:\Users\rodrigombu\OneDrive - Grupo Algar\Whirlpool\2019\12 - Dezembro\Arquivos\FAROL CHURN\</t>
  </si>
  <si>
    <t>Base BW % Conversão - Dez -2019 - Parcial - 20 -12-19.xlsm</t>
  </si>
  <si>
    <t>0245eb6d-6b25-450d-ad42-aab10c8a5d44.tmp</t>
  </si>
  <si>
    <t>\\acsfs\profiles$\felipetds\Downloads\0245eb6d-6b25-450d-ad42-aab10c8a5d44.tmp</t>
  </si>
  <si>
    <t>07df9804-a0f2-4b93-8703-e5e7c446d537.tmp</t>
  </si>
  <si>
    <t>\\acsfs\profiles$\gabrielaff\Downloads\07df9804-a0f2-4b93-8703-e5e7c446d537.tmp</t>
  </si>
  <si>
    <t>3d623299-883c-4dcf-b17e-3aab93036264.tmp</t>
  </si>
  <si>
    <t>\\acsfs\profiles$\gabrielaff\Downloads\3d623299-883c-4dcf-b17e-3aab93036264.tmp</t>
  </si>
  <si>
    <t>a07a6e3f-4304-4bbb-be60-da0113167b0c.tmp</t>
  </si>
  <si>
    <t>\\acsfs\profiles$\lorrainerdl\Downloads\a07a6e3f-4304-4bbb-be60-da0113167b0c.tmp</t>
  </si>
  <si>
    <t>75145e57-f756-4858-9bd6-66a6ebba21a2.tmp</t>
  </si>
  <si>
    <t>\\acsfs\profiles$\lorrainerdl\Downloads\75145e57-f756-4858-9bd6-66a6ebba21a2.tmp</t>
  </si>
  <si>
    <t>6f97b3ef-2231-4bb9-b41f-c97b57ddf77b.tmp</t>
  </si>
  <si>
    <t>\\acsfs\profiles$\lorrainerdl\Downloads\6f97b3ef-2231-4bb9-b41f-c97b57ddf77b.tmp</t>
  </si>
  <si>
    <t>\\acsfs\DEPTOS\Operacao\Banco_Votorantim\Supervisao\SUPERS BV CARTÕES\LAYOUT TV´S\Thumbs.db</t>
  </si>
  <si>
    <t>\\acsfs\DEPTOS\Operacao\Banco_Votorantim\Supervisao\SUPERS BV CARTÕES\LAYOUT TV´S\</t>
  </si>
  <si>
    <t>.~lock.slide tvs.odp#</t>
  </si>
  <si>
    <t>\\acsfs\DEPTOS\Operacao\Banco_Votorantim\Supervisao\SUPERS BV CARTÕES\LAYOUT TV´S\.~lock.slide tvs.odp#</t>
  </si>
  <si>
    <t>\\acsfs\DEPTOS\Operacao\Banco_Votorantim\Supervisao\SUPERS BV CARTÕES\LAYOUT TV´S\.~lock.Layout TV Vendas 3.1.ppt#</t>
  </si>
  <si>
    <t>.~lock.Layout TV Vendas 2.4.ppt#</t>
  </si>
  <si>
    <t>\\acsfs\DEPTOS\Operacao\Banco_Votorantim\Supervisao\SUPERS BV CARTÕES\LAYOUT TV´S\.~lock.Layout TV Vendas 2.4.ppt#</t>
  </si>
  <si>
    <t>mail.google.com/sync/u/0/i/s?hl=pt-BR&amp;c=376</t>
  </si>
  <si>
    <t>39a5ccb4-6f55-4a4a-a136-ac2e2f3f6042.tmp</t>
  </si>
  <si>
    <t>\\acsfs\profiles$\nataliacsl\Downloads\39a5ccb4-6f55-4a4a-a136-ac2e2f3f6042.tmp</t>
  </si>
  <si>
    <t>f848de79-a500-44e9-bfde-01f9739721f5.tmp</t>
  </si>
  <si>
    <t>\\acsfs\profiles$\nataliacsl\Downloads\f848de79-a500-44e9-bfde-01f9739721f5.tmp</t>
  </si>
  <si>
    <t>05947479-9ff4-4ef3-901c-6a7327760e6a.tmp</t>
  </si>
  <si>
    <t>\\acsfs\profiles$\lorraynevam\Downloads\05947479-9ff4-4ef3-901c-6a7327760e6a.tmp</t>
  </si>
  <si>
    <t>8e06f177-e866-430b-9ac7-7d0a7ea042e5.tmp</t>
  </si>
  <si>
    <t>\\acsfs\profiles$\lorraynevam\Downloads\8e06f177-e866-430b-9ac7-7d0a7ea042e5.tmp</t>
  </si>
  <si>
    <t>c8e27e79-ba38-436a-a09e-824cdb52eb27.tmp</t>
  </si>
  <si>
    <t>\\acsfs\profiles$\lorraynevam\Downloads\c8e27e79-ba38-436a-a09e-824cdb52eb27.tmp</t>
  </si>
  <si>
    <t>abd5b30d-12d5-4be1-8094-c73f5a7c93e3.tmp</t>
  </si>
  <si>
    <t>\\acsfs\profiles$\rafaelamsv\Downloads\abd5b30d-12d5-4be1-8094-c73f5a7c93e3.tmp</t>
  </si>
  <si>
    <t>00d13c1f-6c75-4e68-9c17-f76f2cfa4079.tmp</t>
  </si>
  <si>
    <t>\\acsfs\profiles$\rafaelamsv\Downloads\00d13c1f-6c75-4e68-9c17-f76f2cfa4079.tmp</t>
  </si>
  <si>
    <t>kit_pre_deslig_ant_term_contrato_empregado_124227_lucas lima barbosa.pdf</t>
  </si>
  <si>
    <t>40c5b470-eb4f-483c-81bc-b045cd896998.tmp</t>
  </si>
  <si>
    <t>\\acsfs\profiles$\sarahbal\Downloads\40c5b470-eb4f-483c-81bc-b045cd896998.tmp</t>
  </si>
  <si>
    <t>b24901d5-5062-46ba-8803-51ad3d7964e7;</t>
  </si>
  <si>
    <t>8e10733b-f6a7-4be6-bb04-161a1fea72cc.tmp</t>
  </si>
  <si>
    <t>\\acsfs\profiles$\geovannasm\Downloads\8e10733b-f6a7-4be6-bb04-161a1fea72cc.tmp</t>
  </si>
  <si>
    <t>cd774e3b-2dec-4506-a5cb-fe9e0ceb0a18.tmp</t>
  </si>
  <si>
    <t>\\acsfs\profiles$\camillaleb\Downloads\cd774e3b-2dec-4506-a5cb-fe9e0ceb0a18.tmp</t>
  </si>
  <si>
    <t>bd6644ec-794e-4774-ab11-6656b60949b7.tmp</t>
  </si>
  <si>
    <t>\\acsfs\profiles$\camillaleb\Downloads\bd6644ec-794e-4774-ab11-6656b60949b7.tmp</t>
  </si>
  <si>
    <t>Não confirmado 64867.crdownload</t>
  </si>
  <si>
    <t>\\acsfs\profiles$\camillaleb\Downloads\Não confirmado 64867.crdownload</t>
  </si>
  <si>
    <t>4d0e8bc2-f718-4381-b590-01cc63302151.tmp</t>
  </si>
  <si>
    <t>\\acsfs\profiles$\camillaleb\Downloads\4d0e8bc2-f718-4381-b590-01cc63302151.tmp</t>
  </si>
  <si>
    <t>4b1d30d4-015e-48fd-b724-708eda577fb5.tmp</t>
  </si>
  <si>
    <t>\\acsfs\profiles$\camillaleb\Downloads\4b1d30d4-015e-48fd-b724-708eda577fb5.tmp</t>
  </si>
  <si>
    <t>b3d06358-0f57-4b63-bc04-ad20b50c1ebd.tmp</t>
  </si>
  <si>
    <t>\\acsfs\profiles$\camillaleb\Downloads\b3d06358-0f57-4b63-bc04-ad20b50c1ebd.tmp</t>
  </si>
  <si>
    <t>XLOG_leydianeamd_06012020_093047.log</t>
  </si>
  <si>
    <t>\\acsfs\profiles$\leydianeamd\My Documents\xworkcenter\logs\XLOG_leydianeamd_06012020_093047.log</t>
  </si>
  <si>
    <t>95d61554-e27e-4e2f-814a-cba5f2955408.tmp</t>
  </si>
  <si>
    <t>\\acsfs\profiles$\mariajra\Downloads\95d61554-e27e-4e2f-814a-cba5f2955408.tmp</t>
  </si>
  <si>
    <t>d2786d29-10b9-4596-a1c2-fb8f5bb17070.tmp</t>
  </si>
  <si>
    <t>\\acsfs\profiles$\lucasgpe\Downloads\d2786d29-10b9-4596-a1c2-fb8f5bb17070.tmp</t>
  </si>
  <si>
    <t>82991555-8852-4589-bb51-97b70fc95e41.tmp</t>
  </si>
  <si>
    <t>\\acsfs\profiles$\larissaad\Downloads\82991555-8852-4589-bb51-97b70fc95e41.tmp</t>
  </si>
  <si>
    <t>caa28cf1-a947-49af-ad29-2a580ce0e030.tmp</t>
  </si>
  <si>
    <t>\\acsfs\profiles$\lorraynevam\Downloads\caa28cf1-a947-49af-ad29-2a580ce0e030.tmp</t>
  </si>
  <si>
    <t>8900f010-466a-4c59-8a68-a44fcc9cce92.tmp</t>
  </si>
  <si>
    <t>\\acsfs\profiles$\lorraynevam\Downloads\8900f010-466a-4c59-8a68-a44fcc9cce92.tmp</t>
  </si>
  <si>
    <t>\\acsfs\DEPTOS\EDUCACAO EMPRESARIAL\2 - Operações\0.01 BV CARTÕES\Mariane\Thumbs.db</t>
  </si>
  <si>
    <t>b704480b-61b6-4f13-ac09-274894c57d18.tmp</t>
  </si>
  <si>
    <t>\\acsfs\profiles$\camillaleb\Downloads\b704480b-61b6-4f13-ac09-274894c57d18.tmp</t>
  </si>
  <si>
    <t>3c7b818a-d026-4c13-914b-0d90a3fafe53.tmp</t>
  </si>
  <si>
    <t>\\acsfs\profiles$\camillaleb\Downloads\3c7b818a-d026-4c13-914b-0d90a3fafe53.tmp</t>
  </si>
  <si>
    <t>79bfcfc9-93a7-42a7-9f7b-3e6ff24bb9c0.tmp</t>
  </si>
  <si>
    <t>\\acsfs\profiles$\camillaleb\Downloads\79bfcfc9-93a7-42a7-9f7b-3e6ff24bb9c0.tmp</t>
  </si>
  <si>
    <t>09a53b0f-7e02-4816-b111-5401bd59d83c.tmp</t>
  </si>
  <si>
    <t>\\acsfs\profiles$\lorrainerdl\Downloads\09a53b0f-7e02-4816-b111-5401bd59d83c.tmp</t>
  </si>
  <si>
    <t>3166a5c1-df17-4c5a-92f8-f1bf3013d602.tmp</t>
  </si>
  <si>
    <t>\\acsfs\profiles$\pamelamcmdsg\Downloads\3166a5c1-df17-4c5a-92f8-f1bf3013d602.tmp</t>
  </si>
  <si>
    <t>Não confirmado 511373.crdownload</t>
  </si>
  <si>
    <t>\\acsfs\profiles$\pamelamcmdsg\Downloads\Não confirmado 511373.crdownload</t>
  </si>
  <si>
    <t>21db1e31-6047-446b-a91a-ae654c1c06ed.tmp</t>
  </si>
  <si>
    <t>\\acsfs\profiles$\victoriaksr\Downloads\21db1e31-6047-446b-a91a-ae654c1c06ed.tmp</t>
  </si>
  <si>
    <t>69669a44-9999-4e80-b1ee-5c4b0dd6bcc7.tmp</t>
  </si>
  <si>
    <t>\\acsfs\profiles$\vivianalds\Downloads\69669a44-9999-4e80-b1ee-5c4b0dd6bcc7.tmp</t>
  </si>
  <si>
    <t>bb01d32c-8747-418e-904d-3d1dc7362123.tmp</t>
  </si>
  <si>
    <t>\\acsfs\profiles$\wenderbnm\Downloads\bb01d32c-8747-418e-904d-3d1dc7362123.tmp</t>
  </si>
  <si>
    <t>LETICIA LIMA ALVES (16708).contact</t>
  </si>
  <si>
    <t>\\acsfs\profiles$\leticiala\Contacts\LETICIA LIMA ALVES (16708).contact</t>
  </si>
  <si>
    <t>mail.google.com/_/upload?authuser=0&amp;dcp=asu-n&amp;upload_id=AEnB2Uqgx3EhH5_a505vni5OX3fhOD_0a758O1xWeDguy0C3MwmqSK0phByKBW2H5pLw5fn7wyhCQ8TSNIgcAd5w9JhmXRMj9A&amp;upload_protocol=resumable</t>
  </si>
  <si>
    <t>acf26013-7aae-43e8-a059-7126cb5db2ed.tmp</t>
  </si>
  <si>
    <t>\\acsfs\profiles$\lorrainerdl\Downloads\acf26013-7aae-43e8-a059-7126cb5db2ed.tmp</t>
  </si>
  <si>
    <t>.~lock.Layout TV Vendas 3.2.ppt#</t>
  </si>
  <si>
    <t>\\acsfs\DEPTOS\Operacao\Banco_Votorantim\Supervisao\SUPERS BV CARTÕES\LAYOUT TV´S\.~lock.Layout TV Vendas 3.2.ppt#</t>
  </si>
  <si>
    <t>\\acsfs\DEPTOS\Operacao\Banco_Votorantim\Supervisao\SUPERS BV CARTÕES\LAYOUT TV´S\.~lock.Layout TV Vendas 2.1.ppt#</t>
  </si>
  <si>
    <t>C:\Users\marianadjc\Desktop\</t>
  </si>
  <si>
    <t>LOG CHAMADAS DETALHADO - BV CARTÕES DEZ_JAN.xlsx</t>
  </si>
  <si>
    <t>True-up MS EAS 2020_v8_Orçamento.xlsx</t>
  </si>
  <si>
    <t>1ccf0b3c-2f80-47dc-a04d-948172ba3017.tmp</t>
  </si>
  <si>
    <t>\\acsfs\profiles$\maxmillianosv\Downloads\1ccf0b3c-2f80-47dc-a04d-948172ba3017.tmp</t>
  </si>
  <si>
    <t>kit_pre_deslig_ant_term_contrato_empregado_124328_ranna beatriz goncalves.pdf</t>
  </si>
  <si>
    <t>70503522-34f7-4bca-8bb2-4d0f9fe8af7f.tmp</t>
  </si>
  <si>
    <t>\\acsfs\profiles$\sarahbal\Downloads\70503522-34f7-4bca-8bb2-4d0f9fe8af7f.tmp</t>
  </si>
  <si>
    <t>mail.google.com/_/upload?authuser=0&amp;dcp=asu-n&amp;upload_id=AEnB2UprwPdevh2ubaYto3E0FoNtL0oss3pC1E7xYlSiajYGnZtez8CSEfnDpAOdmeLMlajNmvqilwhuCZeBUAKNqRBE64ss3A&amp;upload_protocol=resumable</t>
  </si>
  <si>
    <t>403d3148-da36-4069-8c6d-6ddd6e2f3870.tmp</t>
  </si>
  <si>
    <t>\\acsfs\profiles$\leticiala\Downloads\403d3148-da36-4069-8c6d-6ddd6e2f3870.tmp</t>
  </si>
  <si>
    <t>Não confirmado 419451.crdownload</t>
  </si>
  <si>
    <t>\\acsfs\profiles$\leticiala\Downloads\Não confirmado 419451.crdownload</t>
  </si>
  <si>
    <t>13b9612a-097e-42dd-aee0-48c78964246e.tmp</t>
  </si>
  <si>
    <t>\\acsfs\profiles$\leticiala\Downloads\13b9612a-097e-42dd-aee0-48c78964246e.tmp</t>
  </si>
  <si>
    <t>1e1d9b80-4b2b-44cc-9ff7-ee9e9fc0e040.tmp</t>
  </si>
  <si>
    <t>\\acsfs\profiles$\leticiala\Downloads\1e1d9b80-4b2b-44cc-9ff7-ee9e9fc0e040.tmp</t>
  </si>
  <si>
    <t>69d598c6-f17f-4152-a4cf-1b36aa1c7c7b.tmp</t>
  </si>
  <si>
    <t>\\acsfs\profiles$\leticiala\Downloads\69d598c6-f17f-4152-a4cf-1b36aa1c7c7b.tmp</t>
  </si>
  <si>
    <t>31b38afa-30fb-4009-bda5-87e8a1a966ba.tmp</t>
  </si>
  <si>
    <t>\\acsfs\profiles$\camillaleb\Downloads\31b38afa-30fb-4009-bda5-87e8a1a966ba.tmp</t>
  </si>
  <si>
    <t>6e5e162c-d7ac-4f03-ae7a-7b6b428565fe.tmp</t>
  </si>
  <si>
    <t>\\acsfs\profiles$\lucasgpe\Downloads\6e5e162c-d7ac-4f03-ae7a-7b6b428565fe.tmp</t>
  </si>
  <si>
    <t>mail.google.com/sync/u/0/i/s?hl=pt-BR&amp;c=449</t>
  </si>
  <si>
    <t>mail.google.com/sync/u/0/i/s?hl=pt-BR&amp;c=452</t>
  </si>
  <si>
    <t>mail.google.com/sync/u/0/i/s?hl=pt-BR&amp;c=455</t>
  </si>
  <si>
    <t>a2053f10-16ed-4e4a-a17e-5558182443e1.tmp</t>
  </si>
  <si>
    <t>\\acsfs\profiles$\nathaliaos\Downloads\a2053f10-16ed-4e4a-a17e-5558182443e1.tmp</t>
  </si>
  <si>
    <t>698e0831-1a03-4046-b9e0-f2295c15acac.tmp</t>
  </si>
  <si>
    <t>\\acsfs\profiles$\gabrielarb\Downloads\698e0831-1a03-4046-b9e0-f2295c15acac.tmp</t>
  </si>
  <si>
    <t>mail.google.com/_/upload?authuser=1&amp;dcp=asu-n&amp;upload_id=AEnB2Uohlzc9p0Q1J7Rn6cn9dBcKwdVEQD1ocVT1kh1R9Gck7JtOcftjdtyjQB21Tuk75kwJ8HSeocrKYBeqCYlbhcQJRLe5cI_mOfGsRwSdot1KGFjSZ4I&amp;upload_protocol=resumable</t>
  </si>
  <si>
    <t>\\acsfs\deptos\CEI - Coordenação de Engenharia e Infraestrutura\CEI – Manutenção\48 - PCM\Manutenção\10. Controle\2019\</t>
  </si>
  <si>
    <t>Book Executivo - SEDE 2019.xlsm</t>
  </si>
  <si>
    <t>1aef7c7a-4c79-4509-bf58-98d9fe7cdd34.tmp</t>
  </si>
  <si>
    <t>\\acsfs\profiles$\leticiala\Downloads\1aef7c7a-4c79-4509-bf58-98d9fe7cdd34.tmp</t>
  </si>
  <si>
    <t>821ce2f0-1727-4c54-ab6d-3a3257c81331.tmp</t>
  </si>
  <si>
    <t>\\acsfs\profiles$\leticiala\Downloads\821ce2f0-1727-4c54-ab6d-3a3257c81331.tmp</t>
  </si>
  <si>
    <t>1d811648-e62d-4872-86cf-837dac1e4509.tmp</t>
  </si>
  <si>
    <t>\\acsfs\profiles$\isabellegtds\Downloads\1d811648-e62d-4872-86cf-837dac1e4509.tmp</t>
  </si>
  <si>
    <t>5ef9292f-611b-4ced-a653-aebbedf599f4.tmp</t>
  </si>
  <si>
    <t>\\acsfs\profiles$\isabellegtds\Downloads\5ef9292f-611b-4ced-a653-aebbedf599f4.tmp</t>
  </si>
  <si>
    <t>f08f4961-bbaf-4044-88f1-af0403cceae3.tmp</t>
  </si>
  <si>
    <t>\\acsfs\profiles$\isabellegtds\Downloads\f08f4961-bbaf-4044-88f1-af0403cceae3.tmp</t>
  </si>
  <si>
    <t>f42eabe5-bfe7-4c3c-8b17-541659364c5e.tmp</t>
  </si>
  <si>
    <t>\\acsfs\profiles$\camillaleb\Downloads\f42eabe5-bfe7-4c3c-8b17-541659364c5e.tmp</t>
  </si>
  <si>
    <t>391f022b-a268-46e1-a427-9e21037a4efc.tmp</t>
  </si>
  <si>
    <t>\\acsfs\profiles$\mariajra\Downloads\391f022b-a268-46e1-a427-9e21037a4efc.tmp</t>
  </si>
  <si>
    <t>a4d200ad-fc2e-4f8c-b1c0-a22537aaf4ed.tmp</t>
  </si>
  <si>
    <t>\\acsfs\profiles$\danielmlds\Downloads\a4d200ad-fc2e-4f8c-b1c0-a22537aaf4ed.tmp</t>
  </si>
  <si>
    <t>b7167b5f-1929-40a8-8e20-12ca9e5ba4f6.tmp</t>
  </si>
  <si>
    <t>\\acsfs\profiles$\danielmlds\Downloads\b7167b5f-1929-40a8-8e20-12ca9e5ba4f6.tmp</t>
  </si>
  <si>
    <t>3cf58143-7d61-496c-be36-d825a4f6932a.tmp</t>
  </si>
  <si>
    <t>\\acsfs\profiles$\laianear\Downloads\3cf58143-7d61-496c-be36-d825a4f6932a.tmp</t>
  </si>
  <si>
    <t>\\acsfs\DEPTOS\Operacao\Banco_Votorantim\Qualidade\Josias\reportes\</t>
  </si>
  <si>
    <t>Agent_State_Details_Report.xlsx</t>
  </si>
  <si>
    <t>\\acsfs\DEPTOS\Operacao\Banco_Votorantim\Qualidade\Josias\reportes\Agent_State_Details_Report.xlsx</t>
  </si>
  <si>
    <t>Controle_de_Tempo.xlsx</t>
  </si>
  <si>
    <t>\\acsfs\DEPTOS\Operacao\Banco_Votorantim\Qualidade\Josias\reportes\Controle_de_Tempo.xlsx</t>
  </si>
  <si>
    <t>0bf7fe7d-7922-4961-a5a0-c311c1b29362.tmp</t>
  </si>
  <si>
    <t>\\acsfs\profiles$\leonardobb\Downloads\0bf7fe7d-7922-4961-a5a0-c311c1b29362.tmp</t>
  </si>
  <si>
    <t>80304d2d-d8e7-42d0-b1d2-c112b61a406d.tmp</t>
  </si>
  <si>
    <t>\\acsfs\profiles$\LUCASNS\Downloads\80304d2d-d8e7-42d0-b1d2-c112b61a406d.tmp</t>
  </si>
  <si>
    <t>784d0cda-31e3-40a7-8635-be60b6682c71.tmp</t>
  </si>
  <si>
    <t>\\acsfs\profiles$\LUCASNS\Downloads\784d0cda-31e3-40a7-8635-be60b6682c71.tmp</t>
  </si>
  <si>
    <t>7219ca52-915e-4d33-9e7f-24557a47a159.tmp</t>
  </si>
  <si>
    <t>\\acsfs\profiles$\gabriellalpr\Downloads\7219ca52-915e-4d33-9e7f-24557a47a159.tmp</t>
  </si>
  <si>
    <t>ad5d7918-c493-44c4-bff5-db3baa36026c.tmp</t>
  </si>
  <si>
    <t>\\acsfs\profiles$\gabriellalpr\Downloads\ad5d7918-c493-44c4-bff5-db3baa36026c.tmp</t>
  </si>
  <si>
    <t>ac8c7367-9759-4ea3-aff1-d71dfdb1ed8c.tmp</t>
  </si>
  <si>
    <t>\\acsfs\profiles$\gabrielarb\Downloads\ac8c7367-9759-4ea3-aff1-d71dfdb1ed8c.tmp</t>
  </si>
  <si>
    <t>COORDENACAO GESTAO DE PERFORMANCE</t>
  </si>
  <si>
    <t>10.200.60.46</t>
  </si>
  <si>
    <t>D8-9C-67-6F-29-69</t>
  </si>
  <si>
    <t>NB-THIAGOCS</t>
  </si>
  <si>
    <t>thiagocso</t>
  </si>
  <si>
    <t>mail.google.com/_/upload?authuser=1&amp;dcp=asu-n&amp;upload_id=AEnB2UqavrAnDbS8B1SHgWSeS0rR1wT-Dww4GmFjU3CllansEmsRM_An1jNBe0c8ldL3ovpE5iYbInf2EBw85Sk09dyNX0tSjA&amp;upload_protocol=resumable</t>
  </si>
  <si>
    <t>C:\Users\thiagocso\Desktop\Planilhas\</t>
  </si>
  <si>
    <t>Cópia de Cálculo de taxas Incentivale.xlsx</t>
  </si>
  <si>
    <t>07/01/2020;</t>
  </si>
  <si>
    <t>07/01/2020;andrelpsa@algartech.com;mirianppb@algartech.com;qualidadealgarbv@algartech.com;supervisaobancovotorantim@algartech.com;talmaiardo@algartech.com;</t>
  </si>
  <si>
    <t>07/01/2020,andrelpsa@algartech.com,mirianppb@algartech.com,qualidadealgarbv@algartech.com,supervisaobancovotorantim@algartech.com,talmaiardo@algartech.com</t>
  </si>
  <si>
    <t>C:\Users\leonoraat\OneDrive - Grupo Algar\Área de Trabalho\</t>
  </si>
  <si>
    <t>Operação Leonora_04-09.xls</t>
  </si>
  <si>
    <t>lu13104122d0s.tmp</t>
  </si>
  <si>
    <t>\\acsfs\profiles$\CLAUDIAJCA\Reneg 18-12\lu13104122d0s.tmp</t>
  </si>
  <si>
    <t>\\acsfs\profiles$\CLAUDIAJCA\Reneg 18-12\lu13104122d0s.tmp\</t>
  </si>
  <si>
    <t>\\acsfs\profiles$\CLAUDIAJCA\Reneg 18-12\lu13104122d0s.tmp\META-INF\</t>
  </si>
  <si>
    <t>\\acsfs\profiles$\CLAUDIAJCA\Reneg 18-12\lu13104122d0s.tmp\Thumbnails\</t>
  </si>
  <si>
    <t>7cdc18e3-14b6-43cf-9598-73d5a95fe061.tmp</t>
  </si>
  <si>
    <t>\\acsfs\profiles$\quindaizaagds\Downloads\7cdc18e3-14b6-43cf-9598-73d5a95fe061.tmp</t>
  </si>
  <si>
    <t>4480b748-3713-42c5-a09b-155692511216.tmp</t>
  </si>
  <si>
    <t>\\acsfs\profiles$\quindaizaagds\Downloads\4480b748-3713-42c5-a09b-155692511216.tmp</t>
  </si>
  <si>
    <t>d08c1413-ae1e-4712-a3ed-0574df46d9e4.tmp</t>
  </si>
  <si>
    <t>\\acsfs\profiles$\quindaizaagds\Downloads\d08c1413-ae1e-4712-a3ed-0574df46d9e4.tmp</t>
  </si>
  <si>
    <t>981a57a7-07dd-414f-8a46-ae5aa7781e99.tmp</t>
  </si>
  <si>
    <t>\\acsfs\profiles$\quindaizaagds\Downloads\981a57a7-07dd-414f-8a46-ae5aa7781e99.tmp</t>
  </si>
  <si>
    <t>C:\Users\eduardost\Google Drive\</t>
  </si>
  <si>
    <t>RUNNING TEST 2020.xlsx</t>
  </si>
  <si>
    <t>c2a57482-505c-4273-a844-eb7715765a9f.tmp</t>
  </si>
  <si>
    <t>\\acsfs\profiles$\PEDROHAB\Downloads\c2a57482-505c-4273-a844-eb7715765a9f.tmp</t>
  </si>
  <si>
    <t>7e71746e-abc5-4912-a254-b3df5334b6db.tmp</t>
  </si>
  <si>
    <t>\\acsfs\profiles$\PEDROHAB\Downloads\7e71746e-abc5-4912-a254-b3df5334b6db.tmp</t>
  </si>
  <si>
    <t>79d7962e-1851-41be-91ff-7f59b3166f3c.tmp</t>
  </si>
  <si>
    <t>\\acsfs\profiles$\PEDROHAB\Downloads\79d7962e-1851-41be-91ff-7f59b3166f3c.tmp</t>
  </si>
  <si>
    <t>54ab5707-e92a-4b4a-b0f2-c027072c130c.tmp</t>
  </si>
  <si>
    <t>\\acsfs\profiles$\PEDROHAB\Downloads\54ab5707-e92a-4b4a-b0f2-c027072c130c.tmp</t>
  </si>
  <si>
    <t>\\acsfs\profiles$\victoriaksr\My Documents\$RECYCLE.BIN\</t>
  </si>
  <si>
    <t>$IGHP2SA</t>
  </si>
  <si>
    <t>\\acsfs\profiles$\victoriaksr\My Documents\$RECYCLE.BIN\$IGHP2SA</t>
  </si>
  <si>
    <t>Novo Documento RTF.rtf</t>
  </si>
  <si>
    <t>\\acsfs\profiles$\victoriaksr\My Documents\Novo Documento RTF.rtf</t>
  </si>
  <si>
    <t>.~lock.Teste.rtf#</t>
  </si>
  <si>
    <t>\\acsfs\profiles$\victoriaksr\My Documents\.~lock.Teste.rtf#</t>
  </si>
  <si>
    <t>$INDIDGR.rtf</t>
  </si>
  <si>
    <t>\\acsfs\profiles$\victoriaksr\My Documents\$RECYCLE.BIN\$INDIDGR.rtf</t>
  </si>
  <si>
    <t>.~lock.Fila 1721 - REORIENTAÇÃO PRIORIDADE OFICIAL - ENCAMINHADO SUPERVISÃO 05.12.xlsx#</t>
  </si>
  <si>
    <t>\\acsfs\profiles$\victoriaksr\My Documents\.~lock.Fila 1721 - REORIENTAÇÃO PRIORIDADE OFICIAL - ENCAMINHADO SUPERVISÃO 05.12.xlsx#</t>
  </si>
  <si>
    <t>f9f0644b-41eb-480c-9d04-9e557449647f.tmp</t>
  </si>
  <si>
    <t>\\acsfs\profiles$\victoriaksr\Downloads\f9f0644b-41eb-480c-9d04-9e557449647f.tmp</t>
  </si>
  <si>
    <t>607f5778-283d-4a02-b422-8f700c8df1ce.tmp</t>
  </si>
  <si>
    <t>\\acsfs\profiles$\gabriellalpr\Downloads\607f5778-283d-4a02-b422-8f700c8df1ce.tmp</t>
  </si>
  <si>
    <t>PREVENTIVAS - 2019.xlsm</t>
  </si>
  <si>
    <t>4e4ce083-4a91-4412-bbf9-2233d24cd322.tmp</t>
  </si>
  <si>
    <t>\\acsfs\profiles$\gabrielhca\Downloads\4e4ce083-4a91-4412-bbf9-2233d24cd322.tmp</t>
  </si>
  <si>
    <t>07fc9ed5-35e1-49fa-bfd0-4511b6e6a012.tmp</t>
  </si>
  <si>
    <t>\\acsfs\profiles$\gabrielhca\Downloads\07fc9ed5-35e1-49fa-bfd0-4511b6e6a012.tmp</t>
  </si>
  <si>
    <t>9744ff8e-1d34-4958-9e4f-77e5c140bd67.tmp</t>
  </si>
  <si>
    <t>\\acsfs\profiles$\geovannasm\Downloads\9744ff8e-1d34-4958-9e4f-77e5c140bd67.tmp</t>
  </si>
  <si>
    <t>250a430d-7497-406c-80cb-e7d3e48ed476.tmp</t>
  </si>
  <si>
    <t>\\acsfs\profiles$\geovannasm\Downloads\250a430d-7497-406c-80cb-e7d3e48ed476.tmp</t>
  </si>
  <si>
    <t>ceaf2d80-586b-47cf-bfc2-2683939588cd.tmp</t>
  </si>
  <si>
    <t>\\acsfs\profiles$\LUCASBS\Downloads\ceaf2d80-586b-47cf-bfc2-2683939588cd.tmp</t>
  </si>
  <si>
    <t>6ad5890d-98cd-415b-a130-fb411aba233c.tmp</t>
  </si>
  <si>
    <t>\\acsfs\profiles$\LUCASBS\Downloads\6ad5890d-98cd-415b-a130-fb411aba233c.tmp</t>
  </si>
  <si>
    <t>0d70ad66-f5b2-4925-8770-b62239031416.tmp</t>
  </si>
  <si>
    <t>\\acsfs\profiles$\felipetds\Downloads\0d70ad66-f5b2-4925-8770-b62239031416.tmp</t>
  </si>
  <si>
    <t>andrelpsa@algartech.com;leonardoao@algartech.com;rafaelggs@algartech.com;</t>
  </si>
  <si>
    <t>andrelpsa@algartech.com,leonardoao@algartech.com,rafaelggs@algartech.com</t>
  </si>
  <si>
    <t>andrelpsa@algartech.com;leonardoao@algartech.com;rafaelggs@algartech.com;supervisaobancovotorantim@algartech.com;</t>
  </si>
  <si>
    <t>andrelpsa@algartech.com,leonardoao@algartech.com,rafaelggs@algartech.com,supervisaobancovotorantim@algartech.com</t>
  </si>
  <si>
    <t>07/01/2020;andrelpsa@algartech.com;leonardoao@algartech.com;mirianppb@algartech.com;qualidadealgarbv@algartech.com;rafaelggs@algartech.com;supervisaobancovotorantim@algartech.com;talmaiardo@algartech.com;</t>
  </si>
  <si>
    <t>07/01/2020,andrelpsa@algartech.com,leonardoao@algartech.com,mirianppb@algartech.com,qualidadealgarbv@algartech.com,rafaelggs@algartech.com,supervisaobancovotorantim@algartech.com,talmaiardo@algartech.com</t>
  </si>
  <si>
    <t>algartechcpcbv@algartech.com;andrelpsa@algartech.com;leonardoao@algartech.com;rafaelggs@algartech.com;supervisaobancovotorantim@algartech.com;</t>
  </si>
  <si>
    <t>algartechcpcbv@algartech.com,andrelpsa@algartech.com,leonardoao@algartech.com,rafaelggs@algartech.com,supervisaobancovotorantim@algartech.com</t>
  </si>
  <si>
    <t>mail.google.com/sync/u/0/i/s?hl=pt-BR&amp;c=465</t>
  </si>
  <si>
    <t>100014122394468;andrelpsa@algartech.com;cpc-controldeskavon@algartech.com;joaogvc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22394468,andrelpsa@algartech.com,cpc-controldeskavon@algartech.com,joaogvc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73e191cf-f9c3-4962-829a-695f3befa059.tmp</t>
  </si>
  <si>
    <t>\\acsfs\profiles$\claudiajca\Downloads\73e191cf-f9c3-4962-829a-695f3befa059.tmp</t>
  </si>
  <si>
    <t>bf84e605-fa74-4d22-8260-13a6344ea6b0.tmp</t>
  </si>
  <si>
    <t>\\acsfs\profiles$\claudiajca\Downloads\bf84e605-fa74-4d22-8260-13a6344ea6b0.tmp</t>
  </si>
  <si>
    <t>\\acsfs\DEPTOS\Controladoria\Planejamento\Reuniões Mensais\2017\Controle de CR's\Templates\Criação\</t>
  </si>
  <si>
    <t>CR 341002432 - Criação VALE S.A - RATE CARD.xlsx</t>
  </si>
  <si>
    <t>CR 341002433 - Criação VALE S.A – NOC.xlsx</t>
  </si>
  <si>
    <t>5d27ba98-8a98-4aaa-8879-35a70f5ecf45.tmp</t>
  </si>
  <si>
    <t>\\acsfs\profiles$\PEDROHAB\Downloads\5d27ba98-8a98-4aaa-8879-35a70f5ecf45.tmp</t>
  </si>
  <si>
    <t>mail.google.com/_/upload?authuser=0&amp;dcp=asu-n&amp;upload_id=AEnB2UqgFuOpMTSS_n_VFp3o3Oeo_4wiiTxU44tuSuJWOuLA2iOmw28TC9ZlaRs8qW5MpOeCNOCrRe_I_9zqSgYDzot8akuj73iOnB7KbDyukd_ys371D_8&amp;upload_protocol=resumable</t>
  </si>
  <si>
    <t>henriqueac@algartech.com;</t>
  </si>
  <si>
    <t>\\acsfs\DSTI\CIT- Coordenação de Inteligência de Tecnologia\17 - Gerenciamento da Configuração\02 - DO (EXECUTAR)\01 - CONTROLE DE LIC\00 - FORNECEDORES\01 - MICROSOFT\18 - EAS\RENEW\</t>
  </si>
  <si>
    <t>ALGAR - Cenario Renov EAS vs Orç.xlsx</t>
  </si>
  <si>
    <t>henriqueac@algartech.com</t>
  </si>
  <si>
    <t>9a0b5f18-2ef5-423e-9527-87607cb37386.tmp</t>
  </si>
  <si>
    <t>\\acsfs\profiles$\maxmillianosv\Downloads\9a0b5f18-2ef5-423e-9527-87607cb37386.tmp</t>
  </si>
  <si>
    <t>1289976c-0448-433b-bb21-5620fad63572.tmp</t>
  </si>
  <si>
    <t>\\acsfs\profiles$\maxmillianosv\Downloads\1289976c-0448-433b-bb21-5620fad63572.tmp</t>
  </si>
  <si>
    <t>d728a809-cea0-42c7-8594-e0f79dbd3e79.tmp</t>
  </si>
  <si>
    <t>\\acsfs\profiles$\maxmillianosv\Downloads\d728a809-cea0-42c7-8594-e0f79dbd3e79.tmp</t>
  </si>
  <si>
    <t>kit_pre_deslig_ant_term_contrato_empregado_124167_ana priscila oliveira felizardo.pdf</t>
  </si>
  <si>
    <t>ded0e8bb-b7bb-4b03-8f2a-f8f94d498d74.tmp</t>
  </si>
  <si>
    <t>\\acsfs\profiles$\Flaviojmm\Downloads\ded0e8bb-b7bb-4b03-8f2a-f8f94d498d74.tmp</t>
  </si>
  <si>
    <t>\\acsfs\profiles$\Flaviojmm\Downloads\ded0e8bb-b7bb-4b03-8f2a-f8f94d498d74.tmp\</t>
  </si>
  <si>
    <t>\\acsfs\profiles$\Flaviojmm\Downloads\ded0e8bb-b7bb-4b03-8f2a-f8f94d498d74.tmp\META-INF\</t>
  </si>
  <si>
    <t>31a24336-4c92-4f93-8eb0-cd034b7a7396.tmp</t>
  </si>
  <si>
    <t>\\acsfs\profiles$\victoriaksr\Downloads\31a24336-4c92-4f93-8eb0-cd034b7a7396.tmp</t>
  </si>
  <si>
    <t>\\acsfs\profiles$\Flaviojmm\Downloads\ded0e8bb-b7bb-4b03-8f2a-f8f94d498d74.tmp\Thumbnails\</t>
  </si>
  <si>
    <t>.~lock.Filas (2).xlsx#</t>
  </si>
  <si>
    <t>\\acsfs\profiles$\victoriaksr\Downloads\.~lock.Filas (2).xlsx#</t>
  </si>
  <si>
    <t>420b535d-131d-48c3-9d77-0153ace928a9.tmp</t>
  </si>
  <si>
    <t>\\acsfs\profiles$\Flaviojmm\Downloads\420b535d-131d-48c3-9d77-0153ace928a9.tmp</t>
  </si>
  <si>
    <t>c464195e-7705-4cfc-9d4b-ebd11aaa3ebe.tmp</t>
  </si>
  <si>
    <t>\\acsfs\profiles$\Flaviojmm\Downloads\c464195e-7705-4cfc-9d4b-ebd11aaa3ebe.tmp</t>
  </si>
  <si>
    <t>8627c24c-6769-47e3-9b6d-f6708c0c0685.tmp</t>
  </si>
  <si>
    <t>\\acsfs\profiles$\victoriaksr\Downloads\8627c24c-6769-47e3-9b6d-f6708c0c0685.tmp</t>
  </si>
  <si>
    <t>c3de7e80-79d8-447a-8a40-3e67b9e5d78f.tmp</t>
  </si>
  <si>
    <t>\\acsfs\profiles$\victoriaksr\Downloads\c3de7e80-79d8-447a-8a40-3e67b9e5d78f.tmp</t>
  </si>
  <si>
    <t>\\acsfs\profiles$\victoriaksr\Downloads\$RECYCLE.BIN\</t>
  </si>
  <si>
    <t>$IUCRBI3.ica</t>
  </si>
  <si>
    <t>\\acsfs\profiles$\victoriaksr\Downloads\$RECYCLE.BIN\$IUCRBI3.ica</t>
  </si>
  <si>
    <t>$IKMGH4D.ica</t>
  </si>
  <si>
    <t>\\acsfs\profiles$\victoriaksr\Downloads\$RECYCLE.BIN\$IKMGH4D.ica</t>
  </si>
  <si>
    <t>$IYIIAIY.ica</t>
  </si>
  <si>
    <t>\\acsfs\profiles$\victoriaksr\Downloads\$RECYCLE.BIN\$IYIIAIY.ica</t>
  </si>
  <si>
    <t>$IOLFVV9.ica</t>
  </si>
  <si>
    <t>\\acsfs\profiles$\victoriaksr\Downloads\$RECYCLE.BIN\$IOLFVV9.ica</t>
  </si>
  <si>
    <t>$IK9267X.ica</t>
  </si>
  <si>
    <t>\\acsfs\profiles$\victoriaksr\Downloads\$RECYCLE.BIN\$IK9267X.ica</t>
  </si>
  <si>
    <t>$IE7AE82.pdf</t>
  </si>
  <si>
    <t>\\acsfs\profiles$\victoriaksr\Downloads\$RECYCLE.BIN\$IE7AE82.pdf</t>
  </si>
  <si>
    <t>$ITQMD5S.pdf</t>
  </si>
  <si>
    <t>\\acsfs\profiles$\victoriaksr\Downloads\$RECYCLE.BIN\$ITQMD5S.pdf</t>
  </si>
  <si>
    <t>$IY03HT5.pdf</t>
  </si>
  <si>
    <t>\\acsfs\profiles$\victoriaksr\Downloads\$RECYCLE.BIN\$IY03HT5.pdf</t>
  </si>
  <si>
    <t>$IR1ISUX.ica</t>
  </si>
  <si>
    <t>\\acsfs\profiles$\victoriaksr\Downloads\$RECYCLE.BIN\$IR1ISUX.ica</t>
  </si>
  <si>
    <t>$I33JE8L.ica</t>
  </si>
  <si>
    <t>\\acsfs\profiles$\victoriaksr\Downloads\$RECYCLE.BIN\$I33JE8L.ica</t>
  </si>
  <si>
    <t>$I7RTUCP.ica</t>
  </si>
  <si>
    <t>\\acsfs\profiles$\victoriaksr\Downloads\$RECYCLE.BIN\$I7RTUCP.ica</t>
  </si>
  <si>
    <t>$IEPSVTA.pdf</t>
  </si>
  <si>
    <t>\\acsfs\profiles$\victoriaksr\Downloads\$RECYCLE.BIN\$IEPSVTA.pdf</t>
  </si>
  <si>
    <t>$IOLBDNX.xlsx</t>
  </si>
  <si>
    <t>\\acsfs\profiles$\victoriaksr\Downloads\$RECYCLE.BIN\$IOLBDNX.xlsx</t>
  </si>
  <si>
    <t>$IH004PW.xlsx</t>
  </si>
  <si>
    <t>\\acsfs\profiles$\victoriaksr\Downloads\$RECYCLE.BIN\$IH004PW.xlsx</t>
  </si>
  <si>
    <t>ee029429-2376-4901-912a-c8d6164c8eb6.tmp</t>
  </si>
  <si>
    <t>\\acsfs\profiles$\gabriellalpr\Downloads\ee029429-2376-4901-912a-c8d6164c8eb6.tmp</t>
  </si>
  <si>
    <t>fd8decbf-fedb-4d9c-b424-00d72d437965.tmp</t>
  </si>
  <si>
    <t>\\acsfs\profiles$\kellzylenneasr\Downloads\fd8decbf-fedb-4d9c-b424-00d72d437965.tmp</t>
  </si>
  <si>
    <t>e2014249-65dd-43f7-8b9e-772e82f00ee0.tmp</t>
  </si>
  <si>
    <t>\\acsfs\profiles$\kellzylenneasr\Downloads\e2014249-65dd-43f7-8b9e-772e82f00ee0.tmp</t>
  </si>
  <si>
    <t>53928ead-23da-45cb-a19a-294cc02fabdc.tmp</t>
  </si>
  <si>
    <t>\\acsfs\profiles$\wedersonbadr\My Documents\My Music\53928ead-23da-45cb-a19a-294cc02fabdc.tmp</t>
  </si>
  <si>
    <t>5fe2476c-2454-4205-8163-11b4651b8bc5.tmp</t>
  </si>
  <si>
    <t>\\acsfs\profiles$\gabrielhca\Downloads\5fe2476c-2454-4205-8163-11b4651b8bc5.tmp</t>
  </si>
  <si>
    <t>a3bb78c0-a571-48fa-a3c9-051cb2aa8a2a.tmp</t>
  </si>
  <si>
    <t>\\acsfs\profiles$\gabrielhca\Downloads\a3bb78c0-a571-48fa-a3c9-051cb2aa8a2a.tmp</t>
  </si>
  <si>
    <t>42f73a3d-3dce-495b-b222-0cd115534ed9.tmp</t>
  </si>
  <si>
    <t>\\acsfs\profiles$\gabrielhca\Downloads\42f73a3d-3dce-495b-b222-0cd115534ed9.tmp</t>
  </si>
  <si>
    <t>bec8a334-5587-4e72-85d9-3c33dd6dc524.tmp</t>
  </si>
  <si>
    <t>\\acsfs\profiles$\gabrielhca\Downloads\bec8a334-5587-4e72-85d9-3c33dd6dc524.tmp</t>
  </si>
  <si>
    <t>23be02e7-0619-442f-9938-6053e38da756.tmp</t>
  </si>
  <si>
    <t>\\acsfs\profiles$\leticiala\Downloads\23be02e7-0619-442f-9938-6053e38da756.tmp</t>
  </si>
  <si>
    <t>ccfbb6e2-479a-4ed4-bacf-c3135ee6468d.tmp</t>
  </si>
  <si>
    <t>\\acsfs\profiles$\mariajra\Downloads\ccfbb6e2-479a-4ed4-bacf-c3135ee6468d.tmp</t>
  </si>
  <si>
    <t>edab60dd-aeb8-4aed-bd14-e968b66e9806.tmp</t>
  </si>
  <si>
    <t>\\acsfs\profiles$\danielmlds\Downloads\edab60dd-aeb8-4aed-bd14-e968b66e9806.tmp</t>
  </si>
  <si>
    <t>sofiamses</t>
  </si>
  <si>
    <t>mail.google.com/sync/u/0/i/s?hl=pt-BR&amp;c=493</t>
  </si>
  <si>
    <t>mail.google.com/sync/u/0/i/s?hl=pt-BR&amp;c=505</t>
  </si>
  <si>
    <t>mail.google.com/sync/u/0/i/s?hl=pt-BR&amp;c=526</t>
  </si>
  <si>
    <t>lu13104122d10.tmp</t>
  </si>
  <si>
    <t>\\acsfs\profiles$\CLAUDIAJCA\lu13104122d10.tmp</t>
  </si>
  <si>
    <t>\\acsfs\profiles$\CLAUDIAJCA\lu13104122d10.tmp\</t>
  </si>
  <si>
    <t>\\acsfs\profiles$\CLAUDIAJCA\lu13104122d10.tmp\META-INF\</t>
  </si>
  <si>
    <t>\\acsfs\profiles$\CLAUDIAJCA\lu13104122d10.tmp\Thumbnails\</t>
  </si>
  <si>
    <t>lu13104122d15.tmp</t>
  </si>
  <si>
    <t>\\acsfs\profiles$\CLAUDIAJCA\lu13104122d15.tmp</t>
  </si>
  <si>
    <t>\\acsfs\profiles$\CLAUDIAJCA\lu13104122d15.tmp\</t>
  </si>
  <si>
    <t>\\acsfs\profiles$\CLAUDIAJCA\lu13104122d15.tmp\META-INF\</t>
  </si>
  <si>
    <t>\\acsfs\profiles$\CLAUDIAJCA\lu13104122d15.tmp\Thumbnails\</t>
  </si>
  <si>
    <t>3c343b12-3c89-4baf-a24a-266d44928dac.tmp</t>
  </si>
  <si>
    <t>\\acsfs\profiles$\maxmillianosv\Downloads\3c343b12-3c89-4baf-a24a-266d44928dac.tmp</t>
  </si>
  <si>
    <t>460a2f00-b091-4e34-ab56-7cdf03093df6.tmp</t>
  </si>
  <si>
    <t>\\acsfs\profiles$\maxmillianosv\Downloads\460a2f00-b091-4e34-ab56-7cdf03093df6.tmp</t>
  </si>
  <si>
    <t>63a94b9b-f433-435d-b37c-95261618cc7f.tmp</t>
  </si>
  <si>
    <t>\\acsfs\profiles$\maxmillianosv\Downloads\63a94b9b-f433-435d-b37c-95261618cc7f.tmp</t>
  </si>
  <si>
    <t>182e2944-0d32-46da-a27c-f10e793ee413.tmp</t>
  </si>
  <si>
    <t>\\acsfs\profiles$\maxmillianosv\Downloads\182e2944-0d32-46da-a27c-f10e793ee413.tmp</t>
  </si>
  <si>
    <t>2cbe629a-f471-442e-819b-65d34e7ed412.tmp</t>
  </si>
  <si>
    <t>\\acsfs\profiles$\luanaagl\Downloads\2cbe629a-f471-442e-819b-65d34e7ed412.tmp</t>
  </si>
  <si>
    <t>Memória de Cálculo Faturamento novembro_2019_sac.xlsx</t>
  </si>
  <si>
    <t>122019_Relatorio_Despesa V6.xlsb</t>
  </si>
  <si>
    <t>mail.google.com/_/upload?authuser=0&amp;dcp=asu-n&amp;upload_id=AEnB2Urpgzud9z3_bBdcebyIibWCr0THP2EbzzImR80afkpN7EWnDI8U4izV7UaxzI-oljf87uPeL4cXb8rwy47d9_-WXceujncB-8cL0HkLJAOIxix9wFM&amp;upload_protocol=resumable</t>
  </si>
  <si>
    <t>122019_Relatorio_Indiretos V6.xlsb</t>
  </si>
  <si>
    <t>758d8578-a10e-44c7-bae3-2fe41e2507df.tmp</t>
  </si>
  <si>
    <t>\\acsfs\profiles$\maxmillianosv\Downloads\758d8578-a10e-44c7-bae3-2fe41e2507df.tmp</t>
  </si>
  <si>
    <t>10.200.66.44</t>
  </si>
  <si>
    <t>78-2B-CB-C1-05-85</t>
  </si>
  <si>
    <t>VOTORANT-ZB011</t>
  </si>
  <si>
    <t>8aee105c-cc29-4e3a-ba36-e9a64dba8c8f.tmp</t>
  </si>
  <si>
    <t>\\acsfs\profiles$\gabrielarb\Downloads\8aee105c-cc29-4e3a-ba36-e9a64dba8c8f.tmp</t>
  </si>
  <si>
    <t>361d0f95-b4e3-4dc4-99d0-95c06c833349.tmp</t>
  </si>
  <si>
    <t>\\acsfs\profiles$\vivianalds\Downloads\361d0f95-b4e3-4dc4-99d0-95c06c833349.tmp</t>
  </si>
  <si>
    <t>C:\Users\rafaelbdt\Documents\</t>
  </si>
  <si>
    <t>Receita x Cliente x Tipo Serviço.xlsx</t>
  </si>
  <si>
    <t>mail.google.com/_/upload?authuser=2&amp;dcp=asu-n&amp;upload_id=AEnB2UpW7FxHA2DVcIbj6YKg99t1yGfwcqvws06xjL1oM27yJ6bqG7GWTBnVEmg3D8EjWLFE8F_k0E6xQX5I8Zrsp3reyb3yNzoEChsuBsa2Bc4zhhWSz2Y&amp;upload_protocol=resumable</t>
  </si>
  <si>
    <t>C:\Users\hugooc\Desktop\HUGO CAMARGO\DeskTop HP\GERENTE DE PCP\MIS\</t>
  </si>
  <si>
    <t>VISÃO GERAL 2.xlsx</t>
  </si>
  <si>
    <t>2b9e7421-3199-46f3-b199-dec74bfdd5c1.tmp</t>
  </si>
  <si>
    <t>\\acsfs\profiles$\PEDROHAB\Downloads\2b9e7421-3199-46f3-b199-dec74bfdd5c1.tmp</t>
  </si>
  <si>
    <t>9ec34485-62a9-416e-8df0-fbaabe2fcc1c.tmp</t>
  </si>
  <si>
    <t>\\acsfs\profiles$\rafaelamsv\Downloads\9ec34485-62a9-416e-8df0-fbaabe2fcc1c.tmp</t>
  </si>
  <si>
    <t>273ff998-dfa4-4c87-b854-e1a99a04edbf.tmp</t>
  </si>
  <si>
    <t>\\acsfs\profiles$\rafaelamsv\Downloads\273ff998-dfa4-4c87-b854-e1a99a04edbf.tmp</t>
  </si>
  <si>
    <t>236af14d-a047-41a5-a9c7-21f4f0b59350.tmp</t>
  </si>
  <si>
    <t>\\acsfs\profiles$\rafaelamsv\Downloads\236af14d-a047-41a5-a9c7-21f4f0b59350.tmp</t>
  </si>
  <si>
    <t>lu144321cgovk.tmp</t>
  </si>
  <si>
    <t>\\acsfs\profiles$\dhiulliananads\My Documents\lu144321cgovk.tmp</t>
  </si>
  <si>
    <t>\\acsfs\profiles$\dhiulliananads\My Documents\lu144321cgovk.tmp\</t>
  </si>
  <si>
    <t>\\acsfs\profiles$\dhiulliananads\My Documents\lu144321cgovk.tmp\META-INF\</t>
  </si>
  <si>
    <t>\\acsfs\profiles$\dhiulliananads\My Documents\lu144321cgovk.tmp\Thumbnails\</t>
  </si>
  <si>
    <t>kit_pre_deslig_ant_term_contrato_empregado_124238_juliano domingos de oliveira.pdf</t>
  </si>
  <si>
    <t>10.200.57.133</t>
  </si>
  <si>
    <t>54-BF-64-F5-7E-60</t>
  </si>
  <si>
    <t>NB-DIEGOODZ</t>
  </si>
  <si>
    <t>diegoodz</t>
  </si>
  <si>
    <t>equipediegodiniz@algartech.com.br;</t>
  </si>
  <si>
    <t>ENC: Volume Gerenciadas Amex e Visa - 07/01</t>
  </si>
  <si>
    <t>Relatório_Gerenciadas novo.xlsb</t>
  </si>
  <si>
    <t>equipediegodiniz@algartech.com.br</t>
  </si>
  <si>
    <t>e89a1373-885e-44e3-a7d0-c06d33548e3f.tmp</t>
  </si>
  <si>
    <t>\\acsfs\profiles$\anafsb\Downloads\e89a1373-885e-44e3-a7d0-c06d33548e3f.tmp</t>
  </si>
  <si>
    <t>JOAO PEDRO NICOMEDES BERTOLDO GOMES (38).contact</t>
  </si>
  <si>
    <t>\\acsfs\profiles$\joaopnbg\Contacts\JOAO PEDRO NICOMEDES BERTOLDO GOMES (38).contact</t>
  </si>
  <si>
    <t>9d779a0f-5e42-498b-9ecd-9562d004b903.tmp</t>
  </si>
  <si>
    <t>\\acsfs\profiles$\laianear\Downloads\9d779a0f-5e42-498b-9ecd-9562d004b903.tmp</t>
  </si>
  <si>
    <t>\\acsfs\deptos\Operacao\PCP\5 - Comum\PLANEJAMENTO BV\23 - EXTRAÇÕES\Agent State Details\2020\JANEIRO\</t>
  </si>
  <si>
    <t>Agent State Details 03.01.2020.xlsx</t>
  </si>
  <si>
    <t>\\acsfs\deptos\Operacao\PCP\5 - Comum\PLANEJAMENTO BV\23 - EXTRAÇÕES\Agent State Details\2020\JANEIRO\Agent State Details 03.01.2020.xlsx</t>
  </si>
  <si>
    <t>Agent State Details 04.01.2020.xlsx</t>
  </si>
  <si>
    <t>\\acsfs\deptos\Operacao\PCP\5 - Comum\PLANEJAMENTO BV\23 - EXTRAÇÕES\Agent State Details\2020\JANEIRO\Agent State Details 04.01.2020.xlsx</t>
  </si>
  <si>
    <t>d3c107a5-c11d-4c9f-bf25-5822c4a0676d.tmp</t>
  </si>
  <si>
    <t>\\acsfs\profiles$\lorraynevam\Downloads\d3c107a5-c11d-4c9f-bf25-5822c4a0676d.tmp</t>
  </si>
  <si>
    <t>b177f959-a105-4194-9c5a-f55a6854d8c9.tmp</t>
  </si>
  <si>
    <t>\\acsfs\profiles$\luanaagl\Downloads\b177f959-a105-4194-9c5a-f55a6854d8c9.tmp</t>
  </si>
  <si>
    <t>d63785a3-186b-4485-8fcd-4e1c0ab85c43.tmp</t>
  </si>
  <si>
    <t>\\acsfs\profiles$\antoniosva\Downloads\d63785a3-186b-4485-8fcd-4e1c0ab85c43.tmp</t>
  </si>
  <si>
    <t>ff8a0c7d-ba51-46fb-84c2-24277c38b54a.tmp</t>
  </si>
  <si>
    <t>\\acsfs\profiles$\leticiala\Downloads\ff8a0c7d-ba51-46fb-84c2-24277c38b54a.tmp</t>
  </si>
  <si>
    <t>efa4c58d-2a6c-4cce-9d18-1018792fae52.tmp</t>
  </si>
  <si>
    <t>\\acsfs\profiles$\georgendsq\Downloads\efa4c58d-2a6c-4cce-9d18-1018792fae52.tmp</t>
  </si>
  <si>
    <t>mariliafsc@algartech.com</t>
  </si>
  <si>
    <t>christopherjs@algartech.com;guilhermecst@algartech.com;hugooc@algartech.com;</t>
  </si>
  <si>
    <t>C:\Users\mariliafsc.ACS\Desktop\</t>
  </si>
  <si>
    <t>Resumo de mailing.xlsx</t>
  </si>
  <si>
    <t>christopherjs@algartech.com,guilhermecst@algartech.com,hugooc@algartech.com</t>
  </si>
  <si>
    <t>lu80132ax9ota.tmp</t>
  </si>
  <si>
    <t>\\acsfs\profiles$\ISABELLEGTDS\Nova pasta\lu80132ax9ota.tmp</t>
  </si>
  <si>
    <t>\\acsfs\profiles$\ISABELLEGTDS\Nova pasta\lu80132ax9ota.tmp\</t>
  </si>
  <si>
    <t>\\acsfs\profiles$\ISABELLEGTDS\Nova pasta\lu80132ax9ota.tmp\META-INF\</t>
  </si>
  <si>
    <t>\\acsfs\profiles$\ISABELLEGTDS\Nova pasta\lu80132ax9ota.tmp\Thumbnails\</t>
  </si>
  <si>
    <t>a4ab34fa-c8c8-4d8d-8e49-d0bf047b3d10.tmp</t>
  </si>
  <si>
    <t>\\acsfs\profiles$\adelvinsonle\Downloads\a4ab34fa-c8c8-4d8d-8e49-d0bf047b3d10.tmp</t>
  </si>
  <si>
    <t>5d704b12-65a4-4911-89a9-262bbac9d838.tmp</t>
  </si>
  <si>
    <t>\\acsfs\profiles$\adelvinsonle\Downloads\5d704b12-65a4-4911-89a9-262bbac9d838.tmp</t>
  </si>
  <si>
    <t>330a1b43-78df-48d7-9840-2cbb50cf3340.tmp</t>
  </si>
  <si>
    <t>\\acsfs\profiles$\adelvinsonle\Downloads\330a1b43-78df-48d7-9840-2cbb50cf3340.tmp</t>
  </si>
  <si>
    <t>Pausas - FINANCEIRA.xlsb</t>
  </si>
  <si>
    <t>\\acsfs\DEPTOS\Operacao\PCP\5 - Comum\PLANEJAMENTO BV\14 - ACOMPANHAMENTO\1 - REPORT ACOMPANHAMENTO\2020\1 - JANEIRO\FINANCEIRA\Pausas - FINANCEIRA.xlsb</t>
  </si>
  <si>
    <t>mail.google.com/sync/u/0/i/s?hl=pt-BR&amp;c=309</t>
  </si>
  <si>
    <t>77a3cd97-259a-45b9-94a4-862a54b90125.tmp</t>
  </si>
  <si>
    <t>\\acsfs\profiles$\lorrainerdl\Downloads\77a3cd97-259a-45b9-94a4-862a54b90125.tmp</t>
  </si>
  <si>
    <t>f14a1750-9a9c-43ad-a549-a545a33a0373.tmp</t>
  </si>
  <si>
    <t>\\acsfs\profiles$\leonardobb\Downloads\f14a1750-9a9c-43ad-a549-a545a33a0373.tmp</t>
  </si>
  <si>
    <t>9369fd85-036d-40a5-966d-53fb357670b6.tmp</t>
  </si>
  <si>
    <t>\\acsfs\profiles$\leonardobb\Downloads\9369fd85-036d-40a5-966d-53fb357670b6.tmp</t>
  </si>
  <si>
    <t>Agent State Details 05.01.2020.xlsx</t>
  </si>
  <si>
    <t>\\acsfs\deptos\Operacao\PCP\5 - Comum\PLANEJAMENTO BV\23 - EXTRAÇÕES\Agent State Details\2020\JANEIRO\Agent State Details 05.01.2020.xlsx</t>
  </si>
  <si>
    <t>Agent State Details 06.01.2020.xlsx</t>
  </si>
  <si>
    <t>\\acsfs\deptos\Operacao\PCP\5 - Comum\PLANEJAMENTO BV\23 - EXTRAÇÕES\Agent State Details\2020\JANEIRO\Agent State Details 06.01.2020.xlsx</t>
  </si>
  <si>
    <t>lu1696412mfzv.tmp</t>
  </si>
  <si>
    <t>\\acsfs\profiles$\CLAUDIAJCA\Reneg 18-12\lu1696412mfzv.tmp</t>
  </si>
  <si>
    <t>\\acsfs\profiles$\CLAUDIAJCA\Reneg 18-12\lu1696412mfzv.tmp\</t>
  </si>
  <si>
    <t>\\acsfs\profiles$\CLAUDIAJCA\Reneg 18-12\lu1696412mfzv.tmp\META-INF\</t>
  </si>
  <si>
    <t>\\acsfs\profiles$\CLAUDIAJCA\Reneg 18-12\lu1696412mfzv.tmp\Thumbnails\</t>
  </si>
  <si>
    <t>de6a0f35-1fe9-4111-8b28-312eaa42cc7e.tmp</t>
  </si>
  <si>
    <t>\\acsfs\profiles$\larissaad\Downloads\de6a0f35-1fe9-4111-8b28-312eaa42cc7e.tmp</t>
  </si>
  <si>
    <t>8705a2f9-1efe-4d24-ab18-a2243f865857.tmp</t>
  </si>
  <si>
    <t>\\acsfs\profiles$\jhonatadss\Downloads\8705a2f9-1efe-4d24-ab18-a2243f865857.tmp</t>
  </si>
  <si>
    <t>7e6536d1-f4aa-49f5-b8d2-100781b66ba2.tmp</t>
  </si>
  <si>
    <t>\\acsfs\profiles$\jhonatadss\Downloads\7e6536d1-f4aa-49f5-b8d2-100781b66ba2.tmp</t>
  </si>
  <si>
    <t>41d409a0-ed9b-487c-a426-6602791a637f.tmp</t>
  </si>
  <si>
    <t>\\acsfs\profiles$\jhonatadss\Downloads\41d409a0-ed9b-487c-a426-6602791a637f.tmp</t>
  </si>
  <si>
    <t>142c4876-4de3-40d4-b5f4-87fcb2934884.tmp</t>
  </si>
  <si>
    <t>\\acsfs\profiles$\jhonatadss\Downloads\142c4876-4de3-40d4-b5f4-87fcb2934884.tmp</t>
  </si>
  <si>
    <t>lu1873615g45j.tmp</t>
  </si>
  <si>
    <t>\\acsfs\profiles$\Flaviojmm\My Documents\lu1873615g45j.tmp</t>
  </si>
  <si>
    <t>\\acsfs\profiles$\Flaviojmm\My Documents\lu1873615g45j.tmp\</t>
  </si>
  <si>
    <t>\\acsfs\profiles$\Flaviojmm\My Documents\lu1873615g45j.tmp\META-INF\</t>
  </si>
  <si>
    <t>\\acsfs\profiles$\Flaviojmm\My Documents\lu1873615g45j.tmp\Thumbnails\</t>
  </si>
  <si>
    <t>1a944326-fd55-4cab-8cb2-6c522b03f13b.tmp</t>
  </si>
  <si>
    <t>\\acsfs\profiles$\nayarasds\Downloads\1a944326-fd55-4cab-8cb2-6c522b03f13b.tmp</t>
  </si>
  <si>
    <t>395d97f0-6e3e-47ad-aea9-fb0c1d42fd91.tmp</t>
  </si>
  <si>
    <t>\\acsfs\profiles$\gabriellalpr\Downloads\395d97f0-6e3e-47ad-aea9-fb0c1d42fd91.tmp</t>
  </si>
  <si>
    <t>03bf2af0-511f-4c57-9b0e-b1b86ad8f935.tmp</t>
  </si>
  <si>
    <t>\\acsfs\profiles$\luanaagl\Downloads\03bf2af0-511f-4c57-9b0e-b1b86ad8f935.tmp</t>
  </si>
  <si>
    <t>2be2f111-9361-4f5c-be7d-29257cfe415b.tmp</t>
  </si>
  <si>
    <t>\\acsfs\profiles$\georgendsq\Downloads\2be2f111-9361-4f5c-be7d-29257cfe415b.tmp</t>
  </si>
  <si>
    <t>6750a837-256d-4aee-ab82-ce5deee74517.tmp</t>
  </si>
  <si>
    <t>\\acsfs\profiles$\georgendsq\Downloads\6750a837-256d-4aee-ab82-ce5deee74517.tmp</t>
  </si>
  <si>
    <t>297c4b0f-774a-496c-901c-c90a8cc81bb9.tmp</t>
  </si>
  <si>
    <t>\\acsfs\profiles$\georgendsq\Downloads\297c4b0f-774a-496c-901c-c90a8cc81bb9.tmp</t>
  </si>
  <si>
    <t>cbe2e29f-a7d0-47df-92ed-bd4a6b4d3c18.tmp</t>
  </si>
  <si>
    <t>\\acsfs\profiles$\georgendsq\Downloads\cbe2e29f-a7d0-47df-92ed-bd4a6b4d3c18.tmp</t>
  </si>
  <si>
    <t>b2be7135-2c88-4eb6-923e-289e29a21fbd.tmp</t>
  </si>
  <si>
    <t>\\acsfs\profiles$\georgendsq\Downloads\b2be7135-2c88-4eb6-923e-289e29a21fbd.tmp</t>
  </si>
  <si>
    <t>69700ddf-44e6-4968-a23a-453a1179e3f8.tmp</t>
  </si>
  <si>
    <t>\\acsfs\profiles$\ALYNYA\Downloads\69700ddf-44e6-4968-a23a-453a1179e3f8.tmp</t>
  </si>
  <si>
    <t>mail.google.com/_/upload?authuser=0&amp;dcp=asu-n&amp;upload_id=AEnB2UpLx-jmxo-O0GWs2qJnjhJbG32uew0Hq8So5eEDkkiAAJE7B_PM1sDodnU3iu0tCpHl1i4G3Hjy43PCkqn6u-ucb5QRXcrU-zNP7yFByzI6J3j45Tk&amp;upload_protocol=resumable</t>
  </si>
  <si>
    <t>winrt--{S-1-5-21-602162358-764733703-839522115-342484}-.searchconnector-ms</t>
  </si>
  <si>
    <t>\\acsfs\profiles$\henriquehmdo\Searches\winrt--{S-1-5-21-602162358-764733703-839522115-342484}-.searchconnector-ms</t>
  </si>
  <si>
    <t>ba95b453-96ac-4f94-87ee-e78e13b5db27.tmp</t>
  </si>
  <si>
    <t>\\acsfs\profiles$\henriquehmdo\Downloads\ba95b453-96ac-4f94-87ee-e78e13b5db27.tmp</t>
  </si>
  <si>
    <t>\\acsfs\deptos\Operacao\PCP\5 - Comum\PLANEJAMENTO BV\23 - EXTRAÇÕES\Agente Login Logout details report\2020\JANEIRO\</t>
  </si>
  <si>
    <t>AGENT LOGIN LOGOUT DETAILS REPORT 03.01.2020.xlsx</t>
  </si>
  <si>
    <t>\\acsfs\deptos\Operacao\PCP\5 - Comum\PLANEJAMENTO BV\23 - EXTRAÇÕES\Agente Login Logout details report\2020\JANEIRO\AGENT LOGIN LOGOUT DETAILS REPORT 03.01.2020.xlsx</t>
  </si>
  <si>
    <t>f584d699-b32c-45c7-98f8-7d128b4d8590.tmp</t>
  </si>
  <si>
    <t>\\acsfs\profiles$\LUCASNS\Downloads\f584d699-b32c-45c7-98f8-7d128b4d8590.tmp</t>
  </si>
  <si>
    <t>D:\OneDrive\AlgarTech\Pré-Vendas\AWS\SAP Apresentacoes.zip\Core Services for SAP on AWS.pptx\</t>
  </si>
  <si>
    <t>Planilha_do_Microsoft_Excel.xlsx</t>
  </si>
  <si>
    <t>D:\OneDrive\AlgarTech\Pré-Vendas\AWS\SAP Apresentacoes.zip\SAP Competition Overview v2.pptx\</t>
  </si>
  <si>
    <t>Planilha_do_Microsoft_Excel1.xlsx</t>
  </si>
  <si>
    <t>2c9980f9-71d7-47f1-96b8-cec1c401d1e8.tmp</t>
  </si>
  <si>
    <t>\\acsfs\profiles$\gabrielaff\Downloads\2c9980f9-71d7-47f1-96b8-cec1c401d1e8.tmp</t>
  </si>
  <si>
    <t>5d58072a-16a8-44d8-8fae-ee53519a5306.tmp</t>
  </si>
  <si>
    <t>\\acsfs\profiles$\lorrainerdl\Downloads\5d58072a-16a8-44d8-8fae-ee53519a5306.tmp</t>
  </si>
  <si>
    <t>Unconfirmed 186546.crdownload</t>
  </si>
  <si>
    <t>\\acsfs\profiles$\henriquehmdo\Downloads\Unconfirmed 186546.crdownload</t>
  </si>
  <si>
    <t>e3651f42-0ef2-4561-a0ca-f2ea5990d5ef.tmp</t>
  </si>
  <si>
    <t>\\acsfs\profiles$\henriquehmdo\Downloads\e3651f42-0ef2-4561-a0ca-f2ea5990d5ef.tmp</t>
  </si>
  <si>
    <t>40a3e224-0f92-4997-908c-eb8b2c46cf74.tmp</t>
  </si>
  <si>
    <t>\\acsfs\profiles$\henriquehmdo\Downloads\40a3e224-0f92-4997-908c-eb8b2c46cf74.tmp</t>
  </si>
  <si>
    <t>63072f57-6fa1-4b5e-a755-ca80614804cf.tmp</t>
  </si>
  <si>
    <t>\\acsfs\profiles$\henriquehmdo\Downloads\63072f57-6fa1-4b5e-a755-ca80614804cf.tmp</t>
  </si>
  <si>
    <t>781d80be-0344-4713-ab06-0e63db419578.tmp</t>
  </si>
  <si>
    <t>\\acsfs\profiles$\THYAGOSP\Downloads\781d80be-0344-4713-ab06-0e63db419578.tmp</t>
  </si>
  <si>
    <t>1181515f-4ec1-4036-a0d4-dc16986d41cd.tmp</t>
  </si>
  <si>
    <t>\\acsfs\profiles$\THYAGOSP\Downloads\1181515f-4ec1-4036-a0d4-dc16986d41cd.tmp</t>
  </si>
  <si>
    <t>c51aa471-6369-4e9d-9186-52678b2ba422.tmp</t>
  </si>
  <si>
    <t>\\acsfs\profiles$\THYAGOSP\Downloads\c51aa471-6369-4e9d-9186-52678b2ba422.tmp</t>
  </si>
  <si>
    <t>AGENT LOGIN LOGOUT DETAILS REPORT 04.01.2020.xlsx</t>
  </si>
  <si>
    <t>\\acsfs\deptos\Operacao\PCP\5 - Comum\PLANEJAMENTO BV\23 - EXTRAÇÕES\Agente Login Logout details report\2020\JANEIRO\AGENT LOGIN LOGOUT DETAILS REPORT 04.01.2020.xlsx</t>
  </si>
  <si>
    <t>AGENT LOGIN LOGOUT DETAILS REPORT 05.01.2020.xlsx</t>
  </si>
  <si>
    <t>\\acsfs\deptos\Operacao\PCP\5 - Comum\PLANEJAMENTO BV\23 - EXTRAÇÕES\Agente Login Logout details report\2020\JANEIRO\AGENT LOGIN LOGOUT DETAILS REPORT 05.01.2020.xlsx</t>
  </si>
  <si>
    <t>7f62ba3d-a3d7-4812-8fe7-98941a91b2b4.tmp</t>
  </si>
  <si>
    <t>\\acsfs\profiles$\quindaizaagds\Downloads\7f62ba3d-a3d7-4812-8fe7-98941a91b2b4.tmp</t>
  </si>
  <si>
    <t>d755c663-8fc8-4fab-80af-315eaf83a5c4.tmp</t>
  </si>
  <si>
    <t>\\acsfs\profiles$\LUCASNS\Downloads\d755c663-8fc8-4fab-80af-315eaf83a5c4.tmp</t>
  </si>
  <si>
    <t>OPERACAO WHIRLPOOL</t>
  </si>
  <si>
    <t>10.200.99.105</t>
  </si>
  <si>
    <t>8C-DC-D4-CA-CC-ED</t>
  </si>
  <si>
    <t>NB-SENILDAPDO</t>
  </si>
  <si>
    <t>senildapdo</t>
  </si>
  <si>
    <t>C:\Users\senildapdo\Downloads\</t>
  </si>
  <si>
    <t>6d88d2655f6c407facdca2e7820dfe98.xls</t>
  </si>
  <si>
    <t>ancestorhasaugmentedp,ancestorhasaugmentedpe,ancestorhasaugmentedpermissions,containsunsubscribedchildren,displayn,displayname,domain,emailaddre,emailaddres,emailaddress,explicitlytrashed,file(kind,fileid,filesize,hasthumbnail,hasvisitorpermissions,id,id),items(deleted,items(kind,ken,kind,lastmodifyinguse,lastmodifyinguser(kind,lastviewedbymedate,mimetype,modifiedbymedate,modifieddate,ontainsunsubscribedchildren,owners(kind,per,permiss,permissio,permission,permissionid,picture,rpermissions,shared,sharedwithmedate,thumbnailversion,thumbnailversion�,title,userpermission(role),workspaceids</t>
  </si>
  <si>
    <t>74d9cd5da0c74139a28d529c871b7abb.xls</t>
  </si>
  <si>
    <t>ancest,ancestorhasaugmentedp,ancestorhasaugmentedpe,ancestorhasaugmentedpermissions,containsunsubscribedchildren,displayn,displayname,domain,emailaddre,emailaddres,emailaddress,explicitlytrashed,file(kind,fileid,filesize,hasthumbnail,hasvisitorpermissions,id,id),items(deleted,items(kind,ken,kind,lastmodifyinguse,lastmodifyinguser(kind,lastviewedbymedate,mimetype,modifiedbymedate,modifieddate,ontainsunsubscribedchildren,owners(kind,per,permiss,permissio,permission,permissionid,pictu,picture,rpermissions,shared,sharedwithmedate,thumbnailversion,thumbnailversion�,title,userpermission(role),workspaceids</t>
  </si>
  <si>
    <t>ae708915-0132-4323-a7a0-b9444b287bc2.tmp</t>
  </si>
  <si>
    <t>\\acsfs\profiles$\rafaelahpn\Downloads\ae708915-0132-4323-a7a0-b9444b287bc2.tmp</t>
  </si>
  <si>
    <t>19a3599a-b89b-40df-9809-1b14fc053e1a.tmp</t>
  </si>
  <si>
    <t>\\acsfs\profiles$\rafaelahpn\Downloads\19a3599a-b89b-40df-9809-1b14fc053e1a.tmp</t>
  </si>
  <si>
    <t>62b3b669-d60c-428b-b816-c9c1a10694cf.tmp</t>
  </si>
  <si>
    <t>\\acsfs\profiles$\gabriellalpr\Downloads\62b3b669-d60c-428b-b816-c9c1a10694cf.tmp</t>
  </si>
  <si>
    <t>0e450243-e3f0-45b5-b81b-40c57d483500.tmp</t>
  </si>
  <si>
    <t>\\acsfs\profiles$\gabrielarb\Downloads\0e450243-e3f0-45b5-b81b-40c57d483500.tmp</t>
  </si>
  <si>
    <t>8ad023e3-6283-4597-b786-23a85b36a98a.tmp</t>
  </si>
  <si>
    <t>\\acsfs\profiles$\marcellewdl\Downloads\8ad023e3-6283-4597-b786-23a85b36a98a.tmp</t>
  </si>
  <si>
    <t>35c05f0e-c4f9-442f-90cc-1497b6108cc0.tmp</t>
  </si>
  <si>
    <t>\\acsfs\profiles$\marcellewdl\Downloads\35c05f0e-c4f9-442f-90cc-1497b6108cc0.tmp</t>
  </si>
  <si>
    <t>7227a2a5-0561-4ac6-a972-a3f960652be0.tmp</t>
  </si>
  <si>
    <t>\\acsfs\profiles$\marcellewdl\Downloads\7227a2a5-0561-4ac6-a972-a3f960652be0.tmp</t>
  </si>
  <si>
    <t>ebd3190a-d757-4c04-a26a-072a6ba48e3f.tmp</t>
  </si>
  <si>
    <t>\\acsfs\profiles$\marcellewdl\Downloads\ebd3190a-d757-4c04-a26a-072a6ba48e3f.tmp</t>
  </si>
  <si>
    <t>D:\OneDrive\Pessoal\Investimentos\Cryp\</t>
  </si>
  <si>
    <t>Calcu_Crypt.xlsx</t>
  </si>
  <si>
    <t>D:\OneDrive\Pessoal\Investimentos\XPi\</t>
  </si>
  <si>
    <t>EstudoMelhoresInvestimentos.xlsx</t>
  </si>
  <si>
    <t>EstudoMelhoresInvestimentos_V2.xlsx</t>
  </si>
  <si>
    <t>XPIvestimentos.xlsx</t>
  </si>
  <si>
    <t>D:\OneDrive\Pessoal\Pizza\LuPrima_03-08-2019\</t>
  </si>
  <si>
    <t>NoitePizza2.xlsx</t>
  </si>
  <si>
    <t>D:\OneDrive\Pessoal\Pizza\LuPrima_03-08-2019-nb-ricardos\</t>
  </si>
  <si>
    <t>D:\OneDrive\Pessoal\Pizza\Netto_21-06-2019\</t>
  </si>
  <si>
    <t>D:\OneDrive\Pessoal\Saude\Venenos\</t>
  </si>
  <si>
    <t>Farmacia.xlsx</t>
  </si>
  <si>
    <t>lu197961gzre5.tmp</t>
  </si>
  <si>
    <t>\\acsfs\profiles$\LUCASBS\RENEG BV\Consolidado\lu197961gzre5.tmp</t>
  </si>
  <si>
    <t>\\acsfs\profiles$\LUCASBS\RENEG BV\Consolidado\lu197961gzre5.tmp\</t>
  </si>
  <si>
    <t>\\acsfs\profiles$\LUCASBS\RENEG BV\Consolidado\lu197961gzre5.tmp\META-INF\</t>
  </si>
  <si>
    <t>\\acsfs\profiles$\LUCASBS\RENEG BV\Consolidado\lu197961gzre5.tmp\Thumbnails\</t>
  </si>
  <si>
    <t>lu197961gzrea.tmp</t>
  </si>
  <si>
    <t>\\acsfs\profiles$\LUCASBS\RENEG BV\Consolidado\lu197961gzrea.tmp</t>
  </si>
  <si>
    <t>\\acsfs\profiles$\LUCASBS\RENEG BV\Consolidado\lu197961gzrea.tmp\</t>
  </si>
  <si>
    <t>\\acsfs\profiles$\LUCASBS\RENEG BV\Consolidado\lu197961gzrea.tmp\META-INF\</t>
  </si>
  <si>
    <t>\\acsfs\profiles$\LUCASBS\RENEG BV\Consolidado\lu197961gzrea.tmp\Thumbnails\</t>
  </si>
  <si>
    <t>b858c84a-7083-44f1-a5d5-42f252c1c622.tmp</t>
  </si>
  <si>
    <t>\\acsfs\profiles$\paulovadc\Downloads\b858c84a-7083-44f1-a5d5-42f252c1c622.tmp</t>
  </si>
  <si>
    <t>89eced9c-eaf6-4022-a900-60b7858c0101.tmp</t>
  </si>
  <si>
    <t>\\acsfs\profiles$\ROZENCAM\Downloads\89eced9c-eaf6-4022-a900-60b7858c0101.tmp</t>
  </si>
  <si>
    <t>768b7096-dea9-4be3-8ef5-cb1bdeb20bcc.tmp</t>
  </si>
  <si>
    <t>\\acsfs\profiles$\matheushds\Downloads\768b7096-dea9-4be3-8ef5-cb1bdeb20bcc.tmp</t>
  </si>
  <si>
    <t>c361298e-8fcc-43e5-9ebe-c54a91fc7fc4.tmp</t>
  </si>
  <si>
    <t>\\acsfs\profiles$\matheushds\Downloads\c361298e-8fcc-43e5-9ebe-c54a91fc7fc4.tmp</t>
  </si>
  <si>
    <t>83fa6c70-4992-48fd-87f6-ca235a07aaf4.tmp</t>
  </si>
  <si>
    <t>\\acsfs\profiles$\inarajst\Downloads\83fa6c70-4992-48fd-87f6-ca235a07aaf4.tmp</t>
  </si>
  <si>
    <t>AGENT LOGIN LOGOUT DETAILS REPORT 06.01.2020.xlsx</t>
  </si>
  <si>
    <t>\\acsfs\deptos\Operacao\PCP\5 - Comum\PLANEJAMENTO BV\23 - EXTRAÇÕES\Agente Login Logout details report\2020\JANEIRO\AGENT LOGIN LOGOUT DETAILS REPORT 06.01.2020.xlsx</t>
  </si>
  <si>
    <t>a602df7c-b091-450e-b315-e1d3631652a5.tmp</t>
  </si>
  <si>
    <t>\\acsfs\profiles$\quindaizaagds\Downloads\a602df7c-b091-450e-b315-e1d3631652a5.tmp</t>
  </si>
  <si>
    <t>\\acsfs\DEPTOS\VCO\OBZ\OBZ - 2019\00 - Arquivos\</t>
  </si>
  <si>
    <t>Lista Entidades e Pacoteiros_v2.xlsx</t>
  </si>
  <si>
    <t>9a684422-f7e9-4417-9ba3-28142303960b.tmp</t>
  </si>
  <si>
    <t>\\acsfs\profiles$\PEDROHAB\Downloads\9a684422-f7e9-4417-9ba3-28142303960b.tmp</t>
  </si>
  <si>
    <t>Relatorio de Vendas - Auditoria BV Cartoes (Janeiro) -correto - auditor.xlsx</t>
  </si>
  <si>
    <t>\\acsfs\DEPTOS\Operacao\Banco_Votorantim\Qualidade\Anderson\Jose\Atualizado\Relatorio de Vendas - Auditoria BV Cartoes (Janeiro) -correto - auditor.xlsx</t>
  </si>
  <si>
    <t>d32913de-9d92-4d7e-baf2-ac3a48ae9d46.tmp</t>
  </si>
  <si>
    <t>\\acsfs\profiles$\mariagsg\Downloads\d32913de-9d92-4d7e-baf2-ac3a48ae9d46.tmp</t>
  </si>
  <si>
    <t>e8d18988-285f-494f-a3b0-d227daf3bce1.tmp</t>
  </si>
  <si>
    <t>\\acsfs\profiles$\mariagsg\Downloads\e8d18988-285f-494f-a3b0-d227daf3bce1.tmp</t>
  </si>
  <si>
    <t>b8a75082-5663-435d-a0af-9749c2471d75.tmp</t>
  </si>
  <si>
    <t>\\acsfs\profiles$\luanaagl\Downloads\b8a75082-5663-435d-a0af-9749c2471d75.tmp</t>
  </si>
  <si>
    <t>08e4cac7-e0f4-4ad6-982a-1d9791a32be1.tmp</t>
  </si>
  <si>
    <t>\\acsfs\profiles$\luanaagl\Downloads\08e4cac7-e0f4-4ad6-982a-1d9791a32be1.tmp</t>
  </si>
  <si>
    <t>13ec0616-fbd6-4bd2-855f-830065b8a124.tmp</t>
  </si>
  <si>
    <t>\\acsfs\profiles$\ALYNYA\Downloads\13ec0616-fbd6-4bd2-855f-830065b8a124.tmp</t>
  </si>
  <si>
    <t>ff43110a-7edd-4c33-89a4-8c41ddeb676a.tmp</t>
  </si>
  <si>
    <t>\\acsfs\profiles$\camillaleb\Downloads\ff43110a-7edd-4c33-89a4-8c41ddeb676a.tmp</t>
  </si>
  <si>
    <t>C:\Users\raicdf\Documents\</t>
  </si>
  <si>
    <t>Ferias.png</t>
  </si>
  <si>
    <t>4a88b23b-7004-4019-823a-039bd7a969c1.tmp</t>
  </si>
  <si>
    <t>\\acsfs\profiles$\matheushds\Downloads\4a88b23b-7004-4019-823a-039bd7a969c1.tmp</t>
  </si>
  <si>
    <t>541bd42d-ec28-42b7-ab1d-c3b6184e2b2f.tmp</t>
  </si>
  <si>
    <t>\\acsfs\profiles$\matheushds\Downloads\541bd42d-ec28-42b7-ab1d-c3b6184e2b2f.tmp</t>
  </si>
  <si>
    <t>c8406797-577e-4305-9764-455fedb0d51a.tmp</t>
  </si>
  <si>
    <t>\\acsfs\profiles$\claudiajca\Downloads\c8406797-577e-4305-9764-455fedb0d51a.tmp</t>
  </si>
  <si>
    <t>fc634998-4021-45b8-aecf-f5ed96978263.tmp</t>
  </si>
  <si>
    <t>\\acsfs\profiles$\claudiajca\Downloads\fc634998-4021-45b8-aecf-f5ed96978263.tmp</t>
  </si>
  <si>
    <t>\\acsfs\ACS\Gabriel da Silva\Contemporânea\Gen\2B0A47A8.tmp\</t>
  </si>
  <si>
    <t>\\acsfs\ACS\Gabriel da Silva\Contemporânea\Gen\2B0A47A8.tmp\:Zone.Identifier:$DATA</t>
  </si>
  <si>
    <t>Dados turma inicial.xlsx</t>
  </si>
  <si>
    <t>\\acsfs\ACS\Gabriel da Silva\Contemporânea\Gen\Dados turma inicial.xlsx</t>
  </si>
  <si>
    <t>outlook.office.com/owa/service.svc?action=CreateItem&amp;app=Mail&amp;n=818</t>
  </si>
  <si>
    <t>luizffn@algartech.com;mirianppb@algartech.com;robsonams@algartech.com;</t>
  </si>
  <si>
    <t>luizffn@algartech.com,mirianppb@algartech.com,robsonams@algartech.com</t>
  </si>
  <si>
    <t>outlook.office.com/owa/service.svc?action=CreateItem&amp;app=Mail&amp;n=841</t>
  </si>
  <si>
    <t>outlook.office.com/owa/service.svc?action=CreateItem&amp;app=Mail&amp;n=850</t>
  </si>
  <si>
    <t>5be5c779-88d4-4b53-b79e-7874b9437c6d.tmp</t>
  </si>
  <si>
    <t>\\acsfs\profiles$\rafaelahpn\Downloads\5be5c779-88d4-4b53-b79e-7874b9437c6d.tmp</t>
  </si>
  <si>
    <t>1716d600-1269-41ed-ba47-ed9a62feab1d.tmp</t>
  </si>
  <si>
    <t>\\acsfs\profiles$\sarahbal\Downloads\1716d600-1269-41ed-ba47-ed9a62feab1d.tmp</t>
  </si>
  <si>
    <t>2fd444ba-82f5-4c7d-832b-4fe1dfac8cb3.tmp</t>
  </si>
  <si>
    <t>\\acsfs\profiles$\sarahbal\Downloads\2fd444ba-82f5-4c7d-832b-4fe1dfac8cb3.tmp</t>
  </si>
  <si>
    <t>marciags@algartech.com.br;</t>
  </si>
  <si>
    <t>Resultado QLD</t>
  </si>
  <si>
    <t>DIA 31 FECHAMENTO.xls</t>
  </si>
  <si>
    <t>marciags@algartech.com.br</t>
  </si>
  <si>
    <t>a75a2508-4e4d-4a37-9cc0-dc29ed27274f.tmp</t>
  </si>
  <si>
    <t>\\acsfs\profiles$\marcellewdl\Downloads\a75a2508-4e4d-4a37-9cc0-dc29ed27274f.tmp</t>
  </si>
  <si>
    <t>FAROL DE QUALIDADE.pptx</t>
  </si>
  <si>
    <t>\\acsfs\ACS\001 - Qualidade Lilian\PAULO\FAROL DE QUALIDADE\Janeiro\FAROL DE QUALIDADE.pptx</t>
  </si>
  <si>
    <t>786a4319-950d-4a68-97a8-33d954591a53.tmp</t>
  </si>
  <si>
    <t>\\acsfs\profiles$\jaquelinecp\Downloads\786a4319-950d-4a68-97a8-33d954591a53.tmp</t>
  </si>
  <si>
    <t>10.200.66.36</t>
  </si>
  <si>
    <t>d009edb2-11c8-4d21-938e-5df5a28b06f6.tmp</t>
  </si>
  <si>
    <t>\\acsfs\profiles$\francislayneads\Downloads\d009edb2-11c8-4d21-938e-5df5a28b06f6.tmp</t>
  </si>
  <si>
    <t>dc5582fa-de4f-419a-bad3-fcc0595b01f3.tmp</t>
  </si>
  <si>
    <t>\\acsfs\profiles$\francislayneads\Downloads\dc5582fa-de4f-419a-bad3-fcc0595b01f3.tmp</t>
  </si>
  <si>
    <t>YASMIN SOARES COSTA_1_6774009165065041610_1_32.wav</t>
  </si>
  <si>
    <t>\\acsfs\Deptos\EDUCACAO EMPRESARIAL\KÉSIA\Ligações 1º Ciclo - Janeiro 2020\YASMIN SOARES COSTA_1_6774009165065041610_1_32.wav</t>
  </si>
  <si>
    <t>C:\Users\edilsonrb\Documents\02.Trabalho\86.ANO.2020\01.CLIENTES\01.PRUDENTIAL\01.JANEIRO\03.EQUIPE.GIAT\</t>
  </si>
  <si>
    <t>Associados Sustentação Prudential - Final.Sem.Salario.xlsx</t>
  </si>
  <si>
    <t>4547776a-a222-4e0e-8f91-e8a709f35158.tmp</t>
  </si>
  <si>
    <t>\\acsfs\profiles$\gabrielaff\Downloads\4547776a-a222-4e0e-8f91-e8a709f35158.tmp</t>
  </si>
  <si>
    <t>martala@algartech.com;</t>
  </si>
  <si>
    <t>martala@algartech.com</t>
  </si>
  <si>
    <t>GABRIELA FERREIRA SILVA (20428).contact</t>
  </si>
  <si>
    <t>\\acsfs\profiles$\gabrielafs\Contacts\GABRIELA FERREIRA SILVA (20428).contact</t>
  </si>
  <si>
    <t>4222a5b9-cb69-493f-aa77-8c6a3aee1a68.tmp</t>
  </si>
  <si>
    <t>\\acsfs\profiles$\leonardobb\Downloads\4222a5b9-cb69-493f-aa77-8c6a3aee1a68.tmp</t>
  </si>
  <si>
    <t>d302bf18-d744-4024-a719-f8f02c40c736.tmp</t>
  </si>
  <si>
    <t>\\acsfs\profiles$\lorraynevam\Downloads\d302bf18-d744-4024-a719-f8f02c40c736.tmp</t>
  </si>
  <si>
    <t>88d627a2-6262-4398-88d7-d8512018f032.tmp</t>
  </si>
  <si>
    <t>\\acsfs\profiles$\gabrielarb\Downloads\88d627a2-6262-4398-88d7-d8512018f032.tmp</t>
  </si>
  <si>
    <t>lu144441jw0t.tmp</t>
  </si>
  <si>
    <t>\\acsfs\profiles$\ALEXANDREMM\lu144441jw0t.tmp</t>
  </si>
  <si>
    <t>\\acsfs\profiles$\ALEXANDREMM\lu144441jw0t.tmp\</t>
  </si>
  <si>
    <t>\\acsfs\profiles$\ALEXANDREMM\lu144441jw0t.tmp\META-INF\</t>
  </si>
  <si>
    <t>\\acsfs\profiles$\ALEXANDREMM\lu144441jw0t.tmp\Thumbnails\</t>
  </si>
  <si>
    <t>caique.silva@cscalgar.com.br;celmars@algartech.com;gleice.oliveira@cscalgar.com.br;higorsr@algartech.com;janecsa@algartech.com;juliocedo@algartech.com;marcellusrlj@algartech.com;rudneylc@algartech.com;sueleide.silva@cscalgar.com.br;</t>
  </si>
  <si>
    <t>Rescisórias_Financeiras.xlsx</t>
  </si>
  <si>
    <t>caique.silva@cscalgar.com.br,celmars@algartech.com,gleice.oliveira@cscalgar.com.br,higorsr@algartech.com,janecsa@algartech.com,juliocedo@algartech.com,marcellusrlj@algartech.com,rudneylc@algartech.com,sueleide.silva@cscalgar.com.br</t>
  </si>
  <si>
    <t>mail.google.com/sync/u/0/i/s?hl=pt-BR&amp;c=343</t>
  </si>
  <si>
    <t>c771746e-55c2-4c69-a765-f7078f7084b9.tmp</t>
  </si>
  <si>
    <t>\\acsfs\profiles$\gabrielafs\Downloads\c771746e-55c2-4c69-a765-f7078f7084b9.tmp</t>
  </si>
  <si>
    <t>b3153832-a2a7-4dd7-9053-921968fbd26c.tmp</t>
  </si>
  <si>
    <t>\\acsfs\profiles$\gabrielafs\Downloads\b3153832-a2a7-4dd7-9053-921968fbd26c.tmp</t>
  </si>
  <si>
    <t>c3c23f69-7e3a-405b-91e4-0120bcdb1fdf.tmp</t>
  </si>
  <si>
    <t>\\acsfs\profiles$\gabrielafs\Downloads\c3c23f69-7e3a-405b-91e4-0120bcdb1fdf.tmp</t>
  </si>
  <si>
    <t>5a7a4a26-e633-4a4e-8c9c-be464aeda4e2.tmp</t>
  </si>
  <si>
    <t>\\acsfs\profiles$\gabrielafs\Downloads\5a7a4a26-e633-4a4e-8c9c-be464aeda4e2.tmp</t>
  </si>
  <si>
    <t>72b28a0d-95ba-4df6-8882-7a5703a33a0d.tmp</t>
  </si>
  <si>
    <t>\\acsfs\profiles$\THYAGOSP\Downloads\72b28a0d-95ba-4df6-8882-7a5703a33a0d.tmp</t>
  </si>
  <si>
    <t>\\acsfs\ACS\Gabriel da Silva\Contemporânea\Gen\600176E1.tmp\</t>
  </si>
  <si>
    <t>\\acsfs\ACS\Gabriel da Silva\Contemporânea\Gen\600176E1.tmp\:Zone.Identifier:$DATA</t>
  </si>
  <si>
    <t>outlook.office.com/owa/service.svc?action=CreateItem&amp;app=Mail&amp;n=156</t>
  </si>
  <si>
    <t>josiascdsj@algartech.com;</t>
  </si>
  <si>
    <t>9a9aff70-d663-49b0-85ec-150fd191dcd3.tmp</t>
  </si>
  <si>
    <t>\\acsfs\profiles$\lorraynevam\Downloads\9a9aff70-d663-49b0-85ec-150fd191dcd3.tmp</t>
  </si>
  <si>
    <t>d862242e-aab2-4284-a4ea-c41ea3671dbb.tmp</t>
  </si>
  <si>
    <t>\\acsfs\profiles$\lorraynevam\Downloads\d862242e-aab2-4284-a4ea-c41ea3671dbb.tmp</t>
  </si>
  <si>
    <t>7531136b-6290-4ec8-bb67-667cf60425f4.tmp</t>
  </si>
  <si>
    <t>\\acsfs\profiles$\rafaelamsv\Downloads\7531136b-6290-4ec8-bb67-667cf60425f4.tmp</t>
  </si>
  <si>
    <t>10.250.255.10</t>
  </si>
  <si>
    <t>NB-DENYSGDS</t>
  </si>
  <si>
    <t>denysgds</t>
  </si>
  <si>
    <t>https://caey.fa.us2.oraclecloud.com/crmui/faces/fusewelcome?_adf.ctrl-state=ywvl7ebr_5</t>
  </si>
  <si>
    <t>C:\Users\denysgds\Documents\Backup Denys\Denys Guidio Backup\Backup\Faber Castell\216445 RFP\01-2020\</t>
  </si>
  <si>
    <t>216445 Plan Precificacao C018 B018_v7.xlsb</t>
  </si>
  <si>
    <t>C:\Users\denysgds\Documents\Backup Denys\Denys Guidio Backup\Backup\Faber Castell\216445 RFP\01-2020\216445 Plan Precificacao C018 B018_v7.xlsb\</t>
  </si>
  <si>
    <t>LAIS RIBEIRO_1_6774810189350644011_1_32.wav</t>
  </si>
  <si>
    <t>\\acsfs\Deptos\EDUCACAO EMPRESARIAL\KÉSIA\Ligações 1º Ciclo - Janeiro 2020\LAIS RIBEIRO_1_6774810189350644011_1_32.wav</t>
  </si>
  <si>
    <t>celmars@algartech.com;lucianapdre@algartech.com;vivianercu@algartech.com;</t>
  </si>
  <si>
    <t>Receita Infra 2017_2018_2019.xlsx</t>
  </si>
  <si>
    <t>celmars@algartech.com,lucianapdre@algartech.com,vivianercu@algartech.com</t>
  </si>
  <si>
    <t>C:\Users\josiascdsj\Downloads\</t>
  </si>
  <si>
    <t>\\acsfs\DEPTOS\Operacao\PCP\5 - Comum\JUKA\Divisão Supervisores.xlsx</t>
  </si>
  <si>
    <t>\\acsfs\DEPTOS\Operacao\PCP\5 - Comum\JUKA\Divisão Supervisores.xlsx\</t>
  </si>
  <si>
    <t>\\acsfs\DEPTOS\Operacao\PCP\5 - Comum\JUKA\Divisão Supervisores.xlsx\:Zone.Identifier:$DATA</t>
  </si>
  <si>
    <t>7ed42a54-a6a0-4517-9426-97f70be8ded3.tmp</t>
  </si>
  <si>
    <t>\\acsfs\profiles$\felipetds\Downloads\7ed42a54-a6a0-4517-9426-97f70be8ded3.tmp</t>
  </si>
  <si>
    <t>https://andrelpsa@algartech.com,leonardoao@algartech.com,rafaelggs@algartech.com,supervisaobancovotorantim@algartech.com</t>
  </si>
  <si>
    <t>martala@algartech.com;supervisaobancovotorantim@algartech.com;</t>
  </si>
  <si>
    <t>martala@algartech.com,supervisaobancovotorantim@algartech.com</t>
  </si>
  <si>
    <t>ef09a001-504e-4af9-8f61-07cbfda870db.tmp</t>
  </si>
  <si>
    <t>\\acsfs\profiles$\gabrielafs\Downloads\ef09a001-504e-4af9-8f61-07cbfda870db.tmp</t>
  </si>
  <si>
    <t>27fb1709-a880-4973-b162-9911a28e4645.tmp</t>
  </si>
  <si>
    <t>\\acsfs\profiles$\leonardobb\Downloads\27fb1709-a880-4973-b162-9911a28e4645.tmp</t>
  </si>
  <si>
    <t>lu144321cgovp.tmp</t>
  </si>
  <si>
    <t>\\acsfs\profiles$\dhiulliananads\My Documents\lu144321cgovp.tmp</t>
  </si>
  <si>
    <t>\\acsfs\profiles$\dhiulliananads\My Documents\lu144321cgovp.tmp\</t>
  </si>
  <si>
    <t>\\acsfs\profiles$\dhiulliananads\My Documents\lu144321cgovp.tmp\META-INF\</t>
  </si>
  <si>
    <t>\\acsfs\profiles$\dhiulliananads\My Documents\lu144321cgovp.tmp\Thumbnails\</t>
  </si>
  <si>
    <t>10.213.2.3</t>
  </si>
  <si>
    <t>A0-88-69-CE-EB-AE</t>
  </si>
  <si>
    <t>SP350002373</t>
  </si>
  <si>
    <t>edsonbc</t>
  </si>
  <si>
    <t>mail.google.com/_/upload?authuser=0&amp;dcp=asu-n&amp;upload_id=AEnB2UoMgXybpN_BThyN7qbQUmeucDU5gqSJ0SeYw41qEd2_dnMwKIw8RocWbzmnPzstWeZIUF3IHW5yWcZ97hLlk9UDaHFW61Adjwxv5buVw7ocgsyYERw&amp;upload_protocol=resumable</t>
  </si>
  <si>
    <t>\\acsfs\deptos\Regionais\SPO\TALENTOS_HUMANOS_SPO\SESMT_SPO\2015_ORGANIZAÇÃO DOS DIRETÓRIOS\NRs\NR-11\</t>
  </si>
  <si>
    <t>ST de Treinamentos de NR's para Regional SP e Rota Sul.xlsx</t>
  </si>
  <si>
    <t>61352108-ef7a-4f59-973e-54f781eb5efa.tmp</t>
  </si>
  <si>
    <t>\\acsfs\profiles$\sarahbal\Downloads\61352108-ef7a-4f59-973e-54f781eb5efa.tmp</t>
  </si>
  <si>
    <t>1ec6a98a-8aef-49f4-9b78-ebfbbbb39b23.tmp</t>
  </si>
  <si>
    <t>\\acsfs\profiles$\gabrielarb\Downloads\1ec6a98a-8aef-49f4-9b78-ebfbbbb39b23.tmp</t>
  </si>
  <si>
    <t>9ab99640-94bd-45d3-8a40-f16a396eda9c.tmp</t>
  </si>
  <si>
    <t>\\acsfs\profiles$\camillaleb\Downloads\9ab99640-94bd-45d3-8a40-f16a396eda9c.tmp</t>
  </si>
  <si>
    <t>39df5d55-3ff4-4528-8f9d-ddd45aa1e9cc.tmp</t>
  </si>
  <si>
    <t>\\acsfs\profiles$\KARENDSR\Downloads\39df5d55-3ff4-4528-8f9d-ddd45aa1e9cc.tmp</t>
  </si>
  <si>
    <t>C:\Users\heliorg\OneDrive - Grupo Algar\6. Projetos GST\FrotaProdutiva, Deslocamento fora da Jornada e Rota Certa\</t>
  </si>
  <si>
    <t>Cópia de BP-Rota_Certa_e_Frota_Produtiva_final.xlsx</t>
  </si>
  <si>
    <t>6db0bb84-a708-4bc4-98d8-f8715e241f41.tmp</t>
  </si>
  <si>
    <t>\\acsfs\profiles$\lucasgpe\Downloads\6db0bb84-a708-4bc4-98d8-f8715e241f41.tmp</t>
  </si>
  <si>
    <t>e1099aa9-22a2-4480-97f7-b478f2fe8b76.tmp</t>
  </si>
  <si>
    <t>\\acsfs\profiles$\gabrielafs\Downloads\e1099aa9-22a2-4480-97f7-b478f2fe8b76.tmp</t>
  </si>
  <si>
    <t>image2020-01-07-095533.pdf</t>
  </si>
  <si>
    <t>IMG-20200107-WA0000.jpg</t>
  </si>
  <si>
    <t>IMG-20200107-WA0001.jpg</t>
  </si>
  <si>
    <t>andregc@algartech.com;douglassp@algartech.com;douglassp@algartecnologia.com.br;julianaem@algartech.com;supervisaobancovotorantim@algartech.com;taysdss@algartech.com;topperformance@algartech.com;</t>
  </si>
  <si>
    <t>andregc@algartech.com,douglassp@algartech.com,douglassp@algartecnologia.com.br,julianaem@algartech.com,supervisaobancovotorantim@algartech.com,taysdss@algartech.com,topperformance@algartech.com</t>
  </si>
  <si>
    <t>andregc@algartech.com;andrelps@algartech.com;camilasilva@algartech.com;joaogbma@algartech.com;julianaem@algartech.com;marcelobsa@algartech.com;supervisaobancovotorantim@algartech.com;taysdss@algartech.com;topperformance@algartech.com;</t>
  </si>
  <si>
    <t>andregc@algartech.com,andrelps@algartech.com,camilasilva@algartech.com,joaogbma@algartech.com,julianaem@algartech.com,marcelobsa@algartech.com,supervisaobancovotorantim@algartech.com,taysdss@algartech.com,topperformance@algartech.com</t>
  </si>
  <si>
    <t>79c8a780-8339-4a9e-948a-1d092023b37c.tmp</t>
  </si>
  <si>
    <t>\\acsfs\profiles$\rafaelamsv\Downloads\79c8a780-8339-4a9e-948a-1d092023b37c.tmp</t>
  </si>
  <si>
    <t>10.200.61.4</t>
  </si>
  <si>
    <t>D8-9C-67-6F-10-75</t>
  </si>
  <si>
    <t>NB-EDIENEL</t>
  </si>
  <si>
    <t>edienelnpi</t>
  </si>
  <si>
    <t>C:\Users\edienelnpi\Desktop\</t>
  </si>
  <si>
    <t>Motivos.xlsx</t>
  </si>
  <si>
    <t>3ffda9b3-8ea8-4040-afd1-9992af104893.tmp</t>
  </si>
  <si>
    <t>\\acsfs\profiles$\luanarda\Downloads\3ffda9b3-8ea8-4040-afd1-9992af104893.tmp</t>
  </si>
  <si>
    <t>mail.google.com/_/upload?authuser=1&amp;dcp=asu-n&amp;upload_id=AEnB2UohP5trToZHLKgDbWc2SNORtWQ0CS0zExJhzOCKreAbR0c2hJ8v7Sm7dw78ZYaMA1-SneRIFjEpyB-eToBi40edW_Bx3A&amp;upload_protocol=resumable</t>
  </si>
  <si>
    <t>e49cc92f-9fdf-4b5b-966f-d79da72399ca.tmp</t>
  </si>
  <si>
    <t>\\acsfs\profiles$\marcellewdl\Downloads\e49cc92f-9fdf-4b5b-966f-d79da72399ca.tmp</t>
  </si>
  <si>
    <t>80c2cd14-bdc8-4186-86d9-e346f1f3ab7b.tmp</t>
  </si>
  <si>
    <t>\\acsfs\profiles$\gabrielhca\Downloads\80c2cd14-bdc8-4186-86d9-e346f1f3ab7b.tmp</t>
  </si>
  <si>
    <t>\\acsfs\ACS\001 - Qualidade Lilian\PAULO\1° Ciclo Janeiro Tainara.txt</t>
  </si>
  <si>
    <t>mail.google.com/mail/u/0/jserror?script=https://mail.google.com/mail/u/0/#inbox&amp;error=class$obf_1008: [/sync/u/0/el2] ef: unsupported http status: 503&amp;line=not available&amp;txz=p</t>
  </si>
  <si>
    <t>85e94e1a-f03b-495b-96a8-e07c04ad24fa.tmp</t>
  </si>
  <si>
    <t>\\acsfs\profiles$\lorenabmc\Downloads\85e94e1a-f03b-495b-96a8-e07c04ad24fa.tmp</t>
  </si>
  <si>
    <t>11cfd8e7-5622-4ddc-b0ba-65f80a68fafd.tmp</t>
  </si>
  <si>
    <t>\\acsfs\profiles$\lorenabmc\Downloads\11cfd8e7-5622-4ddc-b0ba-65f80a68fafd.tmp</t>
  </si>
  <si>
    <t>975fdcbf-560b-465a-92ed-b7cda0534ad4.tmp</t>
  </si>
  <si>
    <t>\\acsfs\profiles$\lorenabmc\Downloads\975fdcbf-560b-465a-92ed-b7cda0534ad4.tmp</t>
  </si>
  <si>
    <t>D:\OneDrive\AlgarTech\Pré-Vendas\Cliente\2019\Royal FIC\</t>
  </si>
  <si>
    <t>HorasExtras.xlsx</t>
  </si>
  <si>
    <t>D:\OneDrive\AlgarTech\Pré-Vendas\Cliente\2019\Aphaville\EstudoInfra\</t>
  </si>
  <si>
    <t>Preço_Infra_ESTIMADO_V2.xlsb</t>
  </si>
  <si>
    <t>Preço_Infra_ESTIMADO_V1.xlsb</t>
  </si>
  <si>
    <t>Matriz de Serviços.xlsx</t>
  </si>
  <si>
    <t>Matriz de Serviços - Itens contemplados.xlsx</t>
  </si>
  <si>
    <t>CAPEX_Infra_V2.xlsx</t>
  </si>
  <si>
    <t>CAPEX_Infra.xlsx</t>
  </si>
  <si>
    <t>D:\OneDrive\AlgarTech\Pré-Vendas\Cliente\2019\Aphaville\GIAT + NOC\</t>
  </si>
  <si>
    <t>Dimensionamento do Serviço GIAT v05 - Dezembro 2018 v2.xlsm</t>
  </si>
  <si>
    <t>Cópia de Matriz de Serviços - Itens contemplados.xlsx</t>
  </si>
  <si>
    <t>Cloud Journey (version 1).xlsx</t>
  </si>
  <si>
    <t>BP Preço C015 B014 Desonerada_RV PL SL. Mín.xlsb</t>
  </si>
  <si>
    <t>D:\OneDrive\AlgarTech\Pré-Vendas\Cliente\2019\Aphaville\GIAT + NOC\BP Preço C015 B014 Desonerada_RV PL SL. Mín.xlsb\</t>
  </si>
  <si>
    <t>D:\OneDrive\AlgarTech\Pré-Vendas\Cliente\2019\Banco de Tokyo\199279 - Operador de Produção\</t>
  </si>
  <si>
    <t>Dimensionamento_V3.xlsx</t>
  </si>
  <si>
    <t>Dimensionamento_V2.xlsx</t>
  </si>
  <si>
    <t>Dimensionamento.xlsx</t>
  </si>
  <si>
    <t>199279_Preco_V2.xlsb</t>
  </si>
  <si>
    <t>D:\OneDrive\AlgarTech\Pré-Vendas\Cliente\2019\Banco de Tokyo\199279 - Operador de Produção\199279_Preco_V2.xlsb\</t>
  </si>
  <si>
    <t>199279_Preco_V1.xlsb</t>
  </si>
  <si>
    <t>D:\OneDrive\AlgarTech\Pré-Vendas\Cliente\2019\Banco de Tokyo\199279 - Operador de Produção\199279_Preco_V1.xlsb\</t>
  </si>
  <si>
    <t>199279_Preco_V1 - Copia.xlsb</t>
  </si>
  <si>
    <t>D:\OneDrive\AlgarTech\Pré-Vendas\Cliente\2019\Banco de Tokyo\199279 - Operador de Produção\199279_Preco_V1 - Copia.xlsb\</t>
  </si>
  <si>
    <t>D:\OneDrive\AlgarTech\Pré-Vendas\Cliente\2019\Cervello\175291 - Aumento de capacidade servidor\</t>
  </si>
  <si>
    <t>Preco_175291_V1.xlsb</t>
  </si>
  <si>
    <t>Ambiente_Cervello.xlsx</t>
  </si>
  <si>
    <t>D:\OneDrive\AlgarTech\Pré-Vendas\Cliente\2019\Cetelem\ApoioLucia\</t>
  </si>
  <si>
    <t>192281_Cetelem_PropostaTransacional_V1.xls</t>
  </si>
  <si>
    <t>D:\OneDrive\AlgarTech\Pré-Vendas\Cliente\2019\CPFL Renovaveis\Regularização Lic Microsoft\</t>
  </si>
  <si>
    <t>Preco_V1.xlsb</t>
  </si>
  <si>
    <t>D:\OneDrive\AlgarTech\Pré-Vendas\Cliente\2019\Desenvolve SP\187309 - TermoReferencia_Edital2019\</t>
  </si>
  <si>
    <t>Certificações Algartech.xlsx</t>
  </si>
  <si>
    <t>D:\OneDrive\AlgarTech\Pré-Vendas\Cliente\2019\EPTV\181322 - Renovação Contratual\</t>
  </si>
  <si>
    <t>D:\OneDrive\AlgarTech\Pré-Vendas\Cliente\2019\EPTV\193272 - EPTV - 2 pontos de rede\</t>
  </si>
  <si>
    <t>193272 preço.xlsb</t>
  </si>
  <si>
    <t>D:\OneDrive\AlgarTech\Pré-Vendas\Cliente\2019\USJ\181263 - Rack temporário para migração de dados\</t>
  </si>
  <si>
    <t>Preco_V2_Simulacao.xlsb</t>
  </si>
  <si>
    <t>Informações NAS - T-Systems.xlsx</t>
  </si>
  <si>
    <t>Cabeamentos.xlsx</t>
  </si>
  <si>
    <t>D:\OneDrive\AlgarTech\Pré-Vendas\Cliente\2019\_Apoio\AlgarTelecom\</t>
  </si>
  <si>
    <t>PrecoColocationCabo.xlsb</t>
  </si>
  <si>
    <t>D:\OneDrive\AlgarTech\Pré-Vendas\Cliente\2019\_Apoio\CotaçãoFabioHenrique\</t>
  </si>
  <si>
    <t>Preco_DataCenter_V1.xlsb</t>
  </si>
  <si>
    <t>LPU Algar - R640 - 10012019 v12.xlsm</t>
  </si>
  <si>
    <t>D:\OneDrive\AlgarTech\Pré-Vendas\Cliente\2019\Aphaville\EstudoInfra\Investimentos\</t>
  </si>
  <si>
    <t>LPU Algar - R640 - 10032019 v12.2.xlsm</t>
  </si>
  <si>
    <t>D:\OneDrive\AlgarTech\Pré-Vendas\Cliente\2019\Aphaville\EstudoInfra\Investimentos\Cotações_FIrewallBalanceador.msg\s144\</t>
  </si>
  <si>
    <t>CotacaoRicardoSoares.xlsx</t>
  </si>
  <si>
    <t>D:\OneDrive\AlgarTech\Pré-Vendas\Cliente\2019\Aphaville\GIAT + NOC\Preco_Soares\</t>
  </si>
  <si>
    <t>D:\OneDrive\AlgarTech\Pré-Vendas\Cliente\2019\Aphaville\GIAT + NOC\Preco_Soares\BP Preço C015 B014 Desonerada_RV PL SL. Mín.xlsb\</t>
  </si>
  <si>
    <t>D:\OneDrive\AlgarTech\Pré-Vendas\Cliente\2019\C&amp;C IT\164248 - Renovação Contratual\2 - Analise Financeira\</t>
  </si>
  <si>
    <t>Preco_V3_C&amp;C_164248.xlsb</t>
  </si>
  <si>
    <t>Preco_V2_C&amp;C_164248.xlsb</t>
  </si>
  <si>
    <t>Preco_V1_C&amp;C.xlsb</t>
  </si>
  <si>
    <t>D:\OneDrive\AlgarTech\Pré-Vendas\Cliente\2019\C&amp;C IT\164248 - Renovação Contratual\3 - Informações\OcupacaoCOLOCATION.msg\s133\</t>
  </si>
  <si>
    <t>EQUIPAMENTOS C&amp;C.xlsx</t>
  </si>
  <si>
    <t>D:\OneDrive\AlgarTech\Pré-Vendas\Cliente\2019\C&amp;C IT\164248 - Renovação Contratual\3 - Informações\</t>
  </si>
  <si>
    <t>EQUIPAMENTOS CC (003)_V2.xlsx</t>
  </si>
  <si>
    <t>EQUIPAMENTOS CC (003)_Old.xlsx</t>
  </si>
  <si>
    <t>EQUIPAMENTOS CC (003).xlsx</t>
  </si>
  <si>
    <t>D:\OneDrive\AlgarTech\Pré-Vendas\Cliente\2019\Decimo Cartorio\193296 - Migração de Plataforma\2 - Analise Financeira\</t>
  </si>
  <si>
    <t>Preco_10Cartorios_MudaPlataforma_SOMENTEMIGRACAO.xlsb</t>
  </si>
  <si>
    <t>Preco_10Cartorios_MudaPlataforma.xlsb</t>
  </si>
  <si>
    <t>D:\OneDrive\AlgarTech\Pré-Vendas\Cliente\2019\Decimo Cartorio\193296 - Migração de Plataforma\3 - Informações\</t>
  </si>
  <si>
    <t>Sizing_V1.xlsx</t>
  </si>
  <si>
    <t>D:\OneDrive\AlgarTech\Pré-Vendas\Cliente\2019\Desenvolve SP\187309 - TermoReferencia_Edital2019\AlteraçãoEscopo_Nov2019\</t>
  </si>
  <si>
    <t>Sizing_V2.xlsx</t>
  </si>
  <si>
    <t>Preco_Cotacao_AlteracaoEscopo_V1.xlsb</t>
  </si>
  <si>
    <t>LPU ALGAR - R640 - 20092019 v1.xlsm</t>
  </si>
  <si>
    <t>DSP - Tabela de Preços 2019.xlsx</t>
  </si>
  <si>
    <t>D:\OneDrive\AlgarTech\Pré-Vendas\Cliente\2019\Desenvolve SP\187309 - TermoReferencia_Edital2019\Cotacao_Julho-2019\</t>
  </si>
  <si>
    <t>Tabela de Preços 2019_V3.xlsx</t>
  </si>
  <si>
    <t>Tabela de Preços 2019_V2.xlsx</t>
  </si>
  <si>
    <t>Tabela de Preços 2019_V1.xlsx</t>
  </si>
  <si>
    <t>Sizing.xlsx</t>
  </si>
  <si>
    <t>Preco_Cotacao_Julho-2019_V3.xlsb</t>
  </si>
  <si>
    <t>Preco_Cotacao_Julho-2019_V2.xlsb</t>
  </si>
  <si>
    <t>Preco_Cotacao_Julho-2019.xlsb</t>
  </si>
  <si>
    <t>LPU Algar - R640 - 13052019 v12.5 - 12-06.xlsm</t>
  </si>
  <si>
    <t>D:\OneDrive\AlgarTech\Pré-Vendas\Cliente\2019\Desenvolve SP\187309 - TermoReferencia_Edital2019\Cotacao_Julho-2019\ENC_ 187309 - Desenvolve SP - Data Center.msg\s138\</t>
  </si>
  <si>
    <t>Tabela de Preços 2019.xlsx</t>
  </si>
  <si>
    <t>D:\OneDrive\AlgarTech\Pré-Vendas\Cliente\2019\DHL\181296 - DHL - Cloud Protheus\2 - Analise Financeira\</t>
  </si>
  <si>
    <t>D:\OneDrive\AlgarTech\Pré-Vendas\Cliente\2019\DHL\181296 - DHL - Cloud Protheus\3 - Informações\</t>
  </si>
  <si>
    <t>Sizing_AmbienteProtheus.xlsx</t>
  </si>
  <si>
    <t>D:\OneDrive\AlgarTech\Pré-Vendas\Cliente\2019\DHL\181296 - DHL - Cloud Protheus\3 - Informações\FW_ FW_ TOTVS - Spec server.msg\s124\</t>
  </si>
  <si>
    <t>D:\OneDrive\AlgarTech\Pré-Vendas\Cliente\2019\EPTV\181322 - Renovação Contratual\Opp138236\</t>
  </si>
  <si>
    <t>TABELA PREÇO - Pedido Transacional v 10 05 2016.xls</t>
  </si>
  <si>
    <t>Cópia de SOLICITAÇÃO TRANSACIONAIS BANDA INTERNET + COLOCATION 138236 EPTV.xlsx</t>
  </si>
  <si>
    <t>D:\OneDrive\AlgarTech\Pré-Vendas\Cliente\2019\Faber Castell\198278 - Projeto da feature ATC (ABAP Test Cockpit)\2 - Analise Financeira\</t>
  </si>
  <si>
    <t>198278_PrecoV1.xlsb</t>
  </si>
  <si>
    <t>D:\OneDrive\AlgarTech\Pré-Vendas\Cliente\2019\Faber Castell\198278 - Projeto da feature ATC (ABAP Test Cockpit)\3 - Informações\</t>
  </si>
  <si>
    <t>D:\OneDrive\AlgarTech\Pré-Vendas\Cliente\2019\IBM\189280 - IBM 861918D58A\2 - Analise Financeira\</t>
  </si>
  <si>
    <t>Preço_189280_IBM 861918D58A_V2.xlsb</t>
  </si>
  <si>
    <t>D:\OneDrive\AlgarTech\Pré-Vendas\Cliente\2019\IBM\189280 - IBM 861918D58A\2 - Analise Financeira\Preço_189280_IBM 861918D58A_V2.xlsb\</t>
  </si>
  <si>
    <t>78673447-5caa-429e-be2e-c0c722d59a61.tmp</t>
  </si>
  <si>
    <t>\\acsfs\profiles$\gabrielafs\Downloads\78673447-5caa-429e-be2e-c0c722d59a61.tmp</t>
  </si>
  <si>
    <t>\\acsfs\deptos\Operacao\PCP\5 - Comum\PLANEJAMENTO BV\23 - EXTRAÇÕES\Agent utilization\2020\</t>
  </si>
  <si>
    <t>Agent utilization 01.01.2020 a 06.01.2020.xlsx</t>
  </si>
  <si>
    <t>\\acsfs\deptos\Operacao\PCP\5 - Comum\PLANEJAMENTO BV\23 - EXTRAÇÕES\Agent utilization\2020\Agent utilization 01.01.2020 a 06.01.2020.xlsx</t>
  </si>
  <si>
    <t>\\acsfs\profiles$\laislg\My Documents\My Pictures\</t>
  </si>
  <si>
    <t>\\acsfs\profiles$\LAISLG\My Documents\My Videos\desktop.ini</t>
  </si>
  <si>
    <t>\\acsfs\profiles$\LAISLG\My Documents\My Videos\</t>
  </si>
  <si>
    <t>\\acsfs\profiles$\laislg\My Documents\My Music\</t>
  </si>
  <si>
    <t>\\acsfs\profiles$\LAISLG\My Documents\My Pictures\desktop.ini</t>
  </si>
  <si>
    <t>\\acsfs\profiles$\laislg\My Documents\My Videos\</t>
  </si>
  <si>
    <t>\\acsfs\profiles$\LAISLG\Contacts\</t>
  </si>
  <si>
    <t>\\acsfs\profiles$\LAISLG\Contacts\desktop.ini</t>
  </si>
  <si>
    <t>\\acsfs\profiles$\laislg\My Documents\</t>
  </si>
  <si>
    <t>\\acsfs\profiles$\LAISLG\Favorites\desktop.ini</t>
  </si>
  <si>
    <t>\\acsfs\profiles$\LAISLG\My Documents\My Music\desktop.ini</t>
  </si>
  <si>
    <t>\\acsfs\profiles$\LAISLG\My Documents\My Music\</t>
  </si>
  <si>
    <t>\\acsfs\profiles$\LAISLG\Searches\</t>
  </si>
  <si>
    <t>\\acsfs\profiles$\LAISLG\Searches\desktop.ini</t>
  </si>
  <si>
    <t>\\acsfs\profiles$\LAISLG\Downloads\desktop.ini</t>
  </si>
  <si>
    <t>\\acsfs\profiles$\laislg\Favorites\</t>
  </si>
  <si>
    <t>\\acsfs\profiles$\LAISLG\My Documents\desktop.ini</t>
  </si>
  <si>
    <t>\\acsfs\profiles$\LAISLG\My Documents\</t>
  </si>
  <si>
    <t>\\acsfs\profiles$\laislg\Downloads\</t>
  </si>
  <si>
    <t>\\acsfs\profiles$\LAISLG\Saved Games\desktop.ini</t>
  </si>
  <si>
    <t>winrt--{S-1-5-21-602162358-764733703-839522115-354138}-.searchconnector-ms</t>
  </si>
  <si>
    <t>\\acsfs\profiles$\LAISLG\Searches\winrt--{S-1-5-21-602162358-764733703-839522115-354138}-.searchconnector-ms</t>
  </si>
  <si>
    <t>69c71da9-b461-4944-afa5-d72a31e5dbe3.tmp</t>
  </si>
  <si>
    <t>\\acsfs\profiles$\kellzylenneasr\Downloads\69c71da9-b461-4944-afa5-d72a31e5dbe3.tmp</t>
  </si>
  <si>
    <t>c72bcad1-66c7-445f-ae6d-746c86cb0b64.tmp</t>
  </si>
  <si>
    <t>\\acsfs\profiles$\wenderbnm\Downloads\c72bcad1-66c7-445f-ae6d-746c86cb0b64.tmp</t>
  </si>
  <si>
    <t>Preço_189280_IBM 861918D58A_V1.xlsb</t>
  </si>
  <si>
    <t>D:\OneDrive\AlgarTech\Pré-Vendas\Cliente\2019\IBM\189280 - IBM 861918D58A\2 - Analise Financeira\Preço_189280_IBM 861918D58A_V1.xlsb\</t>
  </si>
  <si>
    <t>D:\OneDrive\AlgarTech\Pré-Vendas\Cliente\2019\IBM\189280 - IBM 861918D58A\3 - Informações\</t>
  </si>
  <si>
    <t>Dimensionamento do Serviço GIAT_189280_V1.xlsm</t>
  </si>
  <si>
    <t>Dimensionamento do Serviço GIAT v05 - Dezembro 2018.xlsm</t>
  </si>
  <si>
    <t>Datacollection CUSTOMER para Fornecedores 2019_Compilado_V2.xls</t>
  </si>
  <si>
    <t>Datacollection CUSTOMER para Fornecedores 2019_Compilado.xls</t>
  </si>
  <si>
    <t>D:\OneDrive\AlgarTech\Pré-Vendas\Cliente\2019\LDC\197266 - Recurso config S.O. e Switch\2 - Analise Financeira\</t>
  </si>
  <si>
    <t>197266_Preco_V1.xlsb</t>
  </si>
  <si>
    <t>D:\OneDrive\AlgarTech\Pré-Vendas\Cliente\2019\LDC\197266 - Recurso config S.O. e Switch\2 - Analise Financeira\197266_Preco_V1.xlsb\</t>
  </si>
  <si>
    <t>D:\OneDrive\AlgarTech\Pré-Vendas\Cliente\2019\LDC\197266 - Recurso config S.O. e Switch\3 - Informações\Propostas para Instalação S_O _ Switch.msg\s139\</t>
  </si>
  <si>
    <t>Dimensioamento_Esforço_V1.xlsx</t>
  </si>
  <si>
    <t>D:\OneDrive\AlgarTech\Pré-Vendas\Cliente\2019\LDC\197266 - Recurso config S.O. e Switch\3 - Informações\Propostas para Instalação S_O _ Switch.msg\s139\197266_Preco_V1.xlsb\</t>
  </si>
  <si>
    <t>D:\OneDrive\AlgarTech\Pré-Vendas\Cliente\2019\LDC\197266 - Recurso config S.O. e Switch\3 - Informações\</t>
  </si>
  <si>
    <t>D:\OneDrive\AlgarTech\Pré-Vendas\Cliente\2019\Royal FIC\159164 - AltaDisponibilidade HANA\2 - Analise Financeira\</t>
  </si>
  <si>
    <t>Preco_HA_HANA_V1.xlsb</t>
  </si>
  <si>
    <t>Data Center_Produto Formatado_ 28-08-2018.xlsb</t>
  </si>
  <si>
    <t>D:\OneDrive\AlgarTech\Pré-Vendas\Cliente\2019\Royal FIC\159164 - AltaDisponibilidade HANA\3 - Informações\</t>
  </si>
  <si>
    <t>D:\OneDrive\AlgarTech\Pré-Vendas\Cliente\2019\Royal FIC\191277 - Atualização SO\2 - Analise Financeira\</t>
  </si>
  <si>
    <t>D:\OneDrive\AlgarTech\Pré-Vendas\Cliente\2019\Royal FIC\191277 - Atualização SO\3 - Informações\</t>
  </si>
  <si>
    <t>D:\OneDrive\AlgarTech\Pré-Vendas\Cliente\2019\Royal FIC\191282 - Migrar os ambientes SAP ECC DEV e QAS para AWS\2 - Analise Financeira\</t>
  </si>
  <si>
    <t>PrecoAWS_V1.xlsx</t>
  </si>
  <si>
    <t>D:\OneDrive\AlgarTech\Pré-Vendas\Cliente\2019\Royal FIC\191282 - Migrar os ambientes SAP ECC DEV e QAS para AWS\3 - Informações\</t>
  </si>
  <si>
    <t>D:\OneDrive\AlgarTech\Pré-Vendas\Cliente\2019\Royal FIC\191284 - Criação de uma máquina para o SAP Router\2 - Analise Financeira\</t>
  </si>
  <si>
    <t>D:\OneDrive\AlgarTech\Pré-Vendas\Cliente\2019\SAVIS\170222 - Savis - Renovação contrato de Colocation\2 - Analise Financeira\</t>
  </si>
  <si>
    <t>Preco_RenovacaoSAVIS_V3.xlsb</t>
  </si>
  <si>
    <t>Preco_RenovacaoSAVIS_V2.xlsb</t>
  </si>
  <si>
    <t>Preco_RenovacaoSAVIS_V1.xlsb</t>
  </si>
  <si>
    <t>Preco_RenovacaoAsIs_V1_OLD.xlsb</t>
  </si>
  <si>
    <t>D:\OneDrive\AlgarTech\Pré-Vendas\Cliente\2019\SAVIS\170222 - Savis - Renovação contrato de Colocation\3 - Informações\</t>
  </si>
  <si>
    <t>RENOVACAO_SAVIS_Validacao_RESPOSTAS.xlsx</t>
  </si>
  <si>
    <t>RENOVACAO_SAVIS_Validacao_.xlsx</t>
  </si>
  <si>
    <t>cliente Savis.xlsx</t>
  </si>
  <si>
    <t>D:\OneDrive\AlgarTech\Pré-Vendas\Cliente\2019\SAVIS\174298 - PS - Migração de VMware para Hyper-V\2 - Analise Financeira\</t>
  </si>
  <si>
    <t>Preco_SAVIS_MigraçãoVMware_HyperV_V1.xlsb</t>
  </si>
  <si>
    <t>D:\OneDrive\AlgarTech\Pré-Vendas\Cliente\2019\SAVIS\174298 - PS - Migração de VMware para Hyper-V\2 - Analise Financeira\Preco_SAVIS_MigraçãoVMware_HyperV_V1.xlsb\</t>
  </si>
  <si>
    <t>D:\OneDrive\AlgarTech\Pré-Vendas\Cliente\2019\SAVIS\174298 - PS - Migração de VMware para Hyper-V\3 - Informações\RES_ Planejamento Migração VMware para Hyper-V.msg\s139\</t>
  </si>
  <si>
    <t>Projeto SAVIS.xlsx</t>
  </si>
  <si>
    <t>D:\OneDrive\AlgarTech\Pré-Vendas\Cliente\2019\SAVIS\174298 - PS - Migração de VMware para Hyper-V\3 - Informações\</t>
  </si>
  <si>
    <t>Projeto PPA.xlsx</t>
  </si>
  <si>
    <t>DimensionamentoEsforcoMigracao.xlsx</t>
  </si>
  <si>
    <t>D:\OneDrive\AlgarTech\Pré-Vendas\Cliente\2019\SAVIS\XXXX - Storage OnDemand Temporário\AlarmeStorage\</t>
  </si>
  <si>
    <t>Preco_StorageTemporario_V2.xlsb</t>
  </si>
  <si>
    <t>Preco_StorageTemporario.xlsb</t>
  </si>
  <si>
    <t>KIT CABEAMENTO SERVIDOR - Copia.xlsx</t>
  </si>
  <si>
    <t>D:\OneDrive\AlgarTech\Pré-Vendas\Cliente\2019\Tim\194264 - SuporteManuntencao dos F5\2 - Analise Financeira\</t>
  </si>
  <si>
    <t>Preco_TIM_F5_V2_SetupSubscricaoF5.xlsb</t>
  </si>
  <si>
    <t>D:\OneDrive\AlgarTech\Pré-Vendas\Cliente\2019\Tim\194264 - SuporteManuntencao dos F5\2 - Analise Financeira\Preco_TIM_F5_V2_SetupSubscricaoF5.xlsb\</t>
  </si>
  <si>
    <t>Preco_TIM_F5_V1_SetupSubscricaoF5.xlsb</t>
  </si>
  <si>
    <t>D:\OneDrive\AlgarTech\Pré-Vendas\Cliente\2019\Tim\194264 - SuporteManuntencao dos F5\2 - Analise Financeira\Preco_TIM_F5_V1_SetupSubscricaoF5.xlsb\</t>
  </si>
  <si>
    <t>Preco_TIM_F5_V1.xlsb</t>
  </si>
  <si>
    <t>D:\OneDrive\AlgarTech\Pré-Vendas\Cliente\2019\Tim\194264 - SuporteManuntencao dos F5\2 - Analise Financeira\Preco_TIM_F5_V1.xlsb\</t>
  </si>
  <si>
    <t>D:\OneDrive\AlgarTech\Pré-Vendas\Cliente\2019\Tim\194264 - SuporteManuntencao dos F5\3 - Informações\RES_ RES_ 194264 - TIM_SUPORTE E MANUTENÇÃO DOS BALANCEADORES F5.msg\s138\Doc1816299869.zip\</t>
  </si>
  <si>
    <t>WS - Anexo C - Cronograma RFP 2019.xlsx</t>
  </si>
  <si>
    <t>WS - Anexo D - FormulÃ¡rio de Questionamentos.xlsx</t>
  </si>
  <si>
    <t>WS - Anexo E - Espelho de NF (TI).xlsx</t>
  </si>
  <si>
    <t>D:\OneDrive\AlgarTech\Pré-Vendas\Cliente\2019\Tim\194264 - SuporteManuntencao dos F5\3 - Informações\Doc1876679617.zip\</t>
  </si>
  <si>
    <t>WS - Anexo C - Cronograma.V2.xlsx</t>
  </si>
  <si>
    <t>D:\OneDrive\AlgarTech\Pré-Vendas\Cliente\2019\Tim\194264 - SuporteManuntencao dos F5\3 - Informações\Doc1816299869.zip\</t>
  </si>
  <si>
    <t>D:\OneDrive\AlgarTech\Pré-Vendas\Cliente\2019\Tim\194264 - SuporteManuntencao dos F5\3 - Informações\</t>
  </si>
  <si>
    <t>Dimensionamento do Serviço GIAT_194264_V1.xlsm</t>
  </si>
  <si>
    <t>CompiladoRequisitos_Dimensionamento_V2.xlsx</t>
  </si>
  <si>
    <t>CompiladoRequisitos_Dimensionamento.xlsx</t>
  </si>
  <si>
    <t>D:\OneDrive\AlgarTech\Pré-Vendas\Cliente\2019\Toyota\196252 - GAT _TOYOTA_CERVELLO NUVEM\2 - Analise Financeira\</t>
  </si>
  <si>
    <t>196252_Preço_V1.xlsb</t>
  </si>
  <si>
    <t>D:\OneDrive\AlgarTech\Pré-Vendas\Cliente\2019\Toyota\196252 - GAT _TOYOTA_CERVELLO NUVEM\2 - Analise Financeira\196252_Preço_V1.xlsb\</t>
  </si>
  <si>
    <t>D:\OneDrive\AlgarTech\Pré-Vendas\Cliente\2019\Tracbel\190290 - Serviços de BASIS\2 - Analise Financeira\</t>
  </si>
  <si>
    <t>Preço_V3_NewBP.xlsb</t>
  </si>
  <si>
    <t>D:\OneDrive\AlgarTech\Pré-Vendas\Cliente\2019\Tracbel\190290 - Serviços de BASIS\2 - Analise Financeira\Preço_V3_NewBP.xlsb\</t>
  </si>
  <si>
    <t>Preço_V3.xlsb</t>
  </si>
  <si>
    <t>D:\OneDrive\AlgarTech\Pré-Vendas\Cliente\2019\Tracbel\190290 - Serviços de BASIS\2 - Analise Financeira\Preço_V3.xlsb\</t>
  </si>
  <si>
    <t>Preço_V2.xlsb</t>
  </si>
  <si>
    <t>D:\OneDrive\AlgarTech\Pré-Vendas\Cliente\2019\Tracbel\190290 - Serviços de BASIS\2 - Analise Financeira\Preço_V2.xlsb\</t>
  </si>
  <si>
    <t>Preço_V1.xlsb</t>
  </si>
  <si>
    <t>D:\OneDrive\AlgarTech\Pré-Vendas\Cliente\2019\Tracbel\190290 - Serviços de BASIS\2 - Analise Financeira\Preço_V1.xlsb\</t>
  </si>
  <si>
    <t>Data Center_ComparaPreco.xlsb</t>
  </si>
  <si>
    <t>D:\OneDrive\AlgarTech\Pré-Vendas\Cliente\2019\Tracbel\190290 - Serviços de BASIS\3 - Informações\</t>
  </si>
  <si>
    <t>SD_1. DESENHO_SOLUÇÃO_SG_TI_V10.3.xlsx</t>
  </si>
  <si>
    <t>Dimensionamento do Serviço GIAT v05 - Dezembro 2018_V2.xlsm</t>
  </si>
  <si>
    <t>1. DESENHO_SOLUÇÃO_SG_TI_V10.3.xlsx</t>
  </si>
  <si>
    <t>D:\OneDrive\AlgarTech\Pré-Vendas\Cliente\2019\Decimo Cartorio\193296 - Migração de Plataforma\3 - Informações\OppPrincipal\</t>
  </si>
  <si>
    <t>Precificação 10 cartorio - 144767 V3_RicardoSoares.xlsb</t>
  </si>
  <si>
    <t>D:\OneDrive\AlgarTech\Pré-Vendas\Cliente\2019\Decimo Cartorio\193296 - Migração de Plataforma\3 - Informações\OppPrincipal\Precificação 10 cartorio - 144767 V3_RicardoSoares.xlsb\</t>
  </si>
  <si>
    <t>D:\OneDrive\AlgarTech\Pré-Vendas\Cliente\2019\Desenvolve SP\187309 - TermoReferencia_Edital2019\EscopoAmbienteAtual\3184 Opp Principal\</t>
  </si>
  <si>
    <t>Planilha Desenvolve SP - FINAL AJUSTADA.xlsb</t>
  </si>
  <si>
    <t>D:\OneDrive\AlgarTech\Pré-Vendas\Cliente\2019\IBM\189280 - IBM 861918D58A\3 - Informações\DimensionamentoDenys\</t>
  </si>
  <si>
    <t>Estudo Wilson Cópia de GIAT IBM fast_v1.xlsx</t>
  </si>
  <si>
    <t>188281 IBM BP Preço C017 B017 Desonerada Tx Ad. Aplicada_TI_v1.xlsb</t>
  </si>
  <si>
    <t>D:\OneDrive\AlgarTech\Pré-Vendas\Cliente\2019\IBM\189280 - IBM 861918D58A\3 - Informações\DimensionamentoDenys\188281 IBM BP Preço C017 B017 Desonerada Tx Ad. Aplicada_TI_v1.xlsb\</t>
  </si>
  <si>
    <t>D:\OneDrive\AlgarTech\Pré-Vendas\Cliente\2019\IBM\189280 - IBM 861918D58A\3 - Informações\OppPrincipal\</t>
  </si>
  <si>
    <t>D:\OneDrive\AlgarTech\Pré-Vendas\Cliente\2019\IBM\189280 - IBM 861918D58A\3 - Informações\OppPrincipal\Precificação 10 cartorio - 144767 V3_RicardoSoares.xlsb\</t>
  </si>
  <si>
    <t>D:\OneDrive\AlgarTech\Pré-Vendas\Cliente\2019\IBM\189280 - IBM 861918D58A\3 - Informações\SuporteHardware\</t>
  </si>
  <si>
    <t>SuporteHardwarePorLocalidade.xlsx</t>
  </si>
  <si>
    <t>D:\OneDrive\AlgarTech\Pré-Vendas\Cliente\2019\SAVIS\170222 - Savis - Renovação contrato de Colocation\3 - Informações\AnaliseComprasCliente\</t>
  </si>
  <si>
    <t>Revisão Proposta ALGAR.xlsx</t>
  </si>
  <si>
    <t>D:\OneDrive\AlgarTech\Pré-Vendas\Cliente\2019\Tim\194264 - SuporteManuntencao dos F5\3 - Informações\Doc1816299869_old\</t>
  </si>
  <si>
    <t>WS - Anexo D - Formulário de Questionamentos.xlsx</t>
  </si>
  <si>
    <t>D:\OneDrive\AlgarTech\Pré-Vendas\Cliente\2019\Tim\194264 - SuporteManuntencao dos F5\3 - Informações\Doc1876679617\</t>
  </si>
  <si>
    <t>D:\OneDrive\AlgarTech\Pré-Vendas\Cliente\2019\Tim\194264 - SuporteManuntencao dos F5\3 - Informações\Doc_V3\</t>
  </si>
  <si>
    <t>D:\OneDrive\AlgarTech\Pré-Vendas\Cliente\2019\Tim\194264 - SuporteManuntencao dos F5\3 - Informações\SubscriçãoF5\ENC_ Cotação subscrições F5.msg\s136\</t>
  </si>
  <si>
    <t>BP_Subscrição_F5_v1.xlsx</t>
  </si>
  <si>
    <t>D:\OneDrive\AlgarTech\Pré-Vendas\Cliente\2019\Tim\194264 - SuporteManuntencao dos F5\3 - Informações\SubscriçãoF5\</t>
  </si>
  <si>
    <t>BP_Subscrição_F5_v3.xlsx</t>
  </si>
  <si>
    <t>BP_Subscrição_F5_v2.xlsx</t>
  </si>
  <si>
    <t>D:\OneDrive\AlgarTech\Pré-Vendas\Cliente\2019\Decimo Cartorio\193296 - Migração de Plataforma\3 - Informações\OppPrincipal\Opp154159_AumentoDisco\</t>
  </si>
  <si>
    <t>TRANSACIONAIS 154159.xlsx</t>
  </si>
  <si>
    <t>D:\OneDrive\AlgarTech\Pré-Vendas\Cliente\2019\Royal FIC\159164 - AltaDisponibilidade HANA\3 - Informações\AmbienteHANA_Atual\OC_HanaAdquirido\REFERENCIA_Huaweei_Appliance Hana - FIC.msg\s1\</t>
  </si>
  <si>
    <t>2016.01.05 - QUOTE HUAWEI - ALGAR - REV3 - pgto em 4x - REV1.xlsm</t>
  </si>
  <si>
    <t>D:\OneDrive\AlgarTech\Pré-Vendas\Cliente\2019\Royal FIC\159164 - AltaDisponibilidade HANA\3 - Informações\AmbienteHANA_Atual\OC_HanaAdquirido\</t>
  </si>
  <si>
    <t>D:\OneDrive\AlgarTech\Pré-Vendas\Cliente\2019\SAVIS\170222 - Savis - Renovação contrato de Colocation\3 - Informações\Old_ContratoVigente\DocsImplantação\</t>
  </si>
  <si>
    <t>Requisitos Servidores Savis.xlsx</t>
  </si>
  <si>
    <t>Requisitos Servidores Savis (Preenchido -2) - 2.xlsx</t>
  </si>
  <si>
    <t>D:\OneDrive\AlgarTech\Pré-Vendas\Cliente\2019\SAVIS\170222 - Savis - Renovação contrato de Colocation\3 - Informações\Old_ContratoVigente\DocsImplantação\Relatorio de Entrega Tecnico_V4.docx\</t>
  </si>
  <si>
    <t>IPs Ativação Servidores.xlsx</t>
  </si>
  <si>
    <t>Formulario de Requisitos de Instalacao V6.xlsx</t>
  </si>
  <si>
    <t>D:\OneDrive\AlgarTech\Pré-Vendas\Cliente\2019\SAVIS\170222 - Savis - Renovação contrato de Colocation\3 - Informações\Old_ContratoVigente\OppAnterior\2- Avaliação Financeira\</t>
  </si>
  <si>
    <t>Planilha Financeira Savis.xlsb</t>
  </si>
  <si>
    <t>Planilha Financeira Savis-FINAL.xlsb</t>
  </si>
  <si>
    <t>Planilha Financeira Savis-FINAL-versão 3-change de capex placas e Change Receita.xlsb</t>
  </si>
  <si>
    <t>Planilha Financeira Savis-FINAL-versão 2.xlsb</t>
  </si>
  <si>
    <t>Planilha Financeira Savis-FINAL-versão 2-change de capex placas.xlsb</t>
  </si>
  <si>
    <t>Planilha Financeira Savis-FINAL-versão 2-change de capex placas e Change Receita.xlsb</t>
  </si>
  <si>
    <t>Planilha Financeira Savis-colocation.xlsb</t>
  </si>
  <si>
    <t>Planilha Financeira Savis - servidores em separado + DR.xlsb</t>
  </si>
  <si>
    <t>Planilha Financeira Savis - licenças separadas.xlsb</t>
  </si>
  <si>
    <t>Planilha Financeira Savis - cloud.xlsb</t>
  </si>
  <si>
    <t>Planilha Financeira Savis - blade.xlsb</t>
  </si>
  <si>
    <t>D:\OneDrive\AlgarTech\Pré-Vendas\Cliente\2019\SAVIS\170222 - Savis - Renovação contrato de Colocation\3 - Informações\Old_ContratoVigente\OppAnterior\3- Informações\</t>
  </si>
  <si>
    <t>Serviços Exchange.xlsx</t>
  </si>
  <si>
    <t>D:\OneDrive\AlgarTech\Pré-Vendas\Cliente\2019\SAVIS\170222 - Savis - Renovação contrato de Colocation\3 - Informações\Old_ContratoVigente\OppAnterior\3- Informações\Comite de Negocios-AAYA-KCSRT5-Savis.pptx\</t>
  </si>
  <si>
    <t>Planilha_do_Microsoft_Office_Excel1.xlsx</t>
  </si>
  <si>
    <t>D:\OneDrive\AlgarTech\Pré-Vendas\Cliente\2019\SAVIS\170222 - Savis - Renovação contrato de Colocation\3 - Informações\Old_ContratoVigente\OppAnterior\3- Informações\Comite de Negocios-AAYA-KCSRT5-Savis-v2.pptx\</t>
  </si>
  <si>
    <t>Análise de Favorabilidade - SAVIS.xlsx</t>
  </si>
  <si>
    <t>D:\OneDrive\AlgarTech\Pré-Vendas\Cliente\2019\SAVIS\170222 - Savis - Renovação contrato de Colocation\3 - Informações\Old_ContratoVigente\OppAnterior\4- Apresentação de cenário\</t>
  </si>
  <si>
    <t>tabelas de preços.xlsx</t>
  </si>
  <si>
    <t>df88caa1-3d9c-4d06-b697-122c58d13a11.tmp</t>
  </si>
  <si>
    <t>\\acsfs\profiles$\mariajra\Downloads\df88caa1-3d9c-4d06-b697-122c58d13a11.tmp</t>
  </si>
  <si>
    <t>32fce8d9-6230-4049-bde5-c2de41147dd3.tmp</t>
  </si>
  <si>
    <t>\\acsfs\profiles$\LAISLG\Downloads\32fce8d9-6230-4049-bde5-c2de41147dd3.tmp</t>
  </si>
  <si>
    <t>99bd819c-1145-44ad-81c1-ec3df767b837.tmp</t>
  </si>
  <si>
    <t>\\acsfs\profiles$\LAISLG\Downloads\99bd819c-1145-44ad-81c1-ec3df767b837.tmp</t>
  </si>
  <si>
    <t>tainaralg@bv.algartech.com</t>
  </si>
  <si>
    <t>https://udpmailboxap01.acs.com.br:8443/h/search?si=0&amp;so=0&amp;sc=64317&amp;st=conversation&amp;action=compose</t>
  </si>
  <si>
    <t>tainaralg@bv.algartech.com;</t>
  </si>
  <si>
    <t>https://tainaralg@bv.algartech.com</t>
  </si>
  <si>
    <t>6e329d95-0728-4faf-8464-3f68abb8793f.tmp</t>
  </si>
  <si>
    <t>\\acsfs\profiles$\vivianalds\Downloads\6e329d95-0728-4faf-8464-3f68abb8793f.tmp</t>
  </si>
  <si>
    <t>NATHALIA RIOS MODESTO RODRIGUES_1_6775136976232320651_1_32.wav</t>
  </si>
  <si>
    <t>\\acsfs\Deptos\EDUCACAO EMPRESARIAL\KÉSIA\Ligações 1º Ciclo - Janeiro 2020\NATHALIA RIOS MODESTO RODRIGUES_1_6775136976232320651_1_32.wav</t>
  </si>
  <si>
    <t>10.200.35.187</t>
  </si>
  <si>
    <t>64-1C-67-9C-31-F0</t>
  </si>
  <si>
    <t>NB-GABRIELAAS</t>
  </si>
  <si>
    <t>gabrielaasa</t>
  </si>
  <si>
    <t>mail.google.com/_/upload?authuser=3&amp;dcp=asu-n&amp;upload_id=AEnB2UpI0ZBOiUgKR9U7egw1E4bf_LLUCfEgb2ooj42ZortGuNeEorJ9LIpsaH6hUrctj-tECTxVTmqiKwTvf1w40GYYKTHLXngWzsZgme08QDMOWyPlE2w&amp;upload_protocol=resumable</t>
  </si>
  <si>
    <t>\\acsfs\ACS\Gestão por Processos\Migração PJ\Bradesco\Migração PJ\Migração Full\PARA (Validado)\CASOS ESPECIAIS\CE - Inibição de Débito Automático.docx\</t>
  </si>
  <si>
    <t>https://web.vortex.data.microsoft.com/collect/v1?$mscomcookies=false&amp;ext-javascript-msfpc='guid=5141dda26f71436784cda5d7dc632608&amp;hash=5141&amp;lv=201910&amp;v=4&amp;lu=1572340960663'</t>
  </si>
  <si>
    <t>10.200.67.126</t>
  </si>
  <si>
    <t>74-86-7A-FB-17-FA</t>
  </si>
  <si>
    <t>VOTORANT-FB004</t>
  </si>
  <si>
    <t>tatianefr</t>
  </si>
  <si>
    <t>\\acsfs\profiles$\tatianefr\My Documents\xworkcenter\lex\</t>
  </si>
  <si>
    <t>\\acsfs\profiles$\tatianefr\My Documents\xworkcenter\lex\temp.tlx</t>
  </si>
  <si>
    <t>bed194f3-8604-4748-a809-d1ce208e9f0c.tmp</t>
  </si>
  <si>
    <t>\\acsfs\profiles$\gabrielafs\Downloads\bed194f3-8604-4748-a809-d1ce208e9f0c.tmp</t>
  </si>
  <si>
    <t>mail.google.com/sync/u/0/i/s?hl=pt-BR&amp;c=557</t>
  </si>
  <si>
    <t>mail.google.com/sync/u/0/i/s?hl=pt-BR&amp;c=559</t>
  </si>
  <si>
    <t>mail.google.com/sync/u/0/i/s?hl=pt-BR&amp;c=564</t>
  </si>
  <si>
    <t>mail.google.com/sync/u/0/i/s?hl=pt-BR&amp;c=575</t>
  </si>
  <si>
    <t>mail.google.com/sync/u/0/i/s?hl=pt-BR&amp;c=577</t>
  </si>
  <si>
    <t>mail.google.com/sync/u/0/i/s?hl=pt-BR&amp;c=579</t>
  </si>
  <si>
    <t>mail.google.com/sync/u/0/i/s?hl=pt-BR&amp;c=586</t>
  </si>
  <si>
    <t>mail.google.com/sync/u/0/i/s?hl=pt-BR&amp;c=588</t>
  </si>
  <si>
    <t>6737d452-77eb-4c09-90d8-262bdf7fdfee.tmp</t>
  </si>
  <si>
    <t>\\acsfs\profiles$\lorraynevam\Downloads\6737d452-77eb-4c09-90d8-262bdf7fdfee.tmp</t>
  </si>
  <si>
    <t>aa902f86-f2fb-4625-a4a7-b5041524beb0.tmp</t>
  </si>
  <si>
    <t>\\acsfs\profiles$\lorraynevam\Downloads\aa902f86-f2fb-4625-a4a7-b5041524beb0.tmp</t>
  </si>
  <si>
    <t>18ee8ab8-61e9-48ba-991a-78b37caedeb1.tmp</t>
  </si>
  <si>
    <t>\\acsfs\profiles$\nathaliarmr\Downloads\18ee8ab8-61e9-48ba-991a-78b37caedeb1.tmp</t>
  </si>
  <si>
    <t>a8c73ab5-3456-49b6-848d-ccb96c2ee1e8.tmp</t>
  </si>
  <si>
    <t>\\acsfs\profiles$\lucasqdss\Downloads\a8c73ab5-3456-49b6-848d-ccb96c2ee1e8.tmp</t>
  </si>
  <si>
    <t>527f0f71-3f95-47db-a50e-50f2b1b13178.tmp</t>
  </si>
  <si>
    <t>\\acsfs\profiles$\dhiulliananads\Downloads\527f0f71-3f95-47db-a50e-50f2b1b13178.tmp</t>
  </si>
  <si>
    <t>ab2b6ccc-f33a-4305-91e4-ba78fedcdb5e.tmp</t>
  </si>
  <si>
    <t>\\acsfs\profiles$\dhiulliananads\Downloads\ab2b6ccc-f33a-4305-91e4-ba78fedcdb5e.tmp</t>
  </si>
  <si>
    <t>355fe542-75a6-4844-a36f-a712741612eb.tmp</t>
  </si>
  <si>
    <t>\\acsfs\profiles$\vivianalds\Downloads\355fe542-75a6-4844-a36f-a712741612eb.tmp</t>
  </si>
  <si>
    <t>3fc69d3e-aa94-47e7-a049-9fc33fe0d263.tmp</t>
  </si>
  <si>
    <t>\\acsfs\profiles$\vivianalds\Downloads\3fc69d3e-aa94-47e7-a049-9fc33fe0d263.tmp</t>
  </si>
  <si>
    <t>90f53931-4b3d-4bfb-b534-de4d06081eb9.tmp</t>
  </si>
  <si>
    <t>\\acsfs\profiles$\vivianalds\Downloads\90f53931-4b3d-4bfb-b534-de4d06081eb9.tmp</t>
  </si>
  <si>
    <t>71d57998-0264-45c4-a02b-df697f3167c5.tmp</t>
  </si>
  <si>
    <t>\\acsfs\profiles$\vivianalds\Downloads\71d57998-0264-45c4-a02b-df697f3167c5.tmp</t>
  </si>
  <si>
    <t>DANIELA COSTA_1_6773609123221147707_1_32.wav</t>
  </si>
  <si>
    <t>\\acsfs\Deptos\EDUCACAO EMPRESARIAL\KÉSIA\Ligações 1º Ciclo - Janeiro 2020\DANIELA COSTA_1_6773609123221147707_1_32.wav</t>
  </si>
  <si>
    <t>ecaad9fe-d05b-472e-a4d4-84e07114252b.tmp</t>
  </si>
  <si>
    <t>\\acsfs\profiles$\adelvinsonle\Downloads\ecaad9fe-d05b-472e-a4d4-84e07114252b.tmp</t>
  </si>
  <si>
    <t>\\acsfs\DEPTOS\Operacao\PCP\5 - Comum\JUKA\836D9361.tmp\</t>
  </si>
  <si>
    <t>\\acsfs\DEPTOS\Operacao\PCP\5 - Comum\JUKA\836D9361.tmp\:Zone.Identifier:$DATA</t>
  </si>
  <si>
    <t>07/01/2020;7;</t>
  </si>
  <si>
    <t>https://07/01/2020,7</t>
  </si>
  <si>
    <t>mail.google.com/sync/u/0/i/s?hl=pt-BR&amp;c=610</t>
  </si>
  <si>
    <t>mail.google.com/sync/u/0/i/s?hl=pt-BR&amp;c=612</t>
  </si>
  <si>
    <t>mail.google.com/sync/u/0/i/s?hl=pt-BR&amp;c=615</t>
  </si>
  <si>
    <t>mail.google.com/sync/u/0/i/s?hl=pt-BR&amp;c=624</t>
  </si>
  <si>
    <t>\\acsfs\profiles$\ellencds\Downloads\</t>
  </si>
  <si>
    <t>7ca7b4db-f82b-4eb7-8159-f577c194b46f.tmp</t>
  </si>
  <si>
    <t>\\acsfs\profiles$\ellencds\Downloads\7ca7b4db-f82b-4eb7-8159-f577c194b46f.tmp</t>
  </si>
  <si>
    <t>40238fb7-9501-47f3-8450-a89d677ceb59.tmp</t>
  </si>
  <si>
    <t>\\acsfs\profiles$\ellencds\Downloads\40238fb7-9501-47f3-8450-a89d677ceb59.tmp</t>
  </si>
  <si>
    <t>\\acsfs\DEPTOS\Operacao\Banco_Votorantim\Qualidade\Anderson\Jose\Alerta.xlsx\</t>
  </si>
  <si>
    <t>\\acsfs\DEPTOS\Operacao\Banco_Votorantim\Qualidade\Anderson\Jose\Alerta.xlsx</t>
  </si>
  <si>
    <t>hdphoto2.wdp</t>
  </si>
  <si>
    <t>Alerta.xlsx</t>
  </si>
  <si>
    <t>43ebdfbd-1bf0-43ee-80c7-6c79539b6e69.tmp</t>
  </si>
  <si>
    <t>\\acsfs\profiles$\vivianalds\Downloads\43ebdfbd-1bf0-43ee-80c7-6c79539b6e69.tmp</t>
  </si>
  <si>
    <t>ee9ee6b9-9632-4c51-9981-4c9aa093f6d1.tmp</t>
  </si>
  <si>
    <t>\\acsfs\profiles$\vivianalds\Downloads\ee9ee6b9-9632-4c51-9981-4c9aa093f6d1.tmp</t>
  </si>
  <si>
    <t>8e8a6182-b8ee-499d-a2b7-0de1df239540.tmp</t>
  </si>
  <si>
    <t>\\acsfs\profiles$\lorenabmc\Downloads\8e8a6182-b8ee-499d-a2b7-0de1df239540.tmp</t>
  </si>
  <si>
    <t>9f13b98e-cf10-4a54-b2eb-d547976adfc9.tmp</t>
  </si>
  <si>
    <t>\\acsfs\profiles$\lorenabmc\Downloads\9f13b98e-cf10-4a54-b2eb-d547976adfc9.tmp</t>
  </si>
  <si>
    <t>mail.google.com/_/upload?authuser=0&amp;dcp=asu-n&amp;upload_id=AEnB2UqyV9YCeKxM2PbX1tnNcZSl7N439o30eoGDVTcbvgvZbQQeF8vqi8JMsj8Pgw5Czo11aKdrfMInb9LaMtGU6wdmT8aOkA&amp;upload_protocol=resumable</t>
  </si>
  <si>
    <t>\\acsfs\deptos\PMO Governança\08 - GOVERNANÇA DE COMPRAS\05 - Governança de Contratos\01 - Acompanhamento AcordosContratos\</t>
  </si>
  <si>
    <t>Gestão de ContratosAcordos.xlsx</t>
  </si>
  <si>
    <t>1470bc1a-56b0-4b23-9985-a1de6d9b969c.tmp</t>
  </si>
  <si>
    <t>\\acsfs\profiles$\gabrielafs\Downloads\1470bc1a-56b0-4b23-9985-a1de6d9b969c.tmp</t>
  </si>
  <si>
    <t>6768d917-a9fa-4574-a845-088c9adfe0a8.tmp</t>
  </si>
  <si>
    <t>\\acsfs\profiles$\laianear\Downloads\6768d917-a9fa-4574-a845-088c9adfe0a8.tmp</t>
  </si>
  <si>
    <t>mail.google.com/sync/u/0/i/s?hl=pt-BR&amp;c=634</t>
  </si>
  <si>
    <t>mail.google.com/sync/u/0/i/s?hl=pt-BR&amp;c=636</t>
  </si>
  <si>
    <t>mail.google.com/sync/u/0/i/s?hl=pt-BR&amp;c=645</t>
  </si>
  <si>
    <t>mail.google.com/sync/u/0/i/s?hl=pt-BR&amp;c=660</t>
  </si>
  <si>
    <t>6d269ed6-8d61-48ad-a4c1-d631289a7840.tmp</t>
  </si>
  <si>
    <t>\\acsfs\profiles$\gabrielarb\Downloads\6d269ed6-8d61-48ad-a4c1-d631289a7840.tmp</t>
  </si>
  <si>
    <t>72a57e69-5bbe-4eb6-9e91-30f8fa37fcf3.tmp</t>
  </si>
  <si>
    <t>\\acsfs\profiles$\gabrielarb\Downloads\72a57e69-5bbe-4eb6-9e91-30f8fa37fcf3.tmp</t>
  </si>
  <si>
    <t>lu144441jw0y.tmp</t>
  </si>
  <si>
    <t>\\acsfs\profiles$\ALEXANDREMM\lu144441jw0y.tmp</t>
  </si>
  <si>
    <t>\\acsfs\profiles$\ALEXANDREMM\lu144441jw0y.tmp\</t>
  </si>
  <si>
    <t>\\acsfs\profiles$\ALEXANDREMM\lu144441jw0y.tmp\META-INF\</t>
  </si>
  <si>
    <t>\\acsfs\profiles$\ALEXANDREMM\lu144441jw0y.tmp\Thumbnails\</t>
  </si>
  <si>
    <t>85022f1a-7e21-40c4-bb5d-fd9dec0710a5.tmp</t>
  </si>
  <si>
    <t>\\acsfs\profiles$\camillaleb\Downloads\85022f1a-7e21-40c4-bb5d-fd9dec0710a5.tmp</t>
  </si>
  <si>
    <t>cceca49f-e0e8-4700-8b27-b2b06ac38778.tmp</t>
  </si>
  <si>
    <t>\\acsfs\profiles$\websondsa\Downloads\cceca49f-e0e8-4700-8b27-b2b06ac38778.tmp</t>
  </si>
  <si>
    <t>mail.google.com/sync/u/0/i/s?hl=pt-BR&amp;c=670</t>
  </si>
  <si>
    <t>mail.google.com/sync/u/0/i/s?hl=pt-BR&amp;c=672</t>
  </si>
  <si>
    <t>Mundo BV_Base.xlsx</t>
  </si>
  <si>
    <t>\\acsfs\ACS\Gabriel da Silva\Contemporânea\Acessos\Mundo BV_Base.xlsx</t>
  </si>
  <si>
    <t>aabac49b-0841-4203-a508-ccc86d953489.tmp</t>
  </si>
  <si>
    <t>\\acsfs\profiles$\gabriellalpr\Downloads\aabac49b-0841-4203-a508-ccc86d953489.tmp</t>
  </si>
  <si>
    <t>719a3511-e042-4ff7-9c1a-3fa8c747dfb2.tmp</t>
  </si>
  <si>
    <t>\\acsfs\profiles$\gabrielaff\Downloads\719a3511-e042-4ff7-9c1a-3fa8c747dfb2.tmp</t>
  </si>
  <si>
    <t>C:\Users\suelenmm\OneDrive - Grupo Algar\Gestão PVs\Banco de Horas\</t>
  </si>
  <si>
    <t>Banco 20-12-18 v2.xlsx</t>
  </si>
  <si>
    <t>e9e214ee-a704-44d8-bf03-c08f60c0efab.tmp</t>
  </si>
  <si>
    <t>\\acsfs\profiles$\lucasgpe\Downloads\e9e214ee-a704-44d8-bf03-c08f60c0efab.tmp</t>
  </si>
  <si>
    <t>a04ac11e-7374-426e-bc68-ffc95e3914e6.tmp</t>
  </si>
  <si>
    <t>\\acsfs\profiles$\inarajst\Downloads\a04ac11e-7374-426e-bc68-ffc95e3914e6.tmp</t>
  </si>
  <si>
    <t>7887f804-21d5-45d7-8ff4-43a3685334cd.tmp</t>
  </si>
  <si>
    <t>\\acsfs\profiles$\inarajst\Downloads\7887f804-21d5-45d7-8ff4-43a3685334cd.tmp</t>
  </si>
  <si>
    <t>1e4a10d7-e785-4263-a3e5-d8ef1c94e0aa.tmp</t>
  </si>
  <si>
    <t>\\acsfs\profiles$\inarajst\Downloads\1e4a10d7-e785-4263-a3e5-d8ef1c94e0aa.tmp</t>
  </si>
  <si>
    <t>1c35f787-2dc3-41ae-a025-cb25f44f3a2b.tmp</t>
  </si>
  <si>
    <t>\\acsfs\profiles$\larissaad\Downloads\1c35f787-2dc3-41ae-a025-cb25f44f3a2b.tmp</t>
  </si>
  <si>
    <t>1198d5bf-6bee-467c-b151-e886dd314aa9.tmp</t>
  </si>
  <si>
    <t>\\acsfs\profiles$\gabrielsma\Downloads\1198d5bf-6bee-467c-b151-e886dd314aa9.tmp</t>
  </si>
  <si>
    <t>\\acsfs\ACS\Gabriel da Silva\Contemporânea\Gen\Q29udHJvbGxlci5JbnRyYW5ldC1DaHJvbWU-.ica.crdownload</t>
  </si>
  <si>
    <t>8b50e06d-1189-4d95-b42f-4e4dd4f0b7ca.tmp</t>
  </si>
  <si>
    <t>\\acsfs\profiles$\gabrielsma\Downloads\8b50e06d-1189-4d95-b42f-4e4dd4f0b7ca.tmp</t>
  </si>
  <si>
    <t>331c5a31-614f-447c-b1a4-d3a1d60af604.tmp</t>
  </si>
  <si>
    <t>\\acsfs\profiles$\gabrielsma\Downloads\331c5a31-614f-447c-b1a4-d3a1d60af604.tmp</t>
  </si>
  <si>
    <t>\\acsfs\ACS\Gabriel da Silva\Contemporânea\Acessos\Evidências\</t>
  </si>
  <si>
    <t>rayaneRosilene_GenesysErro.jpg.crdownload</t>
  </si>
  <si>
    <t>\\acsfs\ACS\Gabriel da Silva\Contemporânea\Acessos\Evidências\rayaneRosilene_GenesysErro.jpg.crdownload</t>
  </si>
  <si>
    <t>rayaneRosilene_GenesysErro.jpg:Zone.Identifier</t>
  </si>
  <si>
    <t>\\acsfs\ACS\Gabriel da Silva\Contemporânea\Acessos\Evidências\rayaneRosilene_GenesysErro.jpg:Zone.Identifier</t>
  </si>
  <si>
    <t>c9e8762d-204c-4c09-9880-ec0af430b77c.tmp</t>
  </si>
  <si>
    <t>\\acsfs\profiles$\gabriellalpr\Downloads\c9e8762d-204c-4c09-9880-ec0af430b77c.tmp</t>
  </si>
  <si>
    <t>7ea339b5-b992-48b5-99b7-51a3f63dc266.tmp</t>
  </si>
  <si>
    <t>\\acsfs\profiles$\antoniosva\Downloads\7ea339b5-b992-48b5-99b7-51a3f63dc266.tmp</t>
  </si>
  <si>
    <t>ca2b0b07-9c86-4207-8168-e03a6b47581c.tmp</t>
  </si>
  <si>
    <t>\\acsfs\profiles$\francislayneads\Downloads\ca2b0b07-9c86-4207-8168-e03a6b47581c.tmp</t>
  </si>
  <si>
    <t>JONATHAN WILLIAM ALVES PEREIRA_1_6775101439672914058_1_32.wav</t>
  </si>
  <si>
    <t>\\acsfs\Deptos\EDUCACAO EMPRESARIAL\KÉSIA\Ligações 1º Ciclo - Janeiro 2020\JONATHAN WILLIAM ALVES PEREIRA_1_6775101439672914058_1_32.wav</t>
  </si>
  <si>
    <t>0edbe344-5257-4d66-9f04-711b9bb5b735.tmp</t>
  </si>
  <si>
    <t>\\acsfs\profiles$\paulovadc\Downloads\0edbe344-5257-4d66-9f04-711b9bb5b735.tmp</t>
  </si>
  <si>
    <t>6433e825-1242-4a63-9046-9ee7b16b21a2.tmp</t>
  </si>
  <si>
    <t>\\acsfs\profiles$\rafaelahpn\Downloads\6433e825-1242-4a63-9046-9ee7b16b21a2.tmp</t>
  </si>
  <si>
    <t>\\acsfs\ACS\001 - Qualidade Lilian\ELIANE\</t>
  </si>
  <si>
    <t>RELATORIO EXCEL.xls</t>
  </si>
  <si>
    <t>\\acsfs\ACS\001 - Qualidade Lilian\ELIANE\RELATORIO EXCEL.xls</t>
  </si>
  <si>
    <t>1d61c84f-5abb-445f-9ea8-3fc043cc256b.tmp</t>
  </si>
  <si>
    <t>\\acsfs\profiles$\milenaas\Downloads\1d61c84f-5abb-445f-9ea8-3fc043cc256b.tmp</t>
  </si>
  <si>
    <t>f66cd7bd-ee04-4e25-b97d-5cbeedc2e0cf.tmp</t>
  </si>
  <si>
    <t>\\acsfs\profiles$\LUCASBS\Downloads\f66cd7bd-ee04-4e25-b97d-5cbeedc2e0cf.tmp</t>
  </si>
  <si>
    <t>c6ecbbc5-c331-4e41-bb52-83b286114600.tmp</t>
  </si>
  <si>
    <t>\\acsfs\profiles$\isabellegtds\Downloads\c6ecbbc5-c331-4e41-bb52-83b286114600.tmp</t>
  </si>
  <si>
    <t>413a4b04-00d4-4d0a-905a-8acf4f419df5.tmp</t>
  </si>
  <si>
    <t>\\acsfs\profiles$\felipetds\Downloads\413a4b04-00d4-4d0a-905a-8acf4f419df5.tmp</t>
  </si>
  <si>
    <t>459428f3-7017-426b-bacc-0df754ab5c29.tmp</t>
  </si>
  <si>
    <t>\\acsfs\profiles$\ROZENCAM\Downloads\459428f3-7017-426b-bacc-0df754ab5c29.tmp</t>
  </si>
  <si>
    <t>7e97eeb5-0dd5-481d-84e2-2a31b7c5ca66.tmp</t>
  </si>
  <si>
    <t>\\acsfs\profiles$\gabrielafs\Downloads\7e97eeb5-0dd5-481d-84e2-2a31b7c5ca66.tmp</t>
  </si>
  <si>
    <t>lu1696412mg03.tmp</t>
  </si>
  <si>
    <t>\\acsfs\profiles$\CLAUDIAJCA\lu1696412mg03.tmp</t>
  </si>
  <si>
    <t>\\acsfs\profiles$\CLAUDIAJCA\lu1696412mg03.tmp\</t>
  </si>
  <si>
    <t>\\acsfs\profiles$\CLAUDIAJCA\lu1696412mg03.tmp\META-INF\</t>
  </si>
  <si>
    <t>\\acsfs\profiles$\CLAUDIAJCA\lu1696412mg03.tmp\Thumbnails\</t>
  </si>
  <si>
    <t>outlook.office.com/owa/service.svc?action=CreateItem&amp;app=Mail&amp;n=202</t>
  </si>
  <si>
    <t>andrelpsa@algartech.com;bvs-gestorescentral@bv.com.br;eliane.martins@bv.com.br;janaina.pereira@bv.com.br;jose.gomes@bv.com.br;robsonams@algartech.com;</t>
  </si>
  <si>
    <t>andrelpsa@algartech.com,bvs-gestorescentral@bv.com.br,eliane.martins@bv.com.br,janaina.pereira@bv.com.br,jose.gomes@bv.com.br,robsonams@algartech.com</t>
  </si>
  <si>
    <t>6f2e46fd-0a23-4c90-aa43-5225a1be8a47.tmp</t>
  </si>
  <si>
    <t>\\acsfs\profiles$\rafaelahpn\Downloads\6f2e46fd-0a23-4c90-aa43-5225a1be8a47.tmp</t>
  </si>
  <si>
    <t>Nice 06.xls</t>
  </si>
  <si>
    <t>\\acsfs\ACS\001 - Qualidade Lilian\PAULO\FAROL DE QUALIDADE\Janeiro\Nice 06.xls</t>
  </si>
  <si>
    <t>LUANA ROSA DE ALMEIDA_1_6775455615561041611_1_32.wav</t>
  </si>
  <si>
    <t>\\acsfs\Deptos\EDUCACAO EMPRESARIAL\KÉSIA\Ligações 1º Ciclo - Janeiro 2020\LUANA ROSA DE ALMEIDA_1_6775455615561041611_1_32.wav</t>
  </si>
  <si>
    <t>outlook.office.com/owa/service.svc?action=CreateItem&amp;app=Mail&amp;n=220</t>
  </si>
  <si>
    <t>45809dc7-ebb5-42ac-9412-d82f31a3cd7a.tmp</t>
  </si>
  <si>
    <t>\\acsfs\profiles$\rafaelahpn\Downloads\45809dc7-ebb5-42ac-9412-d82f31a3cd7a.tmp</t>
  </si>
  <si>
    <t>5c622355-22cc-4fc4-9d2d-e495517afae3.tmp</t>
  </si>
  <si>
    <t>\\acsfs\profiles$\rafaelahpn\Downloads\5c622355-22cc-4fc4-9d2d-e495517afae3.tmp</t>
  </si>
  <si>
    <t>581727dc-0908-46f7-9512-8c98af1e5d54.tmp</t>
  </si>
  <si>
    <t>\\acsfs\profiles$\luanarda\Downloads\581727dc-0908-46f7-9512-8c98af1e5d54.tmp</t>
  </si>
  <si>
    <t>c:\users\giseleclss\desktop\2_2019\</t>
  </si>
  <si>
    <t>1 objetivos 2_2019.xlsx</t>
  </si>
  <si>
    <t>90edfe00-a81f-4537-99ac-9c9638ce80c4.tmp</t>
  </si>
  <si>
    <t>\\acsfs\profiles$\lucasgpe\Downloads\90edfe00-a81f-4537-99ac-9c9638ce80c4.tmp</t>
  </si>
  <si>
    <t>c29c3856-8506-4507-af4c-cff5f36bb880.tmp</t>
  </si>
  <si>
    <t>\\acsfs\profiles$\inarajst\Downloads\c29c3856-8506-4507-af4c-cff5f36bb880.tmp</t>
  </si>
  <si>
    <t>87fd29f7-d5d9-48b1-906f-730fb0b73d52.tmp</t>
  </si>
  <si>
    <t>\\acsfs\profiles$\inarajst\Downloads\87fd29f7-d5d9-48b1-906f-730fb0b73d52.tmp</t>
  </si>
  <si>
    <t>a0c1000d-501d-423f-9b0e-4e19e20fd025.tmp</t>
  </si>
  <si>
    <t>\\acsfs\profiles$\laianear\Downloads\a0c1000d-501d-423f-9b0e-4e19e20fd025.tmp</t>
  </si>
  <si>
    <t>0071dbb2-696c-4d32-b70f-84164ee6191d.tmp</t>
  </si>
  <si>
    <t>\\acsfs\profiles$\Flaviojmm\Downloads\0071dbb2-696c-4d32-b70f-84164ee6191d.tmp</t>
  </si>
  <si>
    <t>lu14796za7pk.tmp</t>
  </si>
  <si>
    <t>\\acsfs\profiles$\victoriaksr\Downloads\lu14796za7pk.tmp</t>
  </si>
  <si>
    <t>http:///batch?%24ct=multipart%2Fmixed%3B%20boundary%3D%22%3D%3D%3D%3D%3Dbpafo568z9z3%3D%3D%3D%3D%3D%22&amp;key=AIzaSyAy9VVXHSpS2IJpptzYtGbLP3-3_l0aBk4</t>
  </si>
  <si>
    <t>http:///batch?%24ct=multipart%2Fmixed%3B%20boundary%3D%22%3D%3D%3D%3D%3Ddt2a1haqkr6w%3D%3D%3D%3D%3D%22&amp;key=AIzaSyAy9VVXHSpS2IJpptzYtGbLP3-3_l0aBk4</t>
  </si>
  <si>
    <t>ancestorhasaugmentedpermissions;containsunsubscribedchildren;copyable;displayname;domain;emailaddress;explicitlytrashed;filesize;hasthumbnail;hasvisitorpermissions;id;id);items(kind;ken;lastmodifyinguser(kind;lastviewedbymedate;mimetype;modifiedbymedate;modifieddate;ontainsunsubscribedchildren;owners(kind;permission;permissionid;picture;quotabytesused;shareable;shared;sharedwithmedate;thumbnailversion;title;userpermission(role);workspaceids;</t>
  </si>
  <si>
    <t>http://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,permissionid,picture,quotabytesused,shareable,shared,sharedwithmedate,thumbnailversion,title,userpermission(role),workspaceids</t>
  </si>
  <si>
    <t>KIT_PRE_DESLIG_PEDIDO_DEMISSAO_AUSENTE_100707_NATHALIA DIAS FERNANDES.pdf</t>
  </si>
  <si>
    <t>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,permissionid,picture,quotabytesused,shareable,shared,sharedwithmedate,thumbnailversion,title,userpermission(role),workspaceids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;permissionid;picture;quotabytesused;shareable;shared;sharedwithmedat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,permissionid,picture,quotabytesused,shareable,shared,sharedwithmedate,thumbnailversion,title,userpermission(role),workspaceids</t>
  </si>
  <si>
    <t>http:///batch?%24ct=multipart%2Fmixed%3B%20boundary%3D%22%3D%3D%3D%3D%3Dp0vob6w0rucm%3D%3D%3D%3D%3D%22&amp;key=AIzaSyAy9VVXHSpS2IJpptzYtGbLP3-3_l0aBk4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;permission;permissionid;picture;quotabytesused;rpermissions;shareable;shared;sharedwithmedat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re,quotabytesused,rpermissions,shareable,shared,sharedwithmedate,thumbnailversion,title,userpermission(role),workspaceids</t>
  </si>
  <si>
    <t>http:///batch?%24ct=multipart%2Fmixed%3B%20boundary%3D%22%3D%3D%3D%3D%3D299c9xph5yit%3D%3D%3D%3D%3D%22&amp;key=AIzaSyAy9VVXHSpS2IJpptzYtGbLP3-3_l0aBk4</t>
  </si>
  <si>
    <t>http:///batch?%24ct=multipart%2Fmixed%3B%20boundary%3D%22%3D%3D%3D%3D%3D3n9w02tk8koo%3D%3D%3D%3D%3D%22&amp;key=AIzaSyAy9VVXHSpS2IJpptzYtGbLP3-3_l0aBk4</t>
  </si>
  <si>
    <t>334b1769-191d-448b-96e1-56590b1984da.tmp</t>
  </si>
  <si>
    <t>\\acsfs\profiles$\leticiala\Downloads\334b1769-191d-448b-96e1-56590b1984da.tmp</t>
  </si>
  <si>
    <t>ANA CLARA MORAES SILVEIRA_1_6774856287234632014_1_32.wav</t>
  </si>
  <si>
    <t>\\acsfs\Deptos\EDUCACAO EMPRESARIAL\KÉSIA\Ligações 1º Ciclo - Janeiro 2020\ANA CLARA MORAES SILVEIRA_1_6774856287234632014_1_32.wav</t>
  </si>
  <si>
    <t>85957670-4f85-43ca-b7f8-3448e9366c71.tmp</t>
  </si>
  <si>
    <t>\\acsfs\profiles$\quindaizaagds\Downloads\85957670-4f85-43ca-b7f8-3448e9366c71.tmp</t>
  </si>
  <si>
    <t>http:///batch?%24ct=multipart%2Fmixed%3B%20boundary%3D%22%3D%3D%3D%3D%3D7e41bp1zzvkv%3D%3D%3D%3D%3D%22&amp;key=AIzaSyAy9VVXHSpS2IJpptzYtGbLP3-3_l0aBk4</t>
  </si>
  <si>
    <t>http:///batch?%24ct=multipart%2Fmixed%3B%20boundary%3D%22%3D%3D%3D%3D%3D4erhlnx7xa0q%3D%3D%3D%3D%3D%22&amp;key=AIzaSyAy9VVXHSpS2IJpptzYtGbLP3-3_l0aBk4</t>
  </si>
  <si>
    <t>http:///batch?%24ct=multipart%2Fmixed%3B%20boundary%3D%22%3D%3D%3D%3D%3D7u3cjbwxmvdo%3D%3D%3D%3D%3D%22&amp;key=AIzaSyAy9VVXHSpS2IJpptzYtGbLP3-3_l0aBk4</t>
  </si>
  <si>
    <t>http:///batch?%24ct=multipart%2Fmixed%3B%20boundary%3D%22%3D%3D%3D%3D%3Dtrvufe714ipy%3D%3D%3D%3D%3D%22&amp;key=AIzaSyAy9VVXHSpS2IJpptzYtGbLP3-3_l0aBk4</t>
  </si>
  <si>
    <t>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;permission;permissionid;pictu;picture;quotabytesused;rpermissions;shareable;shared;sharedwithmedate;thumbnailversion;title;userpermission(role);workspaceids;</t>
  </si>
  <si>
    <t>http://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,picture,quotabytesused,rpermissions,shareable,shared,sharedwithmedate,thumbnailversion,title,userpermission(role),workspaceids</t>
  </si>
  <si>
    <t>http:///batch?%24ct=multipart%2Fmixed%3B%20boundary%3D%22%3D%3D%3D%3D%3D6r9kw3ezdjze%3D%3D%3D%3D%3D%22&amp;key=AIzaSyAy9VVXHSpS2IJpptzYtGbLP3-3_l0aBk4</t>
  </si>
  <si>
    <t>http:///batch?%24ct=multipart%2Fmixed%3B%20boundary%3D%22%3D%3D%3D%3D%3Dx6uibvw3y2du%3D%3D%3D%3D%3D%22&amp;key=AIzaSyAy9VVXHSpS2IJpptzYtGbLP3-3_l0aBk4</t>
  </si>
  <si>
    <t>http:///batch?%24ct=multipart%2Fmixed%3B%20boundary%3D%22%3D%3D%3D%3D%3Dk51vmu8nllc4%3D%3D%3D%3D%3D%22&amp;key=AIzaSyAy9VVXHSpS2IJpptzYtGbLP3-3_l0aBk4</t>
  </si>
  <si>
    <t>2f5_u x-goog-authuser: 0 --=====k51vmu8nllc4=====--;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;permission;permissionid;pictu;picture;quotabytesused;rpermissions;shareable;shared;sharedwithmedate;thumbnailversion;title;userpermission(role);workspaceids;</t>
  </si>
  <si>
    <t>http://2f5_u x-goog-authuser: 0 --=====k51vmu8nllc4=====-- ,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,picture,quotabytesused,rpermissions,shareable,shared,sharedwithmedate,thumbnailversion,title,userpermission(role),workspaceids</t>
  </si>
  <si>
    <t>mail.google.com/_/upload?authuser=1&amp;dcp=asu-n&amp;upload_id=AEnB2UqG2S0ZtwrpeikTjID030kLgDIXZgbq3iJ1-lQZttvroMbfEefWiaMWf_GODPGdMPyEFcC4cMxJR8Ofz2ucz5XY7yjIJw&amp;upload_protocol=resumable</t>
  </si>
  <si>
    <t>C:\Users\thiagocso\Desktop\</t>
  </si>
  <si>
    <t>Lideres de GRC.xls</t>
  </si>
  <si>
    <t>C:\Users\luizffn\Downloads\</t>
  </si>
  <si>
    <t>PENDENCIAS VALORES-CHAMADOS.xlsx</t>
  </si>
  <si>
    <t>RO MODELO_UDI2020.xlsx</t>
  </si>
  <si>
    <t>ances,ancestorhasaugmentedpermissions,containsunsubscribedchildren,displayname,domain,emailaddress,exp,file(kind,fileid,filesize,hasthumbnail,hasvisitorpermissions,id,id),items(deleted,ken,kind,lastmodifyinguser(kind,lastviewedbymedate,modifiedbymedate,modifieddate,ontainsunsubscribedchildren,owners(kind,permi,permissionid,pict,picture,rpermissions,shared,sharedwithmedate,thumbnailversion,title,uk9pva"}]},userpermission(role),workspaceids</t>
  </si>
  <si>
    <t>\\acsfs\ACS\Gabriel da Silva\Contemporânea\BDBV\422DA86C.tmp\</t>
  </si>
  <si>
    <t>\\acsfs\ACS\Gabriel da Silva\Contemporânea\BDBV\422DA86C.tmp\:Zone.Identifier:$DATA</t>
  </si>
  <si>
    <t>\\acsfs\ACS\Gabriel da Silva\Contemporânea\BDBV\Banco de Dados BV.xlsx\</t>
  </si>
  <si>
    <t>\\acsfs\ACS\Gabriel da Silva\Contemporânea\BDBV\Banco de Dados BV.xlsx</t>
  </si>
  <si>
    <t>Banco de Dados BV.xlsx</t>
  </si>
  <si>
    <t>10.207.12.34</t>
  </si>
  <si>
    <t>D8-9C-67-4D-A1-19</t>
  </si>
  <si>
    <t>NB-MARCELORF2</t>
  </si>
  <si>
    <t>marcelorf</t>
  </si>
  <si>
    <t>C:\Users\marcelorf\OneDrive - Grupo Algar\Particular\</t>
  </si>
  <si>
    <t>Cópia de aposentadoria.xlsx</t>
  </si>
  <si>
    <t>http:///batch?%24ct=multipart%2Fmixed%3B%20boundary%3D%22%3D%3D%3D%3D%3D57703jrneu7b%3D%3D%3D%3D%3D%22&amp;key=AIzaSyAy9VVXHSpS2IJpptzYtGbLP3-3_l0aBk4</t>
  </si>
  <si>
    <t>"languagecode":"pt-br";"requesttype":"background_request";"scenariotype;"timezone":"-03:00";ancestorhasaugment;ancestorhasaugmentedpermissions;containsunsubscribedchildren;displayname;domain;emailaddress;ess"}};expl;filesize;hasthumbnail;hasvisitorpermissions;id;id);items(kind;ken;lastmodifyinguser(kind;lastviewedbymedate;modifiedbymedate;modifieddate;ontainsunsubscribedchildren;owners(kind;p";permissionid;picture;shared;sharedwithmedate;thumbnailversion;title;userpermission(role);workspaceids;</t>
  </si>
  <si>
    <t>http://"languagecode":"pt-br","requesttype":"background_request","scenariotype,"timezone":"-03:00",ancestorhasaugment,ancestorhasaugmentedpermissions,containsunsubscribedchildren,displayname,domain,emailaddress,ess"}},expl,filesize,hasthumbnail,hasvisitorpermissions,id,id),items(kind,ken,lastmodifyinguser(kind,lastviewedbymedate,modifiedbymedate,modifieddate,ontainsunsubscribedchildren,owners(kind,p",permissionid,picture,shared,sharedwithmedate,thumbnailversion,title,userpermission(role),workspaceids</t>
  </si>
  <si>
    <t>"languagecode":"pt-br","requesttype":"background_request","scenariotype,"timezone":"-03:00",ancestorhasaugment,ancestorhasaugmentedpermissions,containsunsubscribedchildren,displayname,domain,emailaddress,ess"}},expl,filesize,hasthumbnail,hasvisitorpermissions,id,id),items(kind,ken,lastmodifyinguser(kind,lastviewedbymedate,modifiedbymedate,modifieddate,ontainsunsubscribedchildren,owners(kind,p",permissionid,picture,shared,sharedwithmedate,thumbnailversion,title,userpermission(role),workspaceids</t>
  </si>
  <si>
    <t>"languagecode":"pt-br";"requesttype":"background_request";"scenariotype;"timezone":"-03:00";ancestorhasaugment;ancestorhasaugmentedpermissions;containsunsubscribedchildren;displayname;domain;emailaddress;ess"}};expl;file(kind;fileid;filesize;hasthumbnail;hasvisitorpermissions;id;id);items(deleted;items(kin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background_request","scenariotype,"timezone":"-03:00",ancestorhasaugment,ancestorhasaugmentedpermissions,containsunsubscribedchildren,displayname,domain,emailaddress,ess"}},expl,file(kind,fileid,filesize,hasthumbnail,hasvisitorpermissions,id,id),items(deleted,items(kin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vjrohn43cov4%3D%3D%3D%3D%3D%22&amp;key=AIzaSyAy9VVXHSpS2IJpptzYtGbLP3-3_l0aBk4</t>
  </si>
  <si>
    <t>http:///batch?%24ct=multipart%2Fmixed%3B%20boundary%3D%22%3D%3D%3D%3D%3Dmntc4in4iyf8%3D%3D%3D%3D%3D%22&amp;key=AIzaSyAy9VVXHSpS2IJpptzYtGbLP3-3_l0aBk4</t>
  </si>
  <si>
    <t>http:///batch?%24ct=multipart%2Fmixed%3B%20boundary%3D%22%3D%3D%3D%3D%3Dbqtrm61cbois%3D%3D%3D%3D%3D%22&amp;key=AIzaSyAy9VVXHSpS2IJpptzYtGbLP3-3_l0aBk4</t>
  </si>
  <si>
    <t>"languagecode":"pt-br";"requesttype":"background_request";"scenariotype;"timezone":"-03:00";ancest;ancestorhasaugment;ancestorhasaugmentedpermissions;containsunsubscribedchildren;displayname;domain;emailaddress;ess"}};expl;file(kind;fileid;filesize;hasthumbnail;hasvisitorpermissions;id;id);items(deleted;items(kind;ken;kind;lastmodifyinguser(kind;lastviewedbymedate;modifiedbymedate;modifieddate;ontainsunsubscribedchildren;owners(kind;p";per;permissionid;pictu;picture;rpermissions;shared;sharedwithmedate;thumbnailversion;title;userpermission(role);workspaceids;</t>
  </si>
  <si>
    <t>http://"languagecode":"pt-br","requesttype":"background_request","scenariotype,"timezone":"-03:00",ancest,ancestorhasaugment,ancestorhasaugmentedpermissions,containsunsubscribedchildren,displayname,domain,emailaddress,ess"}},expl,file(kind,fileid,filesize,hasthumbnail,hasvisitorpermissions,id,id),items(deleted,items(kind,ken,kind,lastmodifyinguser(kind,lastviewedbymedate,modifiedbymedate,modifieddate,ontainsunsubscribedchildren,owners(kind,p",per,permissionid,pictu,picture,rpermissions,shared,sharedwithmedate,thumbnailversion,title,userpermission(role),workspaceids</t>
  </si>
  <si>
    <t>http:///batch?%24ct=multipart%2Fmixed%3B%20boundary%3D%22%3D%3D%3D%3D%3Dhm6qw2g00jja%3D%3D%3D%3D%3D%22&amp;key=AIzaSyAy9VVXHSpS2IJpptzYtGbLP3-3_l0aBk4</t>
  </si>
  <si>
    <t>http:///batch?%24ct=multipart%2Fmixed%3B%20boundary%3D%22%3D%3D%3D%3D%3Dg6bown1r6ot%3D%3D%3D%3D%3D%22&amp;key=AIzaSyAy9VVXHSpS2IJpptzYtGbLP3-3_l0aBk4</t>
  </si>
  <si>
    <t>http:///batch?%24ct=multipart%2Fmixed%3B%20boundary%3D%22%3D%3D%3D%3D%3Drwnvb65fl1e9%3D%3D%3D%3D%3D%22&amp;key=AIzaSyAy9VVXHSpS2IJpptzYtGbLP3-3_l0aBk4</t>
  </si>
  <si>
    <t>http:///batch?%24ct=multipart%2Fmixed%3B%20boundary%3D%22%3D%3D%3D%3D%3Drww4hrw19zoo%3D%3D%3D%3D%3D%22&amp;key=AIzaSyAy9VVXHSpS2IJpptzYtGbLP3-3_l0aBk4</t>
  </si>
  <si>
    <t>http:///batch?%24ct=multipart%2Fmixed%3B%20boundary%3D%22%3D%3D%3D%3D%3Din15xyup08wa%3D%3D%3D%3D%3D%22&amp;key=AIzaSyAy9VVXHSpS2IJpptzYtGbLP3-3_l0aBk4</t>
  </si>
  <si>
    <t>http:///batch?%24ct=multipart%2Fmixed%3B%20boundary%3D%22%3D%3D%3D%3D%3D6ovc549dmnl%3D%3D%3D%3D%3D%22&amp;key=AIzaSyAy9VVXHSpS2IJpptzYtGbLP3-3_l0aBk4</t>
  </si>
  <si>
    <t>http:///batch?%24ct=multipart%2Fmixed%3B%20boundary%3D%22%3D%3D%3D%3D%3Dvdok9fwiznlg%3D%3D%3D%3D%3D%22&amp;key=AIzaSyAy9VVXHSpS2IJpptzYtGbLP3-3_l0aBk4</t>
  </si>
  <si>
    <t>http:///batch?%24ct=multipart%2Fmixed%3B%20boundary%3D%22%3D%3D%3D%3D%3D42ckpcqde2xu%3D%3D%3D%3D%3D%22&amp;key=AIzaSyAy9VVXHSpS2IJpptzYtGbLP3-3_l0aBk4</t>
  </si>
  <si>
    <t>bbc370e3-256c-4743-b787-556918a7884c.tmp</t>
  </si>
  <si>
    <t>\\acsfs\profiles$\mariajra\Downloads\bbc370e3-256c-4743-b787-556918a7884c.tmp</t>
  </si>
  <si>
    <t>\\acsfs\ACS\Gabriel da Silva\Contemporânea\BDBV\3F450193.tmp\</t>
  </si>
  <si>
    <t>\\acsfs\ACS\Gabriel da Silva\Contemporânea\BDBV\3F450193.tmp\:Zone.Identifier:$DATA</t>
  </si>
  <si>
    <t>\\acsfs\ACS\Gabriel da Silva\Contemporânea\BDBV\8C766B46.tmp\</t>
  </si>
  <si>
    <t>\\acsfs\ACS\Gabriel da Silva\Contemporânea\BDBV\8C766B46.tmp\:Zone.Identifier:$DATA</t>
  </si>
  <si>
    <t>http:///batch?%24ct=multipart%2Fmixed%3B%20boundary%3D%22%3D%3D%3D%3D%3Dic1vndxzsmo3%3D%3D%3D%3D%3D%22&amp;key=AIzaSyAy9VVXHSpS2IJpptzYtGbLP3-3_l0aBk4</t>
  </si>
  <si>
    <t>http:///batch?%24ct=multipart%2Fmixed%3B%20boundary%3D%22%3D%3D%3D%3D%3Df09jaaorc7f9%3D%3D%3D%3D%3D%22&amp;key=AIzaSyAy9VVXHSpS2IJpptzYtGbLP3-3_l0aBk4</t>
  </si>
  <si>
    <t>http:///batch?%24ct=multipart%2Fmixed%3B%20boundary%3D%22%3D%3D%3D%3D%3Dwmanyixraf56%3D%3D%3D%3D%3D%22&amp;key=AIzaSyAy9VVXHSpS2IJpptzYtGbLP3-3_l0aBk4</t>
  </si>
  <si>
    <t>http:///batch?%24ct=multipart%2Fmixed%3B%20boundary%3D%22%3D%3D%3D%3D%3Dq21ne3sl1882%3D%3D%3D%3D%3D%22&amp;key=AIzaSyAy9VVXHSpS2IJpptzYtGbLP3-3_l0aBk4</t>
  </si>
  <si>
    <t>http:///batch?%24ct=multipart%2Fmixed%3B%20boundary%3D%22%3D%3D%3D%3D%3Duqmogncdi1gr%3D%3D%3D%3D%3D%22&amp;key=AIzaSyAy9VVXHSpS2IJpptzYtGbLP3-3_l0aBk4</t>
  </si>
  <si>
    <t>http:///batch?%24ct=multipart%2Fmixed%3B%20boundary%3D%22%3D%3D%3D%3D%3D182c8jq1rurs%3D%3D%3D%3D%3D%22&amp;key=AIzaSyAy9VVXHSpS2IJpptzYtGbLP3-3_l0aBk4</t>
  </si>
  <si>
    <t>http:///batch?%24ct=multipart%2Fmixed%3B%20boundary%3D%22%3D%3D%3D%3D%3Ducuarbxljhdg%3D%3D%3D%3D%3D%22&amp;key=AIzaSyAy9VVXHSpS2IJpptzYtGbLP3-3_l0aBk4</t>
  </si>
  <si>
    <t>http:///batch?%24ct=multipart%2Fmixed%3B%20boundary%3D%22%3D%3D%3D%3D%3Dihnv8ido6zc8%3D%3D%3D%3D%3D%22&amp;key=AIzaSyAy9VVXHSpS2IJpptzYtGbLP3-3_l0aBk4</t>
  </si>
  <si>
    <t>http:///batch?%24ct=multipart%2Fmixed%3B%20boundary%3D%22%3D%3D%3D%3D%3Dv157kzm7l3eb%3D%3D%3D%3D%3D%22&amp;key=AIzaSyAy9VVXHSpS2IJpptzYtGbLP3-3_l0aBk4</t>
  </si>
  <si>
    <t>http:///batch?%24ct=multipart%2Fmixed%3B%20boundary%3D%22%3D%3D%3D%3D%3D83ka7u2qn9mj%3D%3D%3D%3D%3D%22&amp;key=AIzaSyAy9VVXHSpS2IJpptzYtGbLP3-3_l0aBk4</t>
  </si>
  <si>
    <t>http:///batch?%24ct=multipart%2Fmixed%3B%20boundary%3D%22%3D%3D%3D%3D%3Dyrck6ko311dt%3D%3D%3D%3D%3D%22&amp;key=AIzaSyAy9VVXHSpS2IJpptzYtGbLP3-3_l0aBk4</t>
  </si>
  <si>
    <t>http:///batch?%24ct=multipart%2Fmixed%3B%20boundary%3D%22%3D%3D%3D%3D%3Dvn19osyopgz2%3D%3D%3D%3D%3D%22&amp;key=AIzaSyAy9VVXHSpS2IJpptzYtGbLP3-3_l0aBk4</t>
  </si>
  <si>
    <t>http:///batch?%24ct=multipart%2Fmixed%3B%20boundary%3D%22%3D%3D%3D%3D%3Da663hy17vba0%3D%3D%3D%3D%3D%22&amp;key=AIzaSyAy9VVXHSpS2IJpptzYtGbLP3-3_l0aBk4</t>
  </si>
  <si>
    <t>http:///batch?%24ct=multipart%2Fmixed%3B%20boundary%3D%22%3D%3D%3D%3D%3Ddf8qj0b2luay%3D%3D%3D%3D%3D%22&amp;key=AIzaSyAy9VVXHSpS2IJpptzYtGbLP3-3_l0aBk4</t>
  </si>
  <si>
    <t>http:///batch?%24ct=multipart%2Fmixed%3B%20boundary%3D%22%3D%3D%3D%3D%3D80zirsm0hb8x%3D%3D%3D%3D%3D%22&amp;key=AIzaSyAy9VVXHSpS2IJpptzYtGbLP3-3_l0aBk4</t>
  </si>
  <si>
    <t>http:///batch?%24ct=multipart%2Fmixed%3B%20boundary%3D%22%3D%3D%3D%3D%3Dqxl8rer841r9%3D%3D%3D%3D%3D%22&amp;key=AIzaSyAy9VVXHSpS2IJpptzYtGbLP3-3_l0aBk4</t>
  </si>
  <si>
    <t>http:///batch?%24ct=multipart%2Fmixed%3B%20boundary%3D%22%3D%3D%3D%3D%3Decklk6q9jv8k%3D%3D%3D%3D%3D%22&amp;key=AIzaSyAy9VVXHSpS2IJpptzYtGbLP3-3_l0aBk4</t>
  </si>
  <si>
    <t>http:///batch?%24ct=multipart%2Fmixed%3B%20boundary%3D%22%3D%3D%3D%3D%3Ddhz5bnfpzo5q%3D%3D%3D%3D%3D%22&amp;key=AIzaSyAy9VVXHSpS2IJpptzYtGbLP3-3_l0aBk4</t>
  </si>
  <si>
    <t>http:///batch?%24ct=multipart%2Fmixed%3B%20boundary%3D%22%3D%3D%3D%3D%3Dl77hx3zcpbi1%3D%3D%3D%3D%3D%22&amp;key=AIzaSyAy9VVXHSpS2IJpptzYtGbLP3-3_l0aBk4</t>
  </si>
  <si>
    <t>http:///batch?%24ct=multipart%2Fmixed%3B%20boundary%3D%22%3D%3D%3D%3D%3Diz6j2pecxfms%3D%3D%3D%3D%3D%22&amp;key=AIzaSyAy9VVXHSpS2IJpptzYtGbLP3-3_l0aBk4</t>
  </si>
  <si>
    <t>http:///batch?%24ct=multipart%2Fmixed%3B%20boundary%3D%22%3D%3D%3D%3D%3Dnfefu378uknk%3D%3D%3D%3D%3D%22&amp;key=AIzaSyAy9VVXHSpS2IJpptzYtGbLP3-3_l0aBk4</t>
  </si>
  <si>
    <t>83e8af5c-5f2e-40c8-97ba-f573d293a5c2.tmp</t>
  </si>
  <si>
    <t>\\acsfs\profiles$\leticiala\Downloads\83e8af5c-5f2e-40c8-97ba-f573d293a5c2.tmp</t>
  </si>
  <si>
    <t>\\acsfs\profiles$\JOAOVAL\Contacts\</t>
  </si>
  <si>
    <t>JOAO VITOR ALVES LIMA (21).contact</t>
  </si>
  <si>
    <t>\\acsfs\profiles$\JOAOVAL\Contacts\JOAO VITOR ALVES LIMA (21).contact</t>
  </si>
  <si>
    <t>\\acsfs\profiles$\JOAOVAL\My Documents\My Videos\</t>
  </si>
  <si>
    <t>\\acsfs\profiles$\JOAOVAL\My Documents\My Videos\desktop.ini</t>
  </si>
  <si>
    <t>\\acsfs\profiles$\JOAOVAL\My Documents\My Pictures\</t>
  </si>
  <si>
    <t>\\acsfs\profiles$\JOAOVAL\My Documents\My Pictures\desktop.ini</t>
  </si>
  <si>
    <t>\\acsfs\profiles$\JOAOVAL\Contacts\desktop.ini</t>
  </si>
  <si>
    <t>\\acsfs\profiles$\JOAOVAL\Favorites\</t>
  </si>
  <si>
    <t>\\acsfs\profiles$\JOAOVAL\Favorites\desktop.ini</t>
  </si>
  <si>
    <t>\\acsfs\profiles$\JOAOVAL\My Documents\My Music\</t>
  </si>
  <si>
    <t>\\acsfs\profiles$\JOAOVAL\My Documents\My Music\desktop.ini</t>
  </si>
  <si>
    <t>\\acsfs\profiles$\JOAOVAL\Searches\</t>
  </si>
  <si>
    <t>\\acsfs\profiles$\JOAOVAL\Searches\desktop.ini</t>
  </si>
  <si>
    <t>\\acsfs\profiles$\JOAOVAL\Downloads\desktop.ini</t>
  </si>
  <si>
    <t>\\acsfs\profiles$\JOAOVAL\My Documents\</t>
  </si>
  <si>
    <t>\\acsfs\profiles$\JOAOVAL\My Documents\desktop.ini</t>
  </si>
  <si>
    <t>\\acsfs\profiles$\JOAOVAL\Saved Games\</t>
  </si>
  <si>
    <t>\\acsfs\profiles$\JOAOVAL\Saved Games\desktop.ini</t>
  </si>
  <si>
    <t>\\acsfs\profiles$\JOAOVAL\Favorites\Links for Brasil\</t>
  </si>
  <si>
    <t>\\acsfs\profiles$\JOAOVAL\Favorites\Links for Brasil\desktop.ini</t>
  </si>
  <si>
    <t>\\acsfs\profiles$\JOAOVAL\Favorites\Links for Brasil\Microsoft Brasil.url</t>
  </si>
  <si>
    <t>\\acsfs\profiles$\JOAOVAL\Favorites\Links for Brasil\Windows Brasil.url</t>
  </si>
  <si>
    <t>\\acsfs\profiles$\JOAOVAL\Favorites\Links for Brasil\MSN Brasil.url</t>
  </si>
  <si>
    <t>11ac840e-8ed3-4e2c-b5f0-e8780a95ec06.tmp</t>
  </si>
  <si>
    <t>\\acsfs\profiles$\JOAOVAL\Downloads\11ac840e-8ed3-4e2c-b5f0-e8780a95ec06.tmp</t>
  </si>
  <si>
    <t>35400f5f-4a65-4b44-9587-37fdebec0f27.tmp</t>
  </si>
  <si>
    <t>\\acsfs\profiles$\JOAOVAL\Downloads\35400f5f-4a65-4b44-9587-37fdebec0f27.tmp</t>
  </si>
  <si>
    <t>fbfea7d4-efd2-4913-b854-2099d5b16e7f.tmp</t>
  </si>
  <si>
    <t>\\acsfs\profiles$\JOAOVAL\Downloads\fbfea7d4-efd2-4913-b854-2099d5b16e7f.tmp</t>
  </si>
  <si>
    <t>058c64ed-3ea5-46a9-974c-6c683c2527dd.tmp</t>
  </si>
  <si>
    <t>\\acsfs\profiles$\ROZENCAM\Downloads\058c64ed-3ea5-46a9-974c-6c683c2527dd.tmp</t>
  </si>
  <si>
    <t>6af58015-e904-4545-a64e-3e1e0b9100c6.tmp</t>
  </si>
  <si>
    <t>\\acsfs\profiles$\luizffn\Downloads\6af58015-e904-4545-a64e-3e1e0b9100c6.tmp</t>
  </si>
  <si>
    <t>\\acsfs\profiles$\luizffn\Downloads\6af58015-e904-4545-a64e-3e1e0b9100c6.tmp\ppt\media\</t>
  </si>
  <si>
    <t>image1.png</t>
  </si>
  <si>
    <t>image3.png</t>
  </si>
  <si>
    <t>image4.svg</t>
  </si>
  <si>
    <t>image9.png</t>
  </si>
  <si>
    <t>\\acsfs\profiles$\luizffn\Downloads\6af58015-e904-4545-a64e-3e1e0b9100c6.tmp\ppt\</t>
  </si>
  <si>
    <t>presentation.xml</t>
  </si>
  <si>
    <t>\\acsfs\profiles$\luizffn\Downloads\6af58015-e904-4545-a64e-3e1e0b9100c6.tmp\ppt\slideLayouts\</t>
  </si>
  <si>
    <t>slideLayout1.xml</t>
  </si>
  <si>
    <t>slideLayout10.xml</t>
  </si>
  <si>
    <t>slideLayout11.xml</t>
  </si>
  <si>
    <t>slideLayout2.xml</t>
  </si>
  <si>
    <t>slideLayout3.xml</t>
  </si>
  <si>
    <t>slideLayout4.xml</t>
  </si>
  <si>
    <t>slideLayout5.xml</t>
  </si>
  <si>
    <t>slideLayout6.xml</t>
  </si>
  <si>
    <t>slideLayout7.xml</t>
  </si>
  <si>
    <t>slideLayout8.xml</t>
  </si>
  <si>
    <t>slideLayout9.xml</t>
  </si>
  <si>
    <t>\\acsfs\profiles$\luizffn\Downloads\6af58015-e904-4545-a64e-3e1e0b9100c6.tmp\ppt\slideLayouts\_rels\</t>
  </si>
  <si>
    <t>slideLayout1.xml.rels</t>
  </si>
  <si>
    <t>slideLayout10.xml.rels</t>
  </si>
  <si>
    <t>slideLayout11.xml.rels</t>
  </si>
  <si>
    <t>slideLayout2.xml.rels</t>
  </si>
  <si>
    <t>slideLayout3.xml.rels</t>
  </si>
  <si>
    <t>slideLayout4.xml.rels</t>
  </si>
  <si>
    <t>slideLayout5.xml.rels</t>
  </si>
  <si>
    <t>slideLayout6.xml.rels</t>
  </si>
  <si>
    <t>slideLayout7.xml.rels</t>
  </si>
  <si>
    <t>slideLayout8.xml.rels</t>
  </si>
  <si>
    <t>slideLayout9.xml.rels</t>
  </si>
  <si>
    <t>\\acsfs\profiles$\luizffn\Downloads\6af58015-e904-4545-a64e-3e1e0b9100c6.tmp\ppt\slideMasters\</t>
  </si>
  <si>
    <t>slideMaster1.xml</t>
  </si>
  <si>
    <t>\\acsfs\profiles$\luizffn\Downloads\6af58015-e904-4545-a64e-3e1e0b9100c6.tmp\ppt\slideMasters\_rels\</t>
  </si>
  <si>
    <t>slideMaster1.xml.rels</t>
  </si>
  <si>
    <t>\\acsfs\profiles$\luizffn\Downloads\6af58015-e904-4545-a64e-3e1e0b9100c6.tmp\ppt\slides\</t>
  </si>
  <si>
    <t>slide1.xml</t>
  </si>
  <si>
    <t>\\acsfs\profiles$\luizffn\Downloads\6af58015-e904-4545-a64e-3e1e0b9100c6.tmp\ppt\slides\_rels\</t>
  </si>
  <si>
    <t>slide1.xml.rels</t>
  </si>
  <si>
    <t>\\acsfs\profiles$\luizffn\Downloads\6af58015-e904-4545-a64e-3e1e0b9100c6.tmp\ppt\theme\</t>
  </si>
  <si>
    <t>theme1.xml</t>
  </si>
  <si>
    <t>\\acsfs\profiles$\luizffn\Downloads\6af58015-e904-4545-a64e-3e1e0b9100c6.tmp\ppt\_rels\</t>
  </si>
  <si>
    <t>presentation.xml.rels</t>
  </si>
  <si>
    <t>\\acsfs\profiles$\luizffn\Downloads\6af58015-e904-4545-a64e-3e1e0b9100c6.tmp\</t>
  </si>
  <si>
    <t>[Content_Types].xml</t>
  </si>
  <si>
    <t>\\acsfs\profiles$\luizffn\Downloads\6af58015-e904-4545-a64e-3e1e0b9100c6.tmp\_rels\</t>
  </si>
  <si>
    <t>.rels</t>
  </si>
  <si>
    <t>Não confirmado 47470.crdownload</t>
  </si>
  <si>
    <t>\\acsfs\profiles$\luizffn\Downloads\Não confirmado 47470.crdownload</t>
  </si>
  <si>
    <t>Report de entrega final.pptx:Zone.Identifier</t>
  </si>
  <si>
    <t>\\acsfs\profiles$\luizffn\Downloads\Report de entrega final.pptx:Zone.Identifier</t>
  </si>
  <si>
    <t>10.211.3.80</t>
  </si>
  <si>
    <t>64-1C-67-9C-54-3C</t>
  </si>
  <si>
    <t>SPTI-340009497</t>
  </si>
  <si>
    <t>ricardoft</t>
  </si>
  <si>
    <t>ricardoft@algartech.com</t>
  </si>
  <si>
    <t>\\acsfs\Deptos\CAS - Coordenação de Arquitetura de Soluções\Projetos\2020\FMC\219395 - Recusos de SAP S4\1. Precificação\</t>
  </si>
  <si>
    <t>Perfis.xlsx</t>
  </si>
  <si>
    <t>da5cde93-8667-4ed9-ac2a-19119577230e.tmp</t>
  </si>
  <si>
    <t>\\acsfs\profiles$\dhiulliananads\Downloads\da5cde93-8667-4ed9-ac2a-19119577230e.tmp</t>
  </si>
  <si>
    <t>LINKS DE ACESSO.txt</t>
  </si>
  <si>
    <t>\\acsfs\Deptos\Operacao\Banco_Votorantim\Comum\LINKS DE ACESSO.txt</t>
  </si>
  <si>
    <t>http:///batch?%24ct=multipart%2Fmixed%3B%20boundary%3D%22%3D%3D%3D%3D%3Dvzpo04jp4xh3%3D%3D%3D%3D%3D%22&amp;key=AIzaSyAy9VVXHSpS2IJpptzYtGbLP3-3_l0aBk4</t>
  </si>
  <si>
    <t>http:///batch?%24ct=multipart%2Fmixed%3B%20boundary%3D%22%3D%3D%3D%3D%3Dc5x1379qh0qd%3D%3D%3D%3D%3D%22&amp;key=AIzaSyAy9VVXHSpS2IJpptzYtGbLP3-3_l0aBk4</t>
  </si>
  <si>
    <t>http:///batch?%24ct=multipart%2Fmixed%3B%20boundary%3D%22%3D%3D%3D%3D%3Dsr7qj563vuz%3D%3D%3D%3D%3D%22&amp;key=AIzaSyAy9VVXHSpS2IJpptzYtGbLP3-3_l0aBk4</t>
  </si>
  <si>
    <t>e8bec158-facb-4f50-8798-6b1eb2650579.tmp</t>
  </si>
  <si>
    <t>\\acsfs\profiles$\lorenabmc\Downloads\e8bec158-facb-4f50-8798-6b1eb2650579.tmp</t>
  </si>
  <si>
    <t>\\acsfs\DEPTOS\Operacao\Banco_Votorantim\Supervisao\SUPERS BV CARTÕES\ADILSON\</t>
  </si>
  <si>
    <t>Reneg Venc 08.01.xlsx</t>
  </si>
  <si>
    <t>\\acsfs\DEPTOS\Operacao\Banco_Votorantim\Supervisao\SUPERS BV CARTÕES\ADILSON\Reneg Venc 08.01.xlsx</t>
  </si>
  <si>
    <t>adilsonloj@algartech.com</t>
  </si>
  <si>
    <t>thiagordu@algartech.com;</t>
  </si>
  <si>
    <t>thiagordu@algartech.com</t>
  </si>
  <si>
    <t>http:///batch?%24ct=multipart%2Fmixed%3B%20boundary%3D%22%3D%3D%3D%3D%3Dkrl4jdv29bz9%3D%3D%3D%3D%3D%22&amp;key=AIzaSyAy9VVXHSpS2IJpptzYtGbLP3-3_l0aBk4</t>
  </si>
  <si>
    <t>http:///batch?%24ct=multipart%2Fmixed%3B%20boundary%3D%22%3D%3D%3D%3D%3D7d04jk4oyz7g%3D%3D%3D%3D%3D%22&amp;key=AIzaSyAy9VVXHSpS2IJpptzYtGbLP3-3_l0aBk4</t>
  </si>
  <si>
    <t>http:///batch?%24ct=multipart%2Fmixed%3B%20boundary%3D%22%3D%3D%3D%3D%3D9kribnkk1z6z%3D%3D%3D%3D%3D%22&amp;key=AIzaSyAy9VVXHSpS2IJpptzYtGbLP3-3_l0aBk4</t>
  </si>
  <si>
    <t>1co?fields=kind;ancestorhasaugmentedpermissions;containsunsubscribedchildren;displayname;domain;emailaddress;filesize;filesize�;hasthumbnail;hasvisitorpermissions;id);items(kind;ken;lastmodifyinguser(kind;lastviewedbymedate;modifiedbymedate;modifieddate;ontainsunsubscribedchildren;owners(kind;permiss;permission;permissionid;picture;picture�;thumbnailversion;workspaceids;</t>
  </si>
  <si>
    <t>http://1co?fields=kind,ancestorhasaugmentedpermissions,containsunsubscribedchildren,displayname,domain,emailaddress,filesize,filesize�,hasthumbnail,hasvisitorpermissions,id),items(kind,ken,lastmodifyinguser(kind,lastviewedbymedate,modifiedbymedate,modifieddate,ontainsunsubscribedchildren,owners(kind,permiss,permission,permissionid,picture,picture�,thumbnailversion,workspaceids</t>
  </si>
  <si>
    <t>http:///batch?%24ct=multipart%2Fmixed%3B%20boundary%3D%22%3D%3D%3D%3D%3Do60ljuldea5j%3D%3D%3D%3D%3D%22&amp;key=AIzaSyAy9VVXHSpS2IJpptzYtGbLP3-3_l0aBk4</t>
  </si>
  <si>
    <t>1co?fields=kind;ancestorhasaugmentedpermissions;containsunsubscribedchildren;displayname;domain;emailaddress;file(kind;fileid;filesize;filesize�;hasthumbnail;hasvisitorpermissions;id;id);items(deleted;items(kind;ken;kind;lastmodifyinguser(kind;lastviewedbymedate;modifiedbymedate;modifieddate;ontainsunsubscribedchildren;owners(kind;per;permiss;permission;permissionid;picture;picture�;shared;sharedwithmedate;thumbnailversion;title;userpermission(role);workspaceids;</t>
  </si>
  <si>
    <t>http://1co?fields=kind,ancestorhasaugmentedpermissions,containsunsubscribedchildren,displayname,domain,emailaddress,file(kind,fileid,filesize,filesize�,hasthumbnail,hasvisitorpermissions,id,id),items(deleted,items(kind,ken,kind,lastmodifyinguser(kind,lastviewedbymedate,modifiedbymedate,modifieddate,ontainsunsubscribedchildren,owners(kind,per,permiss,permission,permissionid,picture,picture�,shared,sharedwithmedate,thumbnailversion,title,userpermission(role),workspaceids</t>
  </si>
  <si>
    <t>http:///batch?%24ct=multipart%2Fmixed%3B%20boundary%3D%22%3D%3D%3D%3D%3Da8p6qn99ccjn%3D%3D%3D%3D%3D%22&amp;key=AIzaSyAy9VVXHSpS2IJpptzYtGbLP3-3_l0aBk4</t>
  </si>
  <si>
    <t>1co?fields=kind;ancestorhasaugmentedpermissions;containsunsubscribedchildren;displayname;domain;emailaddress;file(kind;fileid;filesize;filesize�;hasthumbnail;hasvisitorpermissions;id;id);items(deleted;items(kind;jn===== content-;ken;kind;lastmodifyinguser(kind;lastviewedbymedate;modifiedbymedate;modifieddate;ontainsunsubscribedchildren;owners(kind;per;permiss;permission;permissionid;picture;picture�;shared;sharedwithmedate;thumbnailversion;title;userpermission(role);workspaceids;</t>
  </si>
  <si>
    <t>http://1co?fields=kind,ancestorhasaugmentedpermissions,containsunsubscribedchildren,displayname,domain,emailaddress,file(kind,fileid,filesize,filesize�,hasthumbnail,hasvisitorpermissions,id,id),items(deleted,items(kind,jn===== content-,ken,kind,lastmodifyinguser(kind,lastviewedbymedate,modifiedbymedate,modifieddate,ontainsunsubscribedchildren,owners(kind,per,permiss,permission,permissionid,picture,picture�,shared,sharedwithmedate,thumbnailversion,title,userpermission(role),workspaceids</t>
  </si>
  <si>
    <t>http:///batch?%24ct=multipart%2Fmixed%3B%20boundary%3D%22%3D%3D%3D%3D%3Dzyy9f78gh01%3D%3D%3D%3D%3D%22&amp;key=AIzaSyAy9VVXHSpS2IJpptzYtGbLP3-3_l0aBk4</t>
  </si>
  <si>
    <t>http:///batch?%24ct=multipart%2Fmixed%3B%20boundary%3D%22%3D%3D%3D%3D%3Dipqzk59me2wv%3D%3D%3D%3D%3D%22&amp;key=AIzaSyAy9VVXHSpS2IJpptzYtGbLP3-3_l0aBk4</t>
  </si>
  <si>
    <t>http:///batch?%24ct=multipart%2Fmixed%3B%20boundary%3D%22%3D%3D%3D%3D%3Dy06rwp4tuk9w%3D%3D%3D%3D%3D%22&amp;key=AIzaSyAy9VVXHSpS2IJpptzYtGbLP3-3_l0aBk4</t>
  </si>
  <si>
    <t>http:///batch?%24ct=multipart%2Fmixed%3B%20boundary%3D%22%3D%3D%3D%3D%3D8bxb10p7t50a%3D%3D%3D%3D%3D%22&amp;key=AIzaSyAy9VVXHSpS2IJpptzYtGbLP3-3_l0aBk4</t>
  </si>
  <si>
    <t>http:///batch?%24ct=multipart%2Fmixed%3B%20boundary%3D%22%3D%3D%3D%3D%3Dj0rboy6ioxr%3D%3D%3D%3D%3D%22&amp;key=AIzaSyAy9VVXHSpS2IJpptzYtGbLP3-3_l0aBk4</t>
  </si>
  <si>
    <t>http:///batch?%24ct=multipart%2Fmixed%3B%20boundary%3D%22%3D%3D%3D%3D%3Dpnfdc2or5hpf%3D%3D%3D%3D%3D%22&amp;key=AIzaSyAy9VVXHSpS2IJpptzYtGbLP3-3_l0aBk4</t>
  </si>
  <si>
    <t>http:///batch?%24ct=multipart%2Fmixed%3B%20boundary%3D%22%3D%3D%3D%3D%3De8wx3n17thxd%3D%3D%3D%3D%3D%22&amp;key=AIzaSyAy9VVXHSpS2IJpptzYtGbLP3-3_l0aBk4</t>
  </si>
  <si>
    <t>http:///batch?%24ct=multipart%2Fmixed%3B%20boundary%3D%22%3D%3D%3D%3D%3Drgsh90m1dlxq%3D%3D%3D%3D%3D%22&amp;key=AIzaSyAy9VVXHSpS2IJpptzYtGbLP3-3_l0aBk4</t>
  </si>
  <si>
    <t>http:///batch?%24ct=multipart%2Fmixed%3B%20boundary%3D%22%3D%3D%3D%3D%3D91h7uj4xw0ra%3D%3D%3D%3D%3D%22&amp;key=AIzaSyAy9VVXHSpS2IJpptzYtGbLP3-3_l0aBk4</t>
  </si>
  <si>
    <t>http:///batch?%24ct=multipart%2Fmixed%3B%20boundary%3D%22%3D%3D%3D%3D%3Drkrjh7k6o280%3D%3D%3D%3D%3D%22&amp;key=AIzaSyAy9VVXHSpS2IJpptzYtGbLP3-3_l0aBk4</t>
  </si>
  <si>
    <t>http:///batch?%24ct=multipart%2Fmixed%3B%20boundary%3D%22%3D%3D%3D%3D%3D34fmwutl0pe9%3D%3D%3D%3D%3D%22&amp;key=AIzaSyAy9VVXHSpS2IJpptzYtGbLP3-3_l0aBk4</t>
  </si>
  <si>
    <t>http:///batch?%24ct=multipart%2Fmixed%3B%20boundary%3D%22%3D%3D%3D%3D%3Ds8ik5zrmdgoh%3D%3D%3D%3D%3D%22&amp;key=AIzaSyAy9VVXHSpS2IJpptzYtGbLP3-3_l0aBk4</t>
  </si>
  <si>
    <t>"languagecode":"pt-br";"requesttype":"background_request";"scenariotype;"timezone":"-03:00";ancestorhasaugmentedpermissions;containsunsubscribedchildren;displayname;domain;emailaddress;ess"}};file(kind;fileid;filesize;hasthumbnail;hasvisitorpermissions;id;id);items(delete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background_request","scenariotype,"timezone":"-03:00",ancestorhasaugmentedpermissions,containsunsubscribedchildren,displayname,domain,emailaddress,ess"}}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rkz6et5vlw8o%3D%3D%3D%3D%3D%22&amp;key=AIzaSyAy9VVXHSpS2IJpptzYtGbLP3-3_l0aBk4</t>
  </si>
  <si>
    <t>http:///batch?%24ct=multipart%2Fmixed%3B%20boundary%3D%22%3D%3D%3D%3D%3Dvimqk0icoqm3%3D%3D%3D%3D%3D%22&amp;key=AIzaSyAy9VVXHSpS2IJpptzYtGbLP3-3_l0aBk4</t>
  </si>
  <si>
    <t>http:///batch?%24ct=multipart%2Fmixed%3B%20boundary%3D%22%3D%3D%3D%3D%3Dsdwlvofqkloy%3D%3D%3D%3D%3D%22&amp;key=AIzaSyAy9VVXHSpS2IJpptzYtGbLP3-3_l0aBk4</t>
  </si>
  <si>
    <t>http:///batch?%24ct=multipart%2Fmixed%3B%20boundary%3D%22%3D%3D%3D%3D%3Da8ddl7ans734%3D%3D%3D%3D%3D%22&amp;key=AIzaSyAy9VVXHSpS2IJpptzYtGbLP3-3_l0aBk4</t>
  </si>
  <si>
    <t>http:///batch?%24ct=multipart%2Fmixed%3B%20boundary%3D%22%3D%3D%3D%3D%3D5cskik5n0upk%3D%3D%3D%3D%3D%22&amp;key=AIzaSyAy9VVXHSpS2IJpptzYtGbLP3-3_l0aBk4</t>
  </si>
  <si>
    <t>http:///batch?%24ct=multipart%2Fmixed%3B%20boundary%3D%22%3D%3D%3D%3D%3D9yjfrg67ovee%3D%3D%3D%3D%3D%22&amp;key=AIzaSyAy9VVXHSpS2IJpptzYtGbLP3-3_l0aBk4</t>
  </si>
  <si>
    <t>http:///batch?%24ct=multipart%2Fmixed%3B%20boundary%3D%22%3D%3D%3D%3D%3Dwndim7z8nvqf%3D%3D%3D%3D%3D%22&amp;key=AIzaSyAy9VVXHSpS2IJpptzYtGbLP3-3_l0aBk4</t>
  </si>
  <si>
    <t>http:///batch?%24ct=multipart%2Fmixed%3B%20boundary%3D%22%3D%3D%3D%3D%3D90q6y31urb7e%3D%3D%3D%3D%3D%22&amp;key=AIzaSyAy9VVXHSpS2IJpptzYtGbLP3-3_l0aBk4</t>
  </si>
  <si>
    <t>http:///batch?%24ct=multipart%2Fmixed%3B%20boundary%3D%22%3D%3D%3D%3D%3Dnf1ue36v2gcb%3D%3D%3D%3D%3D%22&amp;key=AIzaSyAy9VVXHSpS2IJpptzYtGbLP3-3_l0aBk4</t>
  </si>
  <si>
    <t>http:///batch?%24ct=multipart%2Fmixed%3B%20boundary%3D%22%3D%3D%3D%3D%3D8x39razg4h2z%3D%3D%3D%3D%3D%22&amp;key=AIzaSyAy9VVXHSpS2IJpptzYtGbLP3-3_l0aBk4</t>
  </si>
  <si>
    <t>"languagecode":"pt-br";"requesttype":"background_request";"scenariotype;"timezone":"-03:00"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;permissionid;picture;shared;sharedwithmedate;thumbnailversion;title;userpermission(role);workspaceids;</t>
  </si>
  <si>
    <t>http://"languagecode":"pt-br","requesttype":"background_request","scenariotype,"timezone":"-03:00"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,permissionid,picture,shared,sharedwithmedate,thumbnailversion,title,userpermission(role),workspaceids</t>
  </si>
  <si>
    <t>http:///batch?%24ct=multipart%2Fmixed%3B%20boundary%3D%22%3D%3D%3D%3D%3D529q3zwwsz2d%3D%3D%3D%3D%3D%22&amp;key=AIzaSyAy9VVXHSpS2IJpptzYtGbLP3-3_l0aBk4</t>
  </si>
  <si>
    <t>"languagecode":"pt-br";"requesttype":"background_request";"scenariotype;"timezone":"-03:00";ances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;permissionid;pict;picture;rpermissions;shared;sharedwithmedate;thumbnailversion;title;userpermission(role);workspaceids;</t>
  </si>
  <si>
    <t>http://"languagecode":"pt-br","requesttype":"background_request","scenariotype,"timezone":"-03:00",ances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,permissionid,pict,picture,rpermissions,shared,sharedwithmedate,thumbnailversion,title,userpermission(role),workspaceids</t>
  </si>
  <si>
    <t>http:///batch?%24ct=multipart%2Fmixed%3B%20boundary%3D%22%3D%3D%3D%3D%3Df271xl5zl0a%3D%3D%3D%3D%3D%22&amp;key=AIzaSyAy9VVXHSpS2IJpptzYtGbLP3-3_l0aBk4</t>
  </si>
  <si>
    <t>http:///batch?%24ct=multipart%2Fmixed%3B%20boundary%3D%22%3D%3D%3D%3D%3Ddboikmawz921%3D%3D%3D%3D%3D%22&amp;key=AIzaSyAy9VVXHSpS2IJpptzYtGbLP3-3_l0aBk4</t>
  </si>
  <si>
    <t>http:///batch?%24ct=multipart%2Fmixed%3B%20boundary%3D%22%3D%3D%3D%3D%3D60fpx6811m52%3D%3D%3D%3D%3D%22&amp;key=AIzaSyAy9VVXHSpS2IJpptzYtGbLP3-3_l0aBk4</t>
  </si>
  <si>
    <t>"[[null;0;0.5827505827505828];0.9784735812133072]]];0];0b4g7zau3a_h4eunnzjjumxnyvldmwmpxlw5retq5eefccgrv;1;1.618996222342148;10;1011\;10203409;1162434;11656.859999988228;12157.964999991236;12371.229999989737;1272;1272];1280];1280]];135;136.2749999971129;136.274ll;14034884;14036164;1578407695648000];1578407697656000;1578407697676000;1578407699481000;1578407699602000;15];18iqout_smr8yltoluhs1lx2i6k9sjbqn;1];1aptnjny12koij_dgpqxqrwi3qplpa9w5;1co";1gf1lynjocvmnyjccvqaknqg7s91lyswl;1i-d9oegnvkfd5lp10gpgre9w3xkkg0ek;1q-mnb3nmhon-h2_ku1pkvrdiwl1sgirg;1wilcwdbrbivd2qxxutowlb5dwkklofcy;1wrc0oyjyce_pgjcq9ke3fczrfrsnv6qz;2;200;200];224.743;230.3200000023935;24.021184036315493;283657575;288;2];3;3055;3365000;3413099;3413149;3421299;3];4501714;4549989;4553589;4622059;4622369;4635744;5;5173389;5180824;521947;5219479;5229874;6;611;612;629;6621229;7;7034514;713.7800000054995;717.823];8;8944;8945;9;91005];91023;91023];91025;91112;91112];91143;91143];9483;["https://clie;[1;[13]]];[15;[1578407695648000;[2;[229;[288000;[2]];[370</t>
  </si>
  <si>
    <t>http://"[[null,0,0.5827505827505828],0.9784735812133072]]],0],0b4g7zau3a_h4eunnzjjumxnyvldmwmpxlw5retq5eefccgrv,1,1.618996222342148,10,1011\,10203409,1162434,11656.859999988228,12157.964999991236,12371.229999989737,1272,1272],1280],1280]],135,136.2749999971129,136.274ll,14034884,14036164,1578407695648000],1578407697656000,1578407697676000,1578407699481000,1578407699602000,15],18iqout_smr8yltoluhs1lx2i6k9sjbqn,1],1aptnjny12koij_dgpqxqrwi3qplpa9w5,1co",1gf1lynjocvmnyjccvqaknqg7s91lyswl,1i-d9oegnvkfd5lp10gpgre9w3xkkg0ek,1q-mnb3nmhon-h2_ku1pkvrdiwl1sgirg,1wilcwdbrbivd2qxxutowlb5dwkklofcy,1wrc0oyjyce_pgjcq9ke3fczrfrsnv6qz,2,200,200],224.743,230.3200000023935,24.021184036315493,283657575,288,2],3,3055,3365000,3413099,3413149,3421299,3],4501714,4549989,4553589,4622059,4622369,4635744,5,5173389,5180824,521947,5219479,5229874,6,611,612,629,6621229,7,7034514,713.7800000054995,717.823],8,8944,8945,9,91005],91023,91023],91025,91112,91112],91143,91143],9483,["https://clie,[1,[13]]],[15,[1578407695648000,[2,[229,[288000,[2</t>
  </si>
  <si>
    <t>http:///batch?%24ct=multipart%2Fmixed%3B%20boundary%3D%22%3D%3D%3D%3D%3D8poes3dtq57n%3D%3D%3D%3D%3D%22&amp;key=AIzaSyAy9VVXHSpS2IJpptzYtGbLP3-3_l0aBk4</t>
  </si>
  <si>
    <t>http:///batch?%24ct=multipart%2Fmixed%3B%20boundary%3D%22%3D%3D%3D%3D%3Dnvkjtjg0k2vp%3D%3D%3D%3D%3D%22&amp;key=AIzaSyAy9VVXHSpS2IJpptzYtGbLP3-3_l0aBk4</t>
  </si>
  <si>
    <t>"languagecode":"pt-br";"requesttype":"background_request";"scenariotype;"timezone":"-03:00";ances;ancest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;permissionid;pict;pictu;picture;rpermissions;shared;sharedwithmedate;thumbnailversion;title;userpermission(role);workspaceids;</t>
  </si>
  <si>
    <t>http://"languagecode":"pt-br","requesttype":"background_request","scenariotype,"timezone":"-03:00",ances,ancest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,permissionid,pict,pictu,picture,rpermissions,shared,sharedwithmedate,thumbnailversion,title,userpermission(role),workspaceids</t>
  </si>
  <si>
    <t>http:///batch?%24ct=multipart%2Fmixed%3B%20boundary%3D%22%3D%3D%3D%3D%3Dtnje2d7jsi98%3D%3D%3D%3D%3D%22&amp;key=AIzaSyAy9VVXHSpS2IJpptzYtGbLP3-3_l0aBk4</t>
  </si>
  <si>
    <t>http:///batch?%24ct=multipart%2Fmixed%3B%20boundary%3D%22%3D%3D%3D%3D%3Daxw3iciig73m%3D%3D%3D%3D%3D%22&amp;key=AIzaSyAy9VVXHSpS2IJpptzYtGbLP3-3_l0aBk4</t>
  </si>
  <si>
    <t>http:///batch?%24ct=multipart%2Fmixed%3B%20boundary%3D%22%3D%3D%3D%3D%3Dxsokh732ep4r%3D%3D%3D%3D%3D%22&amp;key=AIzaSyAy9VVXHSpS2IJpptzYtGbLP3-3_l0aBk4</t>
  </si>
  <si>
    <t>http:///batch?%24ct=multipart%2Fmixed%3B%20boundary%3D%22%3D%3D%3D%3D%3D3e6znmpvpyim%3D%3D%3D%3D%3D%22&amp;key=AIzaSyAy9VVXHSpS2IJpptzYtGbLP3-3_l0aBk4</t>
  </si>
  <si>
    <t>http:///batch?%24ct=multipart%2Fmixed%3B%20boundary%3D%22%3D%3D%3D%3D%3Dx0nf7qi4c4hp%3D%3D%3D%3D%3D%22&amp;key=AIzaSyAy9VVXHSpS2IJpptzYtGbLP3-3_l0aBk4</t>
  </si>
  <si>
    <t>http:///batch?%24ct=multipart%2Fmixed%3B%20boundary%3D%22%3D%3D%3D%3D%3Drzlw8c3ikxyb%3D%3D%3D%3D%3D%22&amp;key=AIzaSyAy9VVXHSpS2IJpptzYtGbLP3-3_l0aBk4</t>
  </si>
  <si>
    <t>http:///batch?%24ct=multipart%2Fmixed%3B%20boundary%3D%22%3D%3D%3D%3D%3D9arq8uq71h1u%3D%3D%3D%3D%3D%22&amp;key=AIzaSyAy9VVXHSpS2IJpptzYtGbLP3-3_l0aBk4</t>
  </si>
  <si>
    <t>http:///batch?%24ct=multipart%2Fmixed%3B%20boundary%3D%22%3D%3D%3D%3D%3D970r42ssue0u%3D%3D%3D%3D%3D%22&amp;key=AIzaSyAy9VVXHSpS2IJpptzYtGbLP3-3_l0aBk4</t>
  </si>
  <si>
    <t>http:///batch/drive/v2internal</t>
  </si>
  <si>
    <t>"languagecode":"pt-br";"requesttype":"background_request";"scenariotype;"timezone":"-03:00";actionitems;ances;ancest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emailaddress;ess"}};explicitlytrashed;file(kind;fileextension;fileid;filesize;flaggedforabuse;foldercolor;folderfeatures;hasaugmentedpermissions;haschildfolders;hasthumbnail;hasvisitorpermissions;hidden;id;id);items(deleted;items(kind;ken;kind;labels(starred;lastmodifyinguser(kind;lastviewedbymedate;mimetype;modifiedbymedate;modifieddate;ontainsunsubscribedchildren;organizationdisplayname;owners(kind;p";parents(id);passivelysubscribed;per;permissioni;permissionid;pict;pictu;picture;primarydomainname;primar</t>
  </si>
  <si>
    <t>http://"languagecode":"pt-br","requesttype":"background_request","scenariotype,"timezone":"-03:00",actionitems,ances,ancest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emailaddress,ess"}}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ontainsunsubscribedchildren,organizationdisplayname,owners(kind,p",parents(id),passivelysubscribed,per,permissioni,permissionid,pict,pictu,picture,primarydomainname</t>
  </si>
  <si>
    <t>http:///batch?%24ct=multipart%2Fmixed%3B%20boundary%3D%22%3D%3D%3D%3D%3Dmxcaw8hk8jbt%3D%3D%3D%3D%3D%22&amp;key=AIzaSyAy9VVXHSpS2IJpptzYtGbLP3-3_l0aBk4</t>
  </si>
  <si>
    <t>http:///batch?%24ct=multipart%2Fmixed%3B%20boundary%3D%22%3D%3D%3D%3D%3D6a4r9limh2ib%3D%3D%3D%3D%3D%22&amp;key=AIzaSyAy9VVXHSpS2IJpptzYtGbLP3-3_l0aBk4</t>
  </si>
  <si>
    <t>http:///batch?%24ct=multipart%2Fmixed%3B%20boundary%3D%22%3D%3D%3D%3D%3Degoj7gzhr7t1%3D%3D%3D%3D%3D%22&amp;key=AIzaSyAy9VVXHSpS2IJpptzYtGbLP3-3_l0aBk4</t>
  </si>
  <si>
    <t>"languagecode":"pt-br";"requesttype":"background_request";"scenariotype;"timezone":"-03:00";actionitems;ances;ancest;ancestorhasaugmentedpe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emailaddres;emailaddress;ess"}};explicitlytrashed;file(kind;fileextension;fileid;filesize;flaggedforabuse;foldercolor;folderfeatures;hasaugmentedpermissions;haschildfolders;hasthumbnail;hasvisitorpermissions;hidden;id;id);items(deleted;items(kind;ken;kind;labels(starred;lastmodifyinguser(kind;lastviewedbymedate;mimetype;modifiedbymedate;modifieddate;ontainsunsubscribedchildren;organizationdisplayname;owners(kind;p";parents(id);passivelysubscribed;per;permissioni;permissionid;pict;pic</t>
  </si>
  <si>
    <t>http://"languagecode":"pt-br","requesttype":"background_request","scenariotype,"timezone":"-03:00",actionitems,ances,ancest,ancestorhasaugmentedpe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emailaddres,emailaddress,ess"}}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ontainsunsubscribedchildren,organizationdisplayname,owners(kind,p",parents(id),passivelysubscribed,per,permissioni,permissionid,p</t>
  </si>
  <si>
    <t>http:///batch?%24ct=multipart%2Fmixed%3B%20boundary%3D%22%3D%3D%3D%3D%3D34xtegaltth2%3D%3D%3D%3D%3D%22&amp;key=AIzaSyAy9VVXHSpS2IJpptzYtGbLP3-3_l0aBk4</t>
  </si>
  <si>
    <t>http:///batch?%24ct=multipart%2Fmixed%3B%20boundary%3D%22%3D%3D%3D%3D%3Dfb68crrr7urt%3D%3D%3D%3D%3D%22&amp;key=AIzaSyAy9VVXHSpS2IJpptzYtGbLP3-3_l0aBk4</t>
  </si>
  <si>
    <t>http:///batch?%24ct=multipart%2Fmixed%3B%20boundary%3D%22%3D%3D%3D%3D%3Dmhkem3coo1zj%3D%3D%3D%3D%3D%22&amp;key=AIzaSyAy9VVXHSpS2IJpptzYtGbLP3-3_l0aBk4</t>
  </si>
  <si>
    <t>http:///batch?%24ct=multipart%2Fmixed%3B%20boundary%3D%22%3D%3D%3D%3D%3Dj8opp4m2dy46%3D%3D%3D%3D%3D%22&amp;key=AIzaSyAy9VVXHSpS2IJpptzYtGbLP3-3_l0aBk4</t>
  </si>
  <si>
    <t>http:///batch?%24ct=multipart%2Fmixed%3B%20boundary%3D%22%3D%3D%3D%3D%3Du3swagwx5lgk%3D%3D%3D%3D%3D%22&amp;key=AIzaSyAy9VVXHSpS2IJpptzYtGbLP3-3_l0aBk4</t>
  </si>
  <si>
    <t>http:///batch?%24ct=multipart%2Fmixed%3B%20boundary%3D%22%3D%3D%3D%3D%3D46tek75jg02n%3D%3D%3D%3D%3D%22&amp;key=AIzaSyAy9VVXHSpS2IJpptzYtGbLP3-3_l0aBk4</t>
  </si>
  <si>
    <t>http:///batch?%24ct=multipart%2Fmixed%3B%20boundary%3D%22%3D%3D%3D%3D%3D9i9mvgpcuhuz%3D%3D%3D%3D%3D%22&amp;key=AIzaSyAy9VVXHSpS2IJpptzYtGbLP3-3_l0aBk4</t>
  </si>
  <si>
    <t>http:///batch?%24ct=multipart%2Fmixed%3B%20boundary%3D%22%3D%3D%3D%3D%3D8zyjcs627t8p%3D%3D%3D%3D%3D%22&amp;key=AIzaSyAy9VVXHSpS2IJpptzYtGbLP3-3_l0aBk4</t>
  </si>
  <si>
    <t>http:///batch?%24ct=multipart%2Fmixed%3B%20boundary%3D%22%3D%3D%3D%3D%3Dnjh7bjnb27kl%3D%3D%3D%3D%3D%22&amp;key=AIzaSyAy9VVXHSpS2IJpptzYtGbLP3-3_l0aBk4</t>
  </si>
  <si>
    <t>http:///batch?%24ct=multipart%2Fmixed%3B%20boundary%3D%22%3D%3D%3D%3D%3Dl5vip2gigu8v%3D%3D%3D%3D%3D%22&amp;key=AIzaSyAy9VVXHSpS2IJpptzYtGbLP3-3_l0aBk4</t>
  </si>
  <si>
    <t>http:///batch?%24ct=multipart%2Fmixed%3B%20boundary%3D%22%3D%3D%3D%3D%3Disyvfbo9gji3%3D%3D%3D%3D%3D%22&amp;key=AIzaSyAy9VVXHSpS2IJpptzYtGbLP3-3_l0aBk4</t>
  </si>
  <si>
    <t>http:///batch?%24ct=multipart%2Fmixed%3B%20boundary%3D%22%3D%3D%3D%3D%3Dyvqdi4re88qz%3D%3D%3D%3D%3D%22&amp;key=AIzaSyAy9VVXHSpS2IJpptzYtGbLP3-3_l0aBk4</t>
  </si>
  <si>
    <t>http:///batch?%24ct=multipart%2Fmixed%3B%20boundary%3D%22%3D%3D%3D%3D%3Dqbelx8lgw96g%3D%3D%3D%3D%3D%22&amp;key=AIzaSyAy9VVXHSpS2IJpptzYtGbLP3-3_l0aBk4</t>
  </si>
  <si>
    <t>http:///batch?%24ct=multipart%2Fmixed%3B%20boundary%3D%22%3D%3D%3D%3D%3Dfq8wgb16r91e%3D%3D%3D%3D%3D%22&amp;key=AIzaSyAy9VVXHSpS2IJpptzYtGbLP3-3_l0aBk4</t>
  </si>
  <si>
    <t>http:///batch?%24ct=multipart%2Fmixed%3B%20boundary%3D%22%3D%3D%3D%3D%3Dqixzqx1pkvad%3D%3D%3D%3D%3D%22&amp;key=AIzaSyAy9VVXHSpS2IJpptzYtGbLP3-3_l0aBk4</t>
  </si>
  <si>
    <t>http:///batch?%24ct=multipart%2Fmixed%3B%20boundary%3D%22%3D%3D%3D%3D%3De3lnhlwwr2ei%3D%3D%3D%3D%3D%22&amp;key=AIzaSyAy9VVXHSpS2IJpptzYtGbLP3-3_l0aBk4</t>
  </si>
  <si>
    <t>http:///batch?%24ct=multipart%2Fmixed%3B%20boundary%3D%22%3D%3D%3D%3D%3Dhsasqfjsypl3%3D%3D%3D%3D%3D%22&amp;key=AIzaSyAy9VVXHSpS2IJpptzYtGbLP3-3_l0aBk4</t>
  </si>
  <si>
    <t>http:///batch?%24ct=multipart%2Fmixed%3B%20boundary%3D%22%3D%3D%3D%3D%3Df5p95opbtybm%3D%3D%3D%3D%3D%22&amp;key=AIzaSyAy9VVXHSpS2IJpptzYtGbLP3-3_l0aBk4</t>
  </si>
  <si>
    <t>http:///batch?%24ct=multipart%2Fmixed%3B%20boundary%3D%22%3D%3D%3D%3D%3Dh8pnx42fyy34%3D%3D%3D%3D%3D%22&amp;key=AIzaSyAy9VVXHSpS2IJpptzYtGbLP3-3_l0aBk4</t>
  </si>
  <si>
    <t>ancest;ancestorhasaugmentedpermissions;containsunsubscribedchildren;dbed71ccf95d41361f0a99428a736bfdc_u x-goog-authuser: 0 --=====h8pnx42fyy34=====-- orhasaugmentedpermissions;displayname;domain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s,containsunsubscribedchildren,dbed71ccf95d41361f0a99428a736bfdc_u x-goog-authuser: 0 --=====h8pnx42fyy34=====-- orhasaugmentedpermissions,displayname,domain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6885ha1k4az4%3D%3D%3D%3D%3D%22&amp;key=AIzaSyAy9VVXHSpS2IJpptzYtGbLP3-3_l0aBk4</t>
  </si>
  <si>
    <t>http:///batch?%24ct=multipart%2Fmixed%3B%20boundary%3D%22%3D%3D%3D%3D%3D3f1x21lwse3w%3D%3D%3D%3D%3D%22&amp;key=AIzaSyAy9VVXHSpS2IJpptzYtGbLP3-3_l0aBk4</t>
  </si>
  <si>
    <t>1578407718574000]]];ancestorhasaugmentedpe;bzr8vub17sahoa/t8gykfiour5q w;containsunsubscribedchildren;displayname;domain;emailaddres;emailaddress;filesize;id);lastmodifyinguser(kind;lastviewedbymedate;modifiedbymedate;ontainsunsubscribedchildren;owners(kind;permissionid;picture;rpermissions;rzldnddrgl";workspaceids;</t>
  </si>
  <si>
    <t>http://1578407718574000]]],ancestorhasaugmentedpe,bzr8vub17sahoa/t8gykfiour5q w,containsunsubscribedchildren,displayname,domain,emailaddres,emailaddress,filesize,id),lastmodifyinguser(kind,lastviewedbymedate,modifiedbymedate,ontainsunsubscribedchildren,owners(kind,permissionid,picture,rpermissions,rzldnddrgl",workspaceids</t>
  </si>
  <si>
    <t>http:///batch?%24ct=multipart%2Fmixed%3B%20boundary%3D%22%3D%3D%3D%3D%3Danw56e4umawp%3D%3D%3D%3D%3D%22&amp;key=AIzaSyAy9VVXHSpS2IJpptzYtGbLP3-3_l0aBk4</t>
  </si>
  <si>
    <t>http:///batch?%24ct=multipart%2Fmixed%3B%20boundary%3D%22%3D%3D%3D%3D%3Dphsztfqsg3o5%3D%3D%3D%3D%3D%22&amp;key=AIzaSyAy9VVXHSpS2IJpptzYtGbLP3-3_l0aBk4</t>
  </si>
  <si>
    <t>ancestorhasaugmentedpermissions;containsunsubscribedchildren;copyable;displayname;domain;emailaddress;explicitlytrashed;filesize;hasthumbnail;hasvisitorpermissions;id;id);items(kind;ken;lastmodifyinguser(kind;lastviewedbymedate;mimetype;modifiedbymedate;modifieddate;ontainsunsubscribedchildren;owners(kind;permissionid;picture;quotabytesused;shareable;shared;sharedwithmedate;thumbnailversion;title;userpermission(role);workspaceids;</t>
  </si>
  <si>
    <t>http://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medate,thumbnailversion,title,userpermission(role),workspaceids</t>
  </si>
  <si>
    <t>http:///batch?%24ct=multipart%2Fmixed%3B%20boundary%3D%22%3D%3D%3D%3D%3Dp0ys0ijgqq6z%3D%3D%3D%3D%3D%22&amp;key=AIzaSyAy9VVXHSpS2IJpptzYtGbLP3-3_l0aBk4</t>
  </si>
  <si>
    <t>ances;ancestorhasaugmentedpermissions;containsunsubscribedchildren;copyable;displayname;domain;emailaddress;explicitlytrashed;filesize;hasthumbnail;hasvisitorpermissions;id;id);items(kind;ken;lastmodifyinguser(kind;lastviewedbymedate;mimetype;modifiedbymedate;modifieddate;ontainsunsubscribedchildren;owners(kind;permissionid;pict;picture;quotabytesused;rpermissions;shareable;shared;sharedwithmedate;thumbnailversion;title;userpermission(role);workspaceids;</t>
  </si>
  <si>
    <t>http://ances,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,picture,quotabytesused,rpermissions,shareable,shared,sharedwithmedate,thumbnailversion,title,userpermission(role),workspaceids</t>
  </si>
  <si>
    <t>http:///batch?%24ct=multipart%2Fmixed%3B%20boundary%3D%22%3D%3D%3D%3D%3Dximtrqz4d65b%3D%3D%3D%3D%3D%22&amp;key=AIzaSyAy9VVXHSpS2IJpptzYtGbLP3-3_l0aBk4</t>
  </si>
  <si>
    <t>http:///batch?%24ct=multipart%2Fmixed%3B%20boundary%3D%22%3D%3D%3D%3D%3D63jbjinq5l6y%3D%3D%3D%3D%3D%22&amp;key=AIzaSyAy9VVXHSpS2IJpptzYtGbLP3-3_l0aBk4</t>
  </si>
  <si>
    <t>ances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;picture;quotabytesused;rpermissions;shareable;shared;sharedwithmedate;thumbnailversion;title;userpermission(role);workspaceids;</t>
  </si>
  <si>
    <t>http://ances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,picture,quotabytesused,rpermissions,shareable,shared,sharedwithmedate,thumbnailversion,title,userpermission(role),workspaceids</t>
  </si>
  <si>
    <t>http:///batch?%24ct=multipart%2Fmixed%3B%20boundary%3D%22%3D%3D%3D%3D%3Dm0zeu9qv79po%3D%3D%3D%3D%3D%22&amp;key=AIzaSyAy9VVXHSpS2IJpptzYtGbLP3-3_l0aBk4</t>
  </si>
  <si>
    <t>http:///batch?%24ct=multipart%2Fmixed%3B%20boundary%3D%22%3D%3D%3D%3D%3Dnr86izfmhely%3D%3D%3D%3D%3D%22&amp;key=AIzaSyAy9VVXHSpS2IJpptzYtGbLP3-3_l0aBk4</t>
  </si>
  <si>
    <t>http:///batch?%24ct=multipart%2Fmixed%3B%20boundary%3D%22%3D%3D%3D%3D%3Docggwb6y7zga%3D%3D%3D%3D%3D%22&amp;key=AIzaSyAy9VVXHSpS2IJpptzYtGbLP3-3_l0aBk4</t>
  </si>
  <si>
    <t>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nces;ancestorhasaugmentedpermissions;containsunsubscribedchildren;copyable;displayname;domain;emailaddress;explicitlytrashed;file(kind;fileid;filesize;hasthumbnail;hasvisitorpermissions;id;id);items(deleted;items(kind;ken;kind;lastmodifyinguser(kind;lastviewedbymedate;mimetype;mimetype2metype�;modifiedbymedate;modifieddate;ontainsunsubscribedchildren;owners(kind;per;permissionid;pict;picture;quotabytesused;rpermissions;shareable;shared;sharedwithmedate;thumbnailversion;title;userpermission(role);workspaceids;</t>
  </si>
  <si>
    <t>http://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nces,ancestorhasaugmentedpermissions,containsunsubscribedchildren,copyable,displayname,domain,emailaddress,explicitlytrashed,file(kind,fileid,filesize,hasthumbnail,hasvisitorpermissions,id,id),items(deleted,items(kind,ken,kind,lastmodifyinguser(kind,lastviewedbymedate,mimetype,mimetype2metype�,modifiedbymedate,modifieddate,ontainsunsubscribedchildren,owners(kind,per,permissionid,pict,picture,quotabytesused,rpermissions,shareable,shared,sharedwithmedate,thumbnailversion,title,userpermission(role),workspaceids</t>
  </si>
  <si>
    <t>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ctionitems;additionalroles;ances;ancestorhasaugmentedpermissions;audienceid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customerid));displayname;domain;emailaddress;explicitlytrashed;file(kind;fileextension;fileid;filesize;flaggedforabuse;foldercolor;folderfeatures;hasaugmentedpermissions;haschildfolders;hasthumbnail;hasvisitorpermissions;hidden;id;id);items(deleted;items(kind;ken;kind;labels(starred;lastmodifyinguser(kind;lastviewedbymedat</t>
  </si>
  <si>
    <t>http://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ile(kind,fileextension,fileid,filesize,flaggedforabuse,foldercolor,folderfeatures,hasaugmentedpermissions,haschildfolders,hasthumbnail,hasvisitorpermissions,hidden,id,id),items(deleted,items(kind,ken,kind,labels(starred,lastmodifyinguser(kind,lastviewed</t>
  </si>
  <si>
    <t>http:///batch?%24ct=multipart%2Fmixed%3B%20boundary%3D%22%3D%3D%3D%3D%3D4ckgoi5jk27y%3D%3D%3D%3D%3D%22&amp;key=AIzaSyAy9VVXHSpS2IJpptzYtGbLP3-3_l0aBk4</t>
  </si>
  <si>
    <t>http:///batch?%24ct=multipart%2Fmixed%3B%20boundary%3D%22%3D%3D%3D%3D%3Djn0rberfl0zc%3D%3D%3D%3D%3D%22&amp;key=AIzaSyAy9VVXHSpS2IJpptzYtGbLP3-3_l0aBk4</t>
  </si>
  <si>
    <t>http:///batch?%24ct=multipart%2Fmixed%3B%20boundary%3D%22%3D%3D%3D%3D%3Dcdsk4umql20e%3D%3D%3D%3D%3D%22&amp;key=AIzaSyAy9VVXHSpS2IJpptzYtGbLP3-3_l0aBk4</t>
  </si>
  <si>
    <t>http:///batch?%24ct=multipart%2Fmixed%3B%20boundary%3D%22%3D%3D%3D%3D%3Dyu6w0vbj89p4%3D%3D%3D%3D%3D%22&amp;key=AIzaSyAy9VVXHSpS2IJpptzYtGbLP3-3_l0aBk4</t>
  </si>
  <si>
    <t>http:///batch?%24ct=multipart%2Fmixed%3B%20boundary%3D%22%3D%3D%3D%3D%3D6a39fe9jeaym%3D%3D%3D%3D%3D%22&amp;key=AIzaSyAy9VVXHSpS2IJpptzYtGbLP3-3_l0aBk4</t>
  </si>
  <si>
    <t>http:///batch?%24ct=multipart%2Fmixed%3B%20boundary%3D%22%3D%3D%3D%3D%3D6j1uwp18zmq0%3D%3D%3D%3D%3D%22&amp;key=AIzaSyAy9VVXHSpS2IJpptzYtGbLP3-3_l0aBk4</t>
  </si>
  <si>
    <t>http:///batch?%24ct=multipart%2Fmixed%3B%20boundary%3D%22%3D%3D%3D%3D%3D3lvhkz7s55r8%3D%3D%3D%3D%3D%22&amp;key=AIzaSyAy9VVXHSpS2IJpptzYtGbLP3-3_l0aBk4</t>
  </si>
  <si>
    <t>http:///batch?%24ct=multipart%2Fmixed%3B%20boundary%3D%22%3D%3D%3D%3D%3D2ld7ir22dbxl%3D%3D%3D%3D%3D%22&amp;key=AIzaSyAy9VVXHSpS2IJpptzYtGbLP3-3_l0aBk4</t>
  </si>
  <si>
    <t>http:///batch?%24ct=multipart%2Fmixed%3B%20boundary%3D%22%3D%3D%3D%3D%3D28ad4jwj3gg5%3D%3D%3D%3D%3D%22&amp;key=AIzaSyAy9VVXHSpS2IJpptzYtGbLP3-3_l0aBk4</t>
  </si>
  <si>
    <t>http:///batch?%24ct=multipart%2Fmixed%3B%20boundary%3D%22%3D%3D%3D%3D%3D33b85vhjawqj%3D%3D%3D%3D%3D%22&amp;key=AIzaSyAy9VVXHSpS2IJpptzYtGbLP3-3_l0aBk4</t>
  </si>
  <si>
    <t>http:///batch?%24ct=multipart%2Fmixed%3B%20boundary%3D%22%3D%3D%3D%3D%3D7msk3v5c2m9a%3D%3D%3D%3D%3D%22&amp;key=AIzaSyAy9VVXHSpS2IJpptzYtGbLP3-3_l0aBk4</t>
  </si>
  <si>
    <t>http:///batch?%24ct=multipart%2Fmixed%3B%20boundary%3D%22%3D%3D%3D%3D%3Dl8x5rrfzd5f4%3D%3D%3D%3D%3D%22&amp;key=AIzaSyAy9VVXHSpS2IJpptzYtGbLP3-3_l0aBk4</t>
  </si>
  <si>
    <t>http:///batch?%24ct=multipart%2Fmixed%3B%20boundary%3D%22%3D%3D%3D%3D%3Dfkzji3cmdgk%3D%3D%3D%3D%3D%22&amp;key=AIzaSyAy9VVXHSpS2IJpptzYtGbLP3-3_l0aBk4</t>
  </si>
  <si>
    <t>http:///batch?%24ct=multipart%2Fmixed%3B%20boundary%3D%22%3D%3D%3D%3D%3Doxss6wxeg2z0%3D%3D%3D%3D%3D%22&amp;key=AIzaSyAy9VVXHSpS2IJpptzYtGbLP3-3_l0aBk4</t>
  </si>
  <si>
    <t>http:///batch?%24ct=multipart%2Fmixed%3B%20boundary%3D%22%3D%3D%3D%3D%3Drizptme09tb7%3D%3D%3D%3D%3D%22&amp;key=AIzaSyAy9VVXHSpS2IJpptzYtGbLP3-3_l0aBk4</t>
  </si>
  <si>
    <t>http:///batch?%24ct=multipart%2Fmixed%3B%20boundary%3D%22%3D%3D%3D%3D%3Dpaumsrtd4v47%3D%3D%3D%3D%3D%22&amp;key=AIzaSyAy9VVXHSpS2IJpptzYtGbLP3-3_l0aBk4</t>
  </si>
  <si>
    <t>http:///batch?%24ct=multipart%2Fmixed%3B%20boundary%3D%22%3D%3D%3D%3D%3Dr8oy1q6drj0u%3D%3D%3D%3D%3D%22&amp;key=AIzaSyAy9VVXHSpS2IJpptzYtGbLP3-3_l0aBk4</t>
  </si>
  <si>
    <t>BRUNA LARA ARAUJO SANTOS_1_6773752497819433190_1_32.wav</t>
  </si>
  <si>
    <t>\\acsfs\Deptos\EDUCACAO EMPRESARIAL\KÉSIA\Ligações 1º Ciclo - Janeiro 2020\BRUNA LARA ARAUJO SANTOS_1_6773752497819433190_1_32.wav</t>
  </si>
  <si>
    <t>#tec-infraestrutura-citrix@votorantimwm.com.br;andrelps@algartech.com;andrelpsa@algartech.com;daniel.riccetto@bv.com.br;elder.aranha@bv.com.br;jose.gomes@bv.com.br;robsonams@algartech.com;walter.consiglio@bv.com.br;</t>
  </si>
  <si>
    <t>#tec-infraestrutura-citrix@votorantimwm.com.br,andrelps@algartech.com,andrelpsa@algartech.com,daniel.riccetto@bv.com.br,elder.aranha@bv.com.br,jose.gomes@bv.com.br,robsonams@algartech.com,walter.consiglio@bv.com.br</t>
  </si>
  <si>
    <t>mail.google.com/sync/u/0/i/s?hl=pt-BR&amp;c=626</t>
  </si>
  <si>
    <t>07/01/2020,7</t>
  </si>
  <si>
    <t>mail.google.com/sync/u/0/i/s?hl=pt-BR&amp;c=728</t>
  </si>
  <si>
    <t>mail.google.com/sync/u/0/i/s?hl=pt-BR&amp;c=730</t>
  </si>
  <si>
    <t>mail.google.com/sync/u/0/i/s?hl=pt-BR&amp;c=732</t>
  </si>
  <si>
    <t>mail.google.com/sync/u/0/i/s?hl=pt-BR&amp;c=745</t>
  </si>
  <si>
    <t>mail.google.com/sync/u/0/i/s?hl=pt-BR&amp;c=747</t>
  </si>
  <si>
    <t>\\udpavonfs01\avon\03. Senilda\Fechamento Incentivos\Fechamento Supervisores\2019\</t>
  </si>
  <si>
    <t>12. Fechamento Incentivo - Supervisão - Dezembro.xlsx</t>
  </si>
  <si>
    <t>ancestorhasaugmentedpermissions,con,copyable,displayname,domain,emailaddress,explicitlytrashed,filesize,folderco,hasthumbnail,hasvisitorpermissions,id,id),incentivo - supervisão - dezembro' and title contains 'xlsx' and trashed = false and '0amee_xidsnyeuk9pva' in parents&amp;fields=kind,items(kind,lastmodifyinguser(kind,lastviewedbymedate,mimetype,modifiedbymedate,modifieddate,nextpagetoken,ontainsunsubscribedchildren,owners(kind,permissionid,picture,quotabytesused,shareable,shared,sharedwithmedate,subscribed,thumbnailversion,title,userpermission(role),workspaceids</t>
  </si>
  <si>
    <t>1810a3a0eb1b49f29adf2036fde0e6bb.xls</t>
  </si>
  <si>
    <t>ancest,ancestorhasaugmentedpermissions,con,containsunsubscribedchildren,copyable,displayname,domain,emailaddress,explicitlytrashed,filesize,folderco,hasthumbnail,hasvisitorpermissions,id,id),incentivo - supervisão - dezembro' and title contains 'xlsx' and trashed = false and '0amee_xidsnyeuk9pva' in parents&amp;fields=kind,items(kind,ken,lastmodifyinguser(kind,lastviewedbymedate,mimetype,modifiedbymedate,modifieddate,nextpagetoken,ontainsunsubscribedchildren,owners(kind,permissionid,pictu,picture,quotabytesused,rpermissions,shareable,shared,sharedwithmedate,subscribed,thumbnailversion,title,userpermission(role),workspaceids</t>
  </si>
  <si>
    <t>\\acsfs\ACS\Gabriel da Silva\Contemporânea\BDBV\604DD4B.tmp\</t>
  </si>
  <si>
    <t>\\acsfs\ACS\Gabriel da Silva\Contemporânea\BDBV\604DD4B.tmp\:Zone.Identifier:$DATA</t>
  </si>
  <si>
    <t>f9e70d44-e045-46a3-9358-5e0c226b8bad.tmp</t>
  </si>
  <si>
    <t>\\acsfs\profiles$\maxmillianosv\Downloads\f9e70d44-e045-46a3-9358-5e0c226b8bad.tmp</t>
  </si>
  <si>
    <t>RES Piloto DOC .msg\s1\</t>
  </si>
  <si>
    <t>http:///batch?%24ct=multipart%2Fmixed%3B%20boundary%3D%22%3D%3D%3D%3D%3D2qfsp23vqb1y%3D%3D%3D%3D%3D%22&amp;key=AIzaSyAy9VVXHSpS2IJpptzYtGbLP3-3_l0aBk4</t>
  </si>
  <si>
    <t>http:///batch?%24ct=multipart%2Fmixed%3B%20boundary%3D%22%3D%3D%3D%3D%3Dshmcpoioratr%3D%3D%3D%3D%3D%22&amp;key=AIzaSyAy9VVXHSpS2IJpptzYtGbLP3-3_l0aBk4</t>
  </si>
  <si>
    <t>ancestorhasaugmentedpermissions;containsunsubscribedchildren;displayname;domain;emailadd;emailaddress;filesize;hasthumbnail;hasvisitorpermissions;id;id);items(kind;ken;lastmodifyinguser(kind;lastviewedbymedate;modifiedbymedate;modifieddate;ontainsunsubscribedchildren;owners(kind;permissionid;picture;shared;sharedwithmedat;thumbnailversion;title;workspaceids;</t>
  </si>
  <si>
    <t>http://ancestorhasaugmentedpermissions,containsunsubscribedchildren,displayname,domain,emailadd,emailaddress,filesize,hasthumbnail,hasvisitorpermissions,id,id),items(kind,ken,lastmodifyinguser(kind,lastviewedbymedate,modifiedbymedate,modifieddate,ontainsunsubscribedchildren,owners(kind,permissionid,picture,shared,sharedwithmedat,thumbnailversion,title,workspaceids</t>
  </si>
  <si>
    <t>Análise Upgrade.xlsx</t>
  </si>
  <si>
    <t>ancestorhasaugmentedpermissions,containsunsubscribedchildren,displayname,domain,emailadd,emailaddress,filesize,hasthumbnail,hasvisitorpermissions,id,id),items(kind,ken,lastmodifyinguser(kind,lastviewedbymedate,modifiedbymedate,modifieddate,ontainsunsubscribedchildren,owners(kind,permissionid,picture,shared,sharedwithmedat,thumbnailversion,title,workspaceids</t>
  </si>
  <si>
    <t>Vendas até 3110 - Fechamento.xlsx</t>
  </si>
  <si>
    <t>ancestorhasaugmentedpermissions;containsunsubscribedchildren;displayname;domain;emailadd;emailaddress;file(kind;fileid;filesize;hasthumbnail;hasvisitorpermissions;id;id);items(deleted;items(kind;ken;kind;lastmodifyinguser(kind;lastviewedbymedate;modifiedbymedate;modifieddate;ontainsunsubscribedchildren;owners(kind;per;permissionid;picture;shared;sharedwithmedat;sharedwithmedate;thumbnailversion;title;userpermission(role);workspaceids;</t>
  </si>
  <si>
    <t>http://ancestorhasaugmentedpermissions,containsunsubscribedchildren,displayname,domain,emailadd,emailaddress,file(kind,fileid,filesize,hasthumbnail,hasvisitorpermissions,id,id),items(deleted,items(kind,ken,kind,lastmodifyinguser(kind,lastviewedbymedate,modifiedbymedate,modifieddate,ontainsunsubscribedchildren,owners(kind,per,permissionid,picture,shared,sharedwithmedat,sharedwithmedate,thumbnailversion,title,userpermission(role),workspaceids</t>
  </si>
  <si>
    <t>http:///batch?%24ct=multipart%2Fmixed%3B%20boundary%3D%22%3D%3D%3D%3D%3Dnuo9px4aplj%3D%3D%3D%3D%3D%22&amp;key=AIzaSyAy9VVXHSpS2IJpptzYtGbLP3-3_l0aBk4</t>
  </si>
  <si>
    <t>1714774998;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ctionitems;additionalroles;ances;ancestorhasaugmentedpermissions;audienceid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customerid));displayname;domain;emailaddress;explicitlytrashed;false;file(kind;fileextension;fileid;filesize;flaggedforabuse;foldercolor;folderfeatures;hasaugmentedpermissions;haschildfolders;hasthumbnail;hasvisitorpermissions;hidden;id;id);items(deleted;items(kind;ken;ken=ac4w5vjwhmbcfst7sp1vhgywdcqqazbcuq:1578</t>
  </si>
  <si>
    <t>http://1714774998,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alse,file(kind,fileextension,fileid,filesize,flaggedforabuse,foldercolor,folderfeatures,hasaugmentedpermissions,haschildfolders,hasthumbnail,hasvisitorpermissions,hidden,id,id),items(deleted,items(kind,ken,ken=ac4w5vjwhmbcfst7sp1vhgywdcqqazbc</t>
  </si>
  <si>
    <t>"mimetype":"appli;1714774998;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ctionitems;additionalroles;ances;ancestorhasaugmentedpermissions;audienceid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customerid));displayname;domain;emailaddress;explicitlytrashed;false;file(kind;fileextension;fileid;filesize;flaggedforabuse;foldercolor;folderfeatures;hasaugmentedpermissions;haschildfolders;hasthumbnail;hasvisitorpermissions;hidden;id;id);items(deleted;items(kind;ken;ken=ac4w5vjwhmbcfst7sp1vh</t>
  </si>
  <si>
    <t>http://"mimetype":"appli,1714774998,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alse,file(kind,fileextension,fileid,filesize,flaggedforabuse,foldercolor,folderfeatures,hasaugmentedpermissions,haschildfolders,hasthumbnail,hasvisitorpermissions,hidden,id,id),items(deleted,items(kind,ken,ken=ac4w5vjwhmbcfs</t>
  </si>
  <si>
    <t>\\acsfs\DEPTOS\Operacao\Banco_Votorantim\Supervisao\SUPERS BV CARTÕES\ADILSON\JOAO VICTOR\JOAO VICTOR\</t>
  </si>
  <si>
    <t>"mimetype":"appli,1714774998,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alse,file(kind,fileextension,fileid,filesize,flaggedforabuse,foldercolor,folderfeatures,hasaugmentedpermissions,haschildfolders,hasthumbnail,hasvisitorpermissions,hidden,id,id),items(deleted,items(kind,ken,ken=ac4w5vjwhmbcfst7sp1vh</t>
  </si>
  <si>
    <t>http://drive.google.com/upload/drive?key=AIzaSyAy9VVXHSpS2IJpptzYtGbLP3-3_l0aBk4</t>
  </si>
  <si>
    <t>http:///batch?%24ct=multipart%2Fmixed%3B%20boundary%3D%22%3D%3D%3D%3D%3D5mk2b5h98w8o%3D%3D%3D%3D%3D%22&amp;key=AIzaSyAy9VVXHSpS2IJpptzYtGbLP3-3_l0aBk4</t>
  </si>
  <si>
    <t>\\acsfs\DEPTOS\Operacao\Banco_Votorantim\Supervisao\SUPERS BV CARTÕES\ADILSON\JOAO VICTOR\JOAO VICTOR\Treinamentos e Repasses\</t>
  </si>
  <si>
    <t>Abordagens Atualizado.docx</t>
  </si>
  <si>
    <t>Vendas Novembro Equipe Ana Vitória premio.xlsx</t>
  </si>
  <si>
    <t>http:///batch?%24ct=multipart%2Fmixed%3B%20boundary%3D%22%3D%3D%3D%3D%3Dkrvgx04as348%3D%3D%3D%3D%3D%22&amp;key=AIzaSyAy9VVXHSpS2IJpptzYtGbLP3-3_l0aBk4</t>
  </si>
  <si>
    <t>Abordagens Seguros Atualizado.pdf</t>
  </si>
  <si>
    <t>Abordagens Seguros Atualizado.docx</t>
  </si>
  <si>
    <t>\\acsfs\DEPTOS\Operacao\Banco_Votorantim\Supervisao\SUPERS BV CARTÕES\ADILSON\JOAO VICTOR\JOAO VICTOR\Treinamentos e Repasses\Novatos.pptx\</t>
  </si>
  <si>
    <t>image10.svg</t>
  </si>
  <si>
    <t>image12.svg</t>
  </si>
  <si>
    <t>image14.svg</t>
  </si>
  <si>
    <t>image6.svg</t>
  </si>
  <si>
    <t>image8.svg</t>
  </si>
  <si>
    <t>Novatos.pptx</t>
  </si>
  <si>
    <t>http:///batch?%24ct=multipart%2Fmixed%3B%20boundary%3D%22%3D%3D%3D%3D%3D4ia7fdkju0br%3D%3D%3D%3D%3D%22&amp;key=AIzaSyAy9VVXHSpS2IJpptzYtGbLP3-3_l0aBk4</t>
  </si>
  <si>
    <t>Planejamento Janeiro - João Victor.xlsx</t>
  </si>
  <si>
    <t>\\acsfs\DEPTOS\Operacao\Banco_Votorantim\Supervisao\SUPERS BV CARTÕES\ADILSON\JOAO VICTOR\JOAO VICTOR\Treinamentos e Repasses\Treinamento de Vendas Novatos.pptx\</t>
  </si>
  <si>
    <t>Treinamento de Vendas Novatos.pptx</t>
  </si>
  <si>
    <t>\\acsfs\DEPTOS\Operacao\Banco_Votorantim\Supervisao\SUPERS BV CARTÕES\ADILSON\JOAO VICTOR\JOAO VICTOR\Treinamentos e Repasses\Treinamento MetLife.pptx\</t>
  </si>
  <si>
    <t>image16.svg</t>
  </si>
  <si>
    <t>image18.svg</t>
  </si>
  <si>
    <t>image20.svg</t>
  </si>
  <si>
    <t>image22.svg</t>
  </si>
  <si>
    <t>image24.svg</t>
  </si>
  <si>
    <t>Treinamento MetLife.pptx</t>
  </si>
  <si>
    <t>\\acsfs\DEPTOS\Operacao\Banco_Votorantim\Supervisao\SUPERS BV CARTÕES\ADILSON\JOAO VICTOR\JOAO VICTOR\Treinamentos e Repasses\Treinamento Residencial.pptx\</t>
  </si>
  <si>
    <t>image26.svg</t>
  </si>
  <si>
    <t>image28.svg</t>
  </si>
  <si>
    <t>image32.svg</t>
  </si>
  <si>
    <t>image34.svg</t>
  </si>
  <si>
    <t>image36.svg</t>
  </si>
  <si>
    <t>image38.svg</t>
  </si>
  <si>
    <t>image40.svg</t>
  </si>
  <si>
    <t>image5.svg</t>
  </si>
  <si>
    <t>Treinamento Residencial.pptx</t>
  </si>
  <si>
    <t>Treinamento SPF.pptx</t>
  </si>
  <si>
    <t>http:///batch?%24ct=multipart%2Fmixed%3B%20boundary%3D%22%3D%3D%3D%3D%3D5sr4i06b3pdh%3D%3D%3D%3D%3D%22&amp;key=AIzaSyAy9VVXHSpS2IJpptzYtGbLP3-3_l0aBk4</t>
  </si>
  <si>
    <t>http:///batch?%24ct=multipart%2Fmixed%3B%20boundary%3D%22%3D%3D%3D%3D%3D5m8dlfc4q5zq%3D%3D%3D%3D%3D%22&amp;key=AIzaSyAy9VVXHSpS2IJpptzYtGbLP3-3_l0aBk4</t>
  </si>
  <si>
    <t>http:///batch?%24ct=multipart%2Fmixed%3B%20boundary%3D%22%3D%3D%3D%3D%3De9ol46op55er%3D%3D%3D%3D%3D%22&amp;key=AIzaSyAy9VVXHSpS2IJpptzYtGbLP3-3_l0aBk4</t>
  </si>
  <si>
    <t>http:///batch?%24ct=multipart%2Fmixed%3B%20boundary%3D%22%3D%3D%3D%3D%3Dg5unofopnatr%3D%3D%3D%3D%3D%22&amp;key=AIzaSyAy9VVXHSpS2IJpptzYtGbLP3-3_l0aBk4</t>
  </si>
  <si>
    <t>http:///batch?%24ct=multipart%2Fmixed%3B%20boundary%3D%22%3D%3D%3D%3D%3Dsx9h8x6uz7c%3D%3D%3D%3D%3D%22&amp;key=AIzaSyAy9VVXHSpS2IJpptzYtGbLP3-3_l0aBk4</t>
  </si>
  <si>
    <t>ances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;picture;rpermissions;shared;sharedwithmedate;thumbnailversion;title;userpermission(role);workspaceids;</t>
  </si>
  <si>
    <t>http://ances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,picture,rpermissions,shared,sharedwithmedate,thumbnailversion,title,userpermission(role),workspaceids</t>
  </si>
  <si>
    <t>http:///batch?%24ct=multipart%2Fmixed%3B%20boundary%3D%22%3D%3D%3D%3D%3D4dglcab7dglh%3D%3D%3D%3D%3D%22&amp;key=AIzaSyAy9VVXHSpS2IJpptzYtGbLP3-3_l0aBk4</t>
  </si>
  <si>
    <t>ances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;pictu;picture;rpermissions;shared;sharedwithmedate;thumbnailversion;title;userpermission(role);workspaceids;</t>
  </si>
  <si>
    <t>http://ances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,pictu,picture,rpermissions,shared,sharedwithmedate,thumbnailversion,title,userpermission(role),workspaceids</t>
  </si>
  <si>
    <t>http:///batch?%24ct=multipart%2Fmixed%3B%20boundary%3D%22%3D%3D%3D%3D%3Ddah6wyey0r4n%3D%3D%3D%3D%3D%22&amp;key=AIzaSyAy9VVXHSpS2IJpptzYtGbLP3-3_l0aBk4</t>
  </si>
  <si>
    <t>ances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;pictu;picture;r"}'q�h��;rpermissions;shared;sharedwithmedate;thumbnailversion;title;userpermission(role);workspaceids;</t>
  </si>
  <si>
    <t>http://ances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,pictu,picture,r"}'q�h��,rpermissions,shared,sharedwithmedate,thumbnailversion,title,userpermission(role),workspaceids</t>
  </si>
  <si>
    <t>http:///batch?%24ct=multipart%2Fmixed%3B%20boundary%3D%22%3D%3D%3D%3D%3Dgfasotqh8fx0%3D%3D%3D%3D%3D%22&amp;key=AIzaSyAy9VVXHSpS2IJpptzYtGbLP3-3_l0aBk4</t>
  </si>
  <si>
    <t>http:///batch?%24ct=multipart%2Fmixed%3B%20boundary%3D%22%3D%3D%3D%3D%3Dcrkk17hxzy63%3D%3D%3D%3D%3D%22&amp;key=AIzaSyAy9VVXHSpS2IJpptzYtGbLP3-3_l0aBk4</t>
  </si>
  <si>
    <t>http:///batch?%24ct=multipart%2Fmixed%3B%20boundary%3D%22%3D%3D%3D%3D%3Dxrsogh8t2c2%3D%3D%3D%3D%3D%22&amp;key=AIzaSyAy9VVXHSpS2IJpptzYtGbLP3-3_l0aBk4</t>
  </si>
  <si>
    <t>http:///batch?%24ct=multipart%2Fmixed%3B%20boundary%3D%22%3D%3D%3D%3D%3Drzkt4m76sup0%3D%3D%3D%3D%3D%22&amp;key=AIzaSyAy9VVXHSpS2IJpptzYtGbLP3-3_l0aBk4</t>
  </si>
  <si>
    <t>"languagecode":"pt-br";"requesttype":"background_request";"requesttype":"live_request";"scenariotype;"scenariotype":"dr;"scenariotype":"dri;"timezone":"-03:00";ance;ancestorhasaugmentedpermissions;containsunsubscribedchildren;displayname;domain;emailaddress;ess"}};filesize;hasthumbnail;hasvisitorpermissions;id;id);items(kind;ken;lastmodifyinguser(kind;lastviewedbymedate;modifiedbymedate;modifieddate;ontainsunsubscribedchildren;owners(kind;p";permissionid;picture;shared;sharedwithmedate;thumbnailversion;title;userpermissio;workspaceids;</t>
  </si>
  <si>
    <t>http://"languagecode":"pt-br","requesttype":"background_request","requesttype":"live_request","scenariotype,"scenariotype":"dr,"scenariotype":"dri,"timezone":"-03:00",ance,ancestorhasaugmentedpermissions,containsunsubscribedchildren,displayname,domain,emailaddress,ess"}},filesize,hasthumbnail,hasvisitorpermissions,id,id),items(kind,ken,lastmodifyinguser(kind,lastviewedbymedate,modifiedbymedate,modifieddate,ontainsunsubscribedchildren,owners(kind,p",permissionid,picture,shared,sharedwithmedate,thumbnailversion,title,userpermissio,workspaceids</t>
  </si>
  <si>
    <t>C:\Users\adilsonloj\Desktop\Medidas Disciplinares\</t>
  </si>
  <si>
    <t>Formulário - Feedback Registrado Desvio Isabelle 1.doc</t>
  </si>
  <si>
    <t>"languagecode":"pt-br","requesttype":"background_request","requesttype":"live_request","scenariotype,"scenariotype":"dr,"scenariotype":"dri,"timezone":"-03:00",ance,ancestorhasaugmentedpermissions,containsunsubscribedchildren,displayname,domain,emailaddress,ess"}},filesize,hasthumbnail,hasvisitorpermissions,id,id),items(kind,ken,lastmodifyinguser(kind,lastviewedbymedate,modifiedbymedate,modifieddate,ontainsunsubscribedchildren,owners(kind,p",permissionid,picture,shared,sharedwithmedate,thumbnailversion,title,userpermissio,workspaceids</t>
  </si>
  <si>
    <t>"languagecode":"pt-br";"requesttype":"background_request";"requesttype":"live_request";"scenariotype;"scenariotype":"dr;"scenariotype":"dri;"timezone":"-03:00";ance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d;picture;shared;sharedwithmedate;thumbnailversion;title;userpermissio;userpermission(role);workspaceids;</t>
  </si>
  <si>
    <t>http://"languagecode":"pt-br","requesttype":"background_request","requesttype":"live_request","scenariotype,"scenariotype":"dr,"scenariotype":"dri,"timezone":"-03:00",ance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vlgxwqa0j6j%3D%3D%3D%3D%3D%22&amp;key=AIzaSyAy9VVXHSpS2IJpptzYtGbLP3-3_l0aBk4</t>
  </si>
  <si>
    <t>http:///batch?%24ct=multipart%2Fmixed%3B%20boundary%3D%22%3D%3D%3D%3D%3Dyv0d6nogs22y%3D%3D%3D%3D%3D%22&amp;key=AIzaSyAy9VVXHSpS2IJpptzYtGbLP3-3_l0aBk4</t>
  </si>
  <si>
    <t>Formulário - Feedback Registrado Desvio Quindaiza.doc</t>
  </si>
  <si>
    <t>"languagecode":"pt-br","requesttype":"background_request","requesttype":"live_request","scenariotype,"scenariotype":"dr,"scenariotype":"dri,"timezone":"-03:00",ance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fkvvof1e2jhu%3D%3D%3D%3D%3D%22&amp;key=AIzaSyAy9VVXHSpS2IJpptzYtGbLP3-3_l0aBk4</t>
  </si>
  <si>
    <t>http:///batch?%24ct=multipart%2Fmixed%3B%20boundary%3D%22%3D%3D%3D%3D%3Dt8fyqsv6agr3%3D%3D%3D%3D%3D%22&amp;key=AIzaSyAy9VVXHSpS2IJpptzYtGbLP3-3_l0aBk4</t>
  </si>
  <si>
    <t>Formulário - Feedback Registrado Kamilla.doc</t>
  </si>
  <si>
    <t>http:///batch?%24ct=multipart%2Fmixed%3B%20boundary%3D%22%3D%3D%3D%3D%3D3n8nlvshfa0y%3D%3D%3D%3D%3D%22&amp;key=AIzaSyAy9VVXHSpS2IJpptzYtGbLP3-3_l0aBk4</t>
  </si>
  <si>
    <t>http:///batch?%24ct=multipart%2Fmixed%3B%20boundary%3D%22%3D%3D%3D%3D%3Dqc0y392v8vqb%3D%3D%3D%3D%3D%22&amp;key=AIzaSyAy9VVXHSpS2IJpptzYtGbLP3-3_l0aBk4</t>
  </si>
  <si>
    <t>http:///batch?%24ct=multipart%2Fmixed%3B%20boundary%3D%22%3D%3D%3D%3D%3D3hfrrjdzn6xb%3D%3D%3D%3D%3D%22&amp;key=AIzaSyAy9VVXHSpS2IJpptzYtGbLP3-3_l0aBk4</t>
  </si>
  <si>
    <t>"languagecode":"pt-br";"requesttype":"background_request";"requesttype":"live_request";"scenariotype;"scenariotype":"dr;"scenariotype":"dri;"timezone":"-03:00";ance;ancestorhasaugmentedpermissions;be0ac73b6a534bf7cd88217d9c8c8408819b5_u x-goog-authuser: 0 --=====3hfrrjdzn6xb=====-- =====-- vhgywdcqqazbcuq:1578407685767&amp;buildlabel=drive.web-frontend_20191211.00_p1;containsunsubscribedchildren;displayname;domain;emailaddress;ess"}};file(kind;fileid;filesize;hasthumbnail;hasvisitorpermissions;id;id);items(deleted;items(kind;ken;kind;labels(starred;last;lastmodifyinguser(kind;lastmodif�;lastviewedbymedate;modifiedbymedate;modifieddate;ontainsunsubscribedchildren;owners(kind;p";per;permissionid;picture;shared;sharedwithmedate;thumbnailversion;title;userpermissio;userpermission(role);workspaceids;</t>
  </si>
  <si>
    <t>http://"languagecode":"pt-br","requesttype":"background_request","requesttype":"live_request","scenariotype,"scenariotype":"dr,"scenariotype":"dri,"timezone":"-03:00",ance,ancestorhasaugmentedpermissions,be0ac73b6a534bf7cd88217d9c8c8408819b5_u x-goog-authuser: 0 --=====3hfrrjdzn6xb=====-- =====-- vhgywdcqqazbcuq:1578407685767&amp;buildlabel=drive.web-frontend_20191211.00_p1,containsunsubscribedchildren,displayname,domain,emailaddress,ess"}},file(kind,fileid,filesize,hasthumbnail,hasvisitorpermissions,id,id),items(deleted,items(kind,ken,kind,labels(starred,last,lastmodifyinguser(kind,lastmodif�,lastviewedbymedate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1rcabfpjc51r%3D%3D%3D%3D%3D%22&amp;key=AIzaSyAy9VVXHSpS2IJpptzYtGbLP3-3_l0aBk4</t>
  </si>
  <si>
    <t>"languagecode":"pt-br";"requesttype":"background_request";"requesttype":"live_request";"scenariotype;"scenariotype":"dr;"scenariotype":"dri;"timezone":"-03:00";ance;ancestorhasaugmentedpermissions;be0ac73b6a534bf7cd88217d9c8c8408819b5_u x-goog-authuser: 0 --=====1rcabfpjc51r=====-- =====-- iewedbymedate;be0ac73b6a534bf7cd88217d9c8c8408819b5_u x-goog-authuser: 0 --=====3hfrrjdzn6xb=====-- =====-- vhgywdcqqazbcuq:1578407685767&amp;buildlabel=drive.web-frontend_20191211.00_p1;containsunsubscribedchildren;displayname;domain;emailaddress;ess"}};file(kind;fileid;filesize;hasthumbnail;hasvisitorpermissions;id;id);items(deleted;items(kind;ken;kind;labels(starred;last;lastmodifyinguser(kind;lastmodif�;lastviewedbymedate;m85uxjhj15wl1ouxevlta4g-uh77rsxggjkcersa0jieu3yzomk9hvwg2qxgllkdnkkdcijgtrlztnejexgxs8urrgsub2x�;modifiedbymedate;modifieddate;ontainsunsubscribedchildren;owners(kind;p";per;permissionid;picture;shared;sharedwithmedate;thumbnailversion;title;userpermissio;userpermission(role);workspaceids;</t>
  </si>
  <si>
    <t>http://"languagecode":"pt-br","requesttype":"background_request","requesttype":"live_request","scenariotype,"scenariotype":"dr,"scenariotype":"dri,"timezone":"-03:00",ance,ancestorhasaugmentedpermissions,be0ac73b6a534bf7cd88217d9c8c8408819b5_u x-goog-authuser: 0 --=====1rcabfpjc51r=====-- =====-- iewedbymedate,be0ac73b6a534bf7cd88217d9c8c8408819b5_u x-goog-authuser: 0 --=====3hfrrjdzn6xb=====-- =====-- vhgywdcqqazbcuq:1578407685767&amp;buildlabel=drive.web-frontend_20191211.00_p1,containsunsubscribedchildren,displayname,domain,emailaddress,ess"}},file(kind,fileid,filesize,hasthumbnail,hasvisitorpermissions,id,id),items(deleted,items(kind,ken,kind,labels(starred,last,lastmodifyinguser(kind,lastmodif�,lastviewedbymedate,m85uxjhj15wl1ouxevlta4g-uh77rsxggjkcersa0jieu3yzomk9hvwg2qxgllkdnkkdcijgtrlztnejexgxs8urrgsub2x�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4zn8mgu4chx3%3D%3D%3D%3D%3D%22&amp;key=AIzaSyAy9VVXHSpS2IJpptzYtGbLP3-3_l0aBk4</t>
  </si>
  <si>
    <t>http:///batch?%24ct=multipart%2Fmixed%3B%20boundary%3D%22%3D%3D%3D%3D%3Dngqdgsfhl3zw%3D%3D%3D%3D%3D%22&amp;key=AIzaSyAy9VVXHSpS2IJpptzYtGbLP3-3_l0aBk4</t>
  </si>
  <si>
    <t>http:///batch?%24ct=multipart%2Fmixed%3B%20boundary%3D%22%3D%3D%3D%3D%3Dwrpgix527z4n%3D%3D%3D%3D%3D%22&amp;key=AIzaSyAy9VVXHSpS2IJpptzYtGbLP3-3_l0aBk4</t>
  </si>
  <si>
    <t>"languagecode":"pt-br";"requesttype":"live_request";"scenariotype":"dri;"timezone":"-03:00"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live_request","scenariotype":"dri,"timezone":"-03:00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rfokj6muxbn7%3D%3D%3D%3D%3D%22&amp;key=AIzaSyAy9VVXHSpS2IJpptzYtGbLP3-3_l0aBk4</t>
  </si>
  <si>
    <t>Checklist TOP Adilson.xlsx</t>
  </si>
  <si>
    <t>"languagecode":"pt-br","requesttype":"live_request","scenariotype":"dri,"timezone":"-03:00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q8wl76ysp36g%3D%3D%3D%3D%3D%22&amp;key=AIzaSyAy9VVXHSpS2IJpptzYtGbLP3-3_l0aBk4</t>
  </si>
  <si>
    <t>http:///batch?%24ct=multipart%2Fmixed%3B%20boundary%3D%22%3D%3D%3D%3D%3Dl82d677fcc3s%3D%3D%3D%3D%3D%22&amp;key=AIzaSyAy9VVXHSpS2IJpptzYtGbLP3-3_l0aBk4</t>
  </si>
  <si>
    <t>"languagecode":"pt-br";"requesttype":"live_request";"scenariotype":"dri;"timezone":"-03:00";3s===== content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live_request","scenariotype":"dri,"timezone":"-03:00",3s===== content-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nxx693k5pnah%3D%3D%3D%3D%3D%22&amp;key=AIzaSyAy9VVXHSpS2IJpptzYtGbLP3-3_l0aBk4</t>
  </si>
  <si>
    <t>http:///batch?%24ct=multipart%2Fmixed%3B%20boundary%3D%22%3D%3D%3D%3D%3Dbnq2s6yt1h8p%3D%3D%3D%3D%3D%22&amp;key=AIzaSyAy9VVXHSpS2IJpptzYtGbLP3-3_l0aBk4</t>
  </si>
  <si>
    <t>SD TRICARD</t>
  </si>
  <si>
    <t>10.200.200.72</t>
  </si>
  <si>
    <t>90-B1-1C-F5-49-EE</t>
  </si>
  <si>
    <t>NB-ALINEAREI</t>
  </si>
  <si>
    <t>paulohdoc</t>
  </si>
  <si>
    <t>paulohdoc@algartech.com</t>
  </si>
  <si>
    <t>mail.google.com/_/upload?authuser=0&amp;dcp=asu-n&amp;upload_id=AEnB2UoyXtG-x2thIoiCmCnYxxb8xUvnoGm0VyAJtLjfqb_CiGdYrIkQNVQhDv39GH_UuxViicf3Ul0gPaqck4tRvTqXJTmhVZFTJSboPnga4hhVO2XA2AY&amp;upload_protocol=resumable</t>
  </si>
  <si>
    <t>\\acsfs\deptos\Operacao\Unica\1. Gestão da Área\1.1 Administrativo\1.1.3 Reports\Daily Report\Janeiro 2020\</t>
  </si>
  <si>
    <t>424.xlsx.xlsx</t>
  </si>
  <si>
    <t>mail.google.com/_/upload?authuser=0&amp;dcp=asu-n&amp;upload_id=AEnB2UqgKpBPM8NYttYqc77a5DOzhzqwp8Tdvoqlg0NZOeLIDwUYIyYei2yVoZS7GXog7B4y4DgqmVBxAYXjIcKqyoXC01a-bg&amp;upload_protocol=resumable</t>
  </si>
  <si>
    <t>Daily Report - Dezembro - 2019 v3-1.xlsx</t>
  </si>
  <si>
    <t>ee1fc878-f890-46f0-a5d7-c068d0aada42.tmp</t>
  </si>
  <si>
    <t>\\acsfs\profiles$\danielmlds\Downloads\ee1fc878-f890-46f0-a5d7-c068d0aada42.tmp</t>
  </si>
  <si>
    <t>6653f43d-5b00-4885-8087-0e832df34129.tmp</t>
  </si>
  <si>
    <t>\\acsfs\profiles$\gabrielafs\Downloads\6653f43d-5b00-4885-8087-0e832df34129.tmp</t>
  </si>
  <si>
    <t>C:\Users\dolvaner\Desktop\Projetos\Precificação\Propostas\</t>
  </si>
  <si>
    <t>DETALHAMENTO_DE_ITENS_DE_AQUISICOES_PARA_PROJETOS.xlsx</t>
  </si>
  <si>
    <t>e748823a-808b-4da5-8746-2d884b12aa7a.tmp</t>
  </si>
  <si>
    <t>\\acsfs\profiles$\gabrielhca\Downloads\e748823a-808b-4da5-8746-2d884b12aa7a.tmp</t>
  </si>
  <si>
    <t>b68bacb3-1210-4880-b7d2-497a6955c400.tmp</t>
  </si>
  <si>
    <t>\\acsfs\profiles$\vivianalds\Downloads\b68bacb3-1210-4880-b7d2-497a6955c400.tmp</t>
  </si>
  <si>
    <t>5872a797-1310-47cc-8105-22e838912040.tmp</t>
  </si>
  <si>
    <t>\\acsfs\profiles$\vivianalds\Downloads\5872a797-1310-47cc-8105-22e838912040.tmp</t>
  </si>
  <si>
    <t>9f5c8ad6-e902-4ddb-9e07-0d61c304ff1b.tmp</t>
  </si>
  <si>
    <t>\\acsfs\profiles$\JOAOVAL\Downloads\9f5c8ad6-e902-4ddb-9e07-0d61c304ff1b.tmp</t>
  </si>
  <si>
    <t>70416545-a314-4345-bb3e-8afca8006b90.tmp</t>
  </si>
  <si>
    <t>\\acsfs\profiles$\JOAOVAL\Downloads\70416545-a314-4345-bb3e-8afca8006b90.tmp</t>
  </si>
  <si>
    <t>http://algar.facebook.com/login/async_sso/?source=login_source_workplace_landing</t>
  </si>
  <si>
    <t>http:///batch?%24ct=multipart%2Fmixed%3B%20boundary%3D%22%3D%3D%3D%3D%3Dqf32svz0b2qj%3D%3D%3D%3D%3D%22&amp;key=AIzaSyAy9VVXHSpS2IJpptzYtGbLP3-3_l0aBk4</t>
  </si>
  <si>
    <t>http:///batch?%24ct=multipart%2Fmixed%3B%20boundary%3D%22%3D%3D%3D%3D%3D6ilsau8x8mpr%3D%3D%3D%3D%3D%22&amp;key=AIzaSyAy9VVXHSpS2IJpptzYtGbLP3-3_l0aBk4</t>
  </si>
  <si>
    <t>http:///batch?%24ct=multipart%2Fmixed%3B%20boundary%3D%22%3D%3D%3D%3D%3D74d9cyppkzac%3D%3D%3D%3D%3D%22&amp;key=AIzaSyAy9VVXHSpS2IJpptzYtGbLP3-3_l0aBk4</t>
  </si>
  <si>
    <t>http:///batch?%24ct=multipart%2Fmixed%3B%20boundary%3D%22%3D%3D%3D%3D%3D3z0lt5scfcpi%3D%3D%3D%3D%3D%22&amp;key=AIzaSyAy9VVXHSpS2IJpptzYtGbLP3-3_l0aBk4</t>
  </si>
  <si>
    <t>http:///batch?%24ct=multipart%2Fmixed%3B%20boundary%3D%22%3D%3D%3D%3D%3D4753jlywka3i%3D%3D%3D%3D%3D%22&amp;key=AIzaSyAy9VVXHSpS2IJpptzYtGbLP3-3_l0aBk4</t>
  </si>
  <si>
    <t>http:///batch?%24ct=multipart%2Fmixed%3B%20boundary%3D%22%3D%3D%3D%3D%3Dppfhyb3kwin9%3D%3D%3D%3D%3D%22&amp;key=AIzaSyAy9VVXHSpS2IJpptzYtGbLP3-3_l0aBk4</t>
  </si>
  <si>
    <t>http:///batch?%24ct=multipart%2Fmixed%3B%20boundary%3D%22%3D%3D%3D%3D%3Dpnd1y74nwpep%3D%3D%3D%3D%3D%22&amp;key=AIzaSyAy9VVXHSpS2IJpptzYtGbLP3-3_l0aBk4</t>
  </si>
  <si>
    <t>http:///batch?%24ct=multipart%2Fmixed%3B%20boundary%3D%22%3D%3D%3D%3D%3Dst1qy1b96uye%3D%3D%3D%3D%3D%22&amp;key=AIzaSyAy9VVXHSpS2IJpptzYtGbLP3-3_l0aBk4</t>
  </si>
  <si>
    <t>http:///batch?%24ct=multipart%2Fmixed%3B%20boundary%3D%22%3D%3D%3D%3D%3Dh7zlzxcip2l9%3D%3D%3D%3D%3D%22&amp;key=AIzaSyAy9VVXHSpS2IJpptzYtGbLP3-3_l0aBk4</t>
  </si>
  <si>
    <t>http:///batch?%24ct=multipart%2Fmixed%3B%20boundary%3D%22%3D%3D%3D%3D%3Djay5hu9jfng5%3D%3D%3D%3D%3D%22&amp;key=AIzaSyAy9VVXHSpS2IJpptzYtGbLP3-3_l0aBk4</t>
  </si>
  <si>
    <t>Controle Equipe Adilson BV.xls</t>
  </si>
  <si>
    <t>\\acsfs\DEPTOS\Operacao\Banco_Votorantim\Supervisao\SUPERS BV CARTÕES\ADILSON\Controle Equipe Adilson BV.xls</t>
  </si>
  <si>
    <t>http://dc.services.visualstudio.com/v2/track</t>
  </si>
  <si>
    <t>http:///batch?%24ct=multipart%2Fmixed%3B%20boundary%3D%22%3D%3D%3D%3D%3Dihyavkfo4ujq%3D%3D%3D%3D%3D%22&amp;key=AIzaSyAy9VVXHSpS2IJpptzYtGbLP3-3_l0aBk4</t>
  </si>
  <si>
    <t>http:///batch?%24ct=multipart%2Fmixed%3B%20boundary%3D%22%3D%3D%3D%3D%3Dov4j3td3kec9%3D%3D%3D%3D%3D%22&amp;key=AIzaSyAy9VVXHSpS2IJpptzYtGbLP3-3_l0aBk4</t>
  </si>
  <si>
    <t>http:///batch?%24ct=multipart%2Fmixed%3B%20boundary%3D%22%3D%3D%3D%3D%3Dyjmrv1pxpxh3%3D%3D%3D%3D%3D%22&amp;key=AIzaSyAy9VVXHSpS2IJpptzYtGbLP3-3_l0aBk4</t>
  </si>
  <si>
    <t>1578408284556000]]];6ieiffrgl"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1578408284556000]]],6ieiffrgl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l6r9d0dl27ok%3D%3D%3D%3D%3D%22&amp;key=AIzaSyAy9VVXHSpS2IJpptzYtGbLP3-3_l0aBk4</t>
  </si>
  <si>
    <t>http:///batch?%24ct=multipart%2Fmixed%3B%20boundary%3D%22%3D%3D%3D%3D%3Die1yf6i7a7vc%3D%3D%3D%3D%3D%22&amp;key=AIzaSyAy9VVXHSpS2IJpptzYtGbLP3-3_l0aBk4</t>
  </si>
  <si>
    <t>1578408284556000]]];27618_u x-goog-authuser: 0 --=====ie1yf6i7a7vc=====-- =====--;6ieiffrgl"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1578408284556000]]],27618_u x-goog-authuser: 0 --=====ie1yf6i7a7vc=====-- =====-- ,6ieiffrgl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2523877d-36c4-4fd9-a01d-2227a1e49d94.tmp</t>
  </si>
  <si>
    <t>\\acsfs\profiles$\danielmlds\Downloads\2523877d-36c4-4fd9-a01d-2227a1e49d94.tmp</t>
  </si>
  <si>
    <t>b5df9202-46ac-444e-8cea-2bb9b9744326.tmp</t>
  </si>
  <si>
    <t>\\acsfs\profiles$\THYAGOSP\Downloads\b5df9202-46ac-444e-8cea-2bb9b9744326.tmp</t>
  </si>
  <si>
    <t>mail.google.com/_/upload?authuser=0&amp;dcp=asu-n&amp;upload_id=AEnB2Uomvdtn9Ovj-pR5s-i8LnoUnS9W76BBb-2ongXigF1pX8SAZ63iEYj0DF49kuO8a_zaotG7860h75NtncIjUILO0dUQOA&amp;upload_protocol=resumable</t>
  </si>
  <si>
    <t>\\acsfs\engeset\ASA_ULA\NUCLEO_SUPRIMENTOS\Objetivos\2019 - 2º Semestre\Apuração\</t>
  </si>
  <si>
    <t>Invetário Cíclico Estoque_Janeiro_Uberlandia.xlsx</t>
  </si>
  <si>
    <t>a4a69b7b-05d0-44f4-b1c0-d97689d83eca.tmp</t>
  </si>
  <si>
    <t>\\acsfs\profiles$\gabrielhca\Downloads\a4a69b7b-05d0-44f4-b1c0-d97689d83eca.tmp</t>
  </si>
  <si>
    <t>3301137c-fd19-4c4f-b518-af8f47c572dc.tmp</t>
  </si>
  <si>
    <t>\\acsfs\profiles$\JOAOVAL\Downloads\3301137c-fd19-4c4f-b518-af8f47c572dc.tmp</t>
  </si>
  <si>
    <t>0a938eed-dfad-44dd-aefb-0db9ddc29065.tmp</t>
  </si>
  <si>
    <t>\\acsfs\profiles$\leticiala\Downloads\0a938eed-dfad-44dd-aefb-0db9ddc29065.tmp</t>
  </si>
  <si>
    <t>mail.google.com/sync/u/0/i/s?hl=pt-BR&amp;c=481</t>
  </si>
  <si>
    <t>mail.google.com/sync/u/0/i/s?hl=pt-BR&amp;c=483</t>
  </si>
  <si>
    <t>andrelpsa@algartech.com;josiascdsj@algartech.com;leonardoao@algartech.com;marianadjc@algartech.com;paulacn@algartech.com;rafaelggs@algartech.com;taysdss@algartech.com;viniciussg@algartech.com;</t>
  </si>
  <si>
    <t>andrelpsa@algartech.com,josiascdsj@algartech.com,leonardoao@algartech.com,marianadjc@algartech.com,paulacn@algartech.com,rafaelggs@algartech.com,taysdss@algartech.com,viniciussg@algartech.com</t>
  </si>
  <si>
    <t>99d158e2-f0d4-4be6-8a56-f44c0986d6e8.tmp</t>
  </si>
  <si>
    <t>\\acsfs\profiles$\ROZENCAM\Downloads\99d158e2-f0d4-4be6-8a56-f44c0986d6e8.tmp</t>
  </si>
  <si>
    <t>C:\Users\ricardoft\OneDrive - Grupo Algar\Documentos\Pessoal\Treinamentos\AWS\AWS Certified SysOps Administrator - Associate 2017\</t>
  </si>
  <si>
    <t>HCP4007jGY.xls</t>
  </si>
  <si>
    <t>all.xls</t>
  </si>
  <si>
    <t>C:\Users\fabianacscg\Desktop\Boticário\</t>
  </si>
  <si>
    <t>BI medidas dezembro.xls</t>
  </si>
  <si>
    <t>BI medidas janeiro.xls</t>
  </si>
  <si>
    <t>JUCELIA OLIVEIRA DE AMORIM_1_6774862252944209587_1_32.wav</t>
  </si>
  <si>
    <t>\\acsfs\Deptos\EDUCACAO EMPRESARIAL\KÉSIA\Ligações 1º Ciclo - Janeiro 2020\JUCELIA OLIVEIRA DE AMORIM_1_6774862252944209587_1_32.wav</t>
  </si>
  <si>
    <t>10.200.67.155</t>
  </si>
  <si>
    <t>78-2B-CB-C3-48-8C</t>
  </si>
  <si>
    <t>VOTORANT-IB004</t>
  </si>
  <si>
    <t>c:\users\raicdf\pictures\</t>
  </si>
  <si>
    <t>1.png</t>
  </si>
  <si>
    <t>4b6f6146-af3b-41b0-bb99-60fef39c560d.tmp</t>
  </si>
  <si>
    <t>\\acsfs\profiles$\nataliacsl\Downloads\4b6f6146-af3b-41b0-bb99-60fef39c560d.tmp</t>
  </si>
  <si>
    <t>803cd545-bf7e-4004-89bc-f25edef19179.tmp</t>
  </si>
  <si>
    <t>\\acsfs\profiles$\nathaliarmr\Downloads\803cd545-bf7e-4004-89bc-f25edef19179.tmp</t>
  </si>
  <si>
    <t>8fc4bc88-24ce-456c-a0c5-3c7572ef88f0.tmp</t>
  </si>
  <si>
    <t>\\acsfs\profiles$\rafaelamsv\Downloads\8fc4bc88-24ce-456c-a0c5-3c7572ef88f0.tmp</t>
  </si>
  <si>
    <t>02c6c0e0-e7cc-435e-8ff0-b268ae55d01b.tmp</t>
  </si>
  <si>
    <t>\\acsfs\profiles$\milenaas\Downloads\02c6c0e0-e7cc-435e-8ff0-b268ae55d01b.tmp</t>
  </si>
  <si>
    <t>79600cc7-f5a0-488c-9d6b-00775d78ec6d.tmp</t>
  </si>
  <si>
    <t>\\acsfs\profiles$\gabrielarb\Downloads\79600cc7-f5a0-488c-9d6b-00775d78ec6d.tmp</t>
  </si>
  <si>
    <t>http:///batch?%24ct=multipart%2Fmixed%3B%20boundary%3D%22%3D%3D%3D%3D%3Dpgpt6wriv4xd%3D%3D%3D%3D%3D%22&amp;key=AIzaSyAy9VVXHSpS2IJpptzYtGbLP3-3_l0aBk4</t>
  </si>
  <si>
    <t>http:///batch?%24ct=multipart%2Fmixed%3B%20boundary%3D%22%3D%3D%3D%3D%3Dnmhl45sdydud%3D%3D%3D%3D%3D%22&amp;key=AIzaSyAy9VVXHSpS2IJpptzYtGbLP3-3_l0aBk4</t>
  </si>
  <si>
    <t>http:///batch?%24ct=multipart%2Fmixed%3B%20boundary%3D%22%3D%3D%3D%3D%3Ddh0c1li2zfxf%3D%3D%3D%3D%3D%22&amp;key=AIzaSyAy9VVXHSpS2IJpptzYtGbLP3-3_l0aBk4</t>
  </si>
  <si>
    <t>600caff1-d92c-48c9-8e23-0123537ab5e1.tmp</t>
  </si>
  <si>
    <t>\\acsfs\profiles$\isabellegtds\Downloads\600caff1-d92c-48c9-8e23-0123537ab5e1.tmp</t>
  </si>
  <si>
    <t>ancestorhasaugmentedpermissions,containsunsubscribedchildren,displayname,domain,emailaddress,exp,file(kind,fileid,filesize,hasthumbnail,hasvisitorpermissions,id,id),items(deleted,ken,kind,lastmodifyinguser(kind,lastviewedbymedate,modifiedbymedate,modifieddate,ontainsunsubscribedchildren,owners(kind,perm,permi,permissionid,picture,shared,sharedwithmedate,thumbnailversion,title,userpermission(role),workspaceids</t>
  </si>
  <si>
    <t>\\acsfs\ACS\Gabriel da Silva\Contemporânea\Acessos\Pasta2.xlsx</t>
  </si>
  <si>
    <t>outlook.office.com/owa/service.svc?action=CreateItem&amp;app=Mail&amp;n=292</t>
  </si>
  <si>
    <t>mail.google.com/sync/u/0/i/s?hl=pt-BR&amp;c=758</t>
  </si>
  <si>
    <t>\\acsfs\ACS\Gabriel da Silva\Contemporânea\BDBV\D9C0D276.tmp\</t>
  </si>
  <si>
    <t>\\acsfs\ACS\Gabriel da Silva\Contemporânea\BDBV\D9C0D276.tmp\:Zone.Identifier:$DATA</t>
  </si>
  <si>
    <t>275079ee-14bf-4937-9a4a-aee90b8a65e8.tmp</t>
  </si>
  <si>
    <t>\\acsfs\profiles$\nathaliarmr\Downloads\275079ee-14bf-4937-9a4a-aee90b8a65e8.tmp</t>
  </si>
  <si>
    <t>C:\Users\lucianapdre\Downloads\</t>
  </si>
  <si>
    <t>DR_Representatividade_2019_RB.xlsx</t>
  </si>
  <si>
    <t>aab9010d-4585-4cb4-9c73-bc6d300faec0.tmp</t>
  </si>
  <si>
    <t>\\acsfs\profiles$\sarahbal\Downloads\aab9010d-4585-4cb4-9c73-bc6d300faec0.tmp</t>
  </si>
  <si>
    <t>d17e3687-dc97-412d-9944-e688a29d6844.tmp</t>
  </si>
  <si>
    <t>\\acsfs\profiles$\luanarda\Downloads\d17e3687-dc97-412d-9944-e688a29d6844.tmp</t>
  </si>
  <si>
    <t>b6c9e610-675d-4ff3-a1c7-4fc0a93281c2.tmp</t>
  </si>
  <si>
    <t>\\acsfs\profiles$\isabellegtds\Downloads\b6c9e610-675d-4ff3-a1c7-4fc0a93281c2.tmp</t>
  </si>
  <si>
    <t>02e55e60-9dda-40a6-bbc8-99771305784f.tmp</t>
  </si>
  <si>
    <t>\\acsfs\profiles$\isabellegtds\Downloads\02e55e60-9dda-40a6-bbc8-99771305784f.tmp</t>
  </si>
  <si>
    <t>c:\users\lauanecca\desktop\</t>
  </si>
  <si>
    <t>relatório larissa.xlsx</t>
  </si>
  <si>
    <t>andrelpsa@algartech.com;bvs-gestorescentral@bv.com.br;bvs-planejamentodeoperacoesetrafego@bv.com.br;cpc-controldeskavon@algartech.com;eliane.martins@bv.com.br;flora.lira@bv.com.br;joaogvc@algartech.com;jose.gomes@bv.com.br;joseasn@algartech.com;josiascdsj@algartech.com;leonardoao@algartech.com;luiz.henriquesantos@avon.com;marianadjc@algartech.com;maristelavodq@bv.algartech.com;paulacn@algartech.com;qualidadealgarbv@algartech.com;rafael.ramos@bv.com.br;rafaelggs@algartech.com;raphael.balmant@bv.com.br;regis.costa@bv.com.br;supervisaobancovotorantim@algartech.com;taysdss@algartech.com;thiagolrc@bv.algartech.com;viniciussg@algartech.com;</t>
  </si>
  <si>
    <t>andrelpsa@algartech.com,bvs-gestorescentral@bv.com.br,bvs-planejamentodeoperacoesetrafego@bv.com.br,cpc-controldeskavon@algartech.com,eliane.martins@bv.com.br,flora.lira@bv.com.br,joaogvc@algartech.com,jose.gomes@bv.com.br,joseasn@algartech.com,josiascdsj@algartech.com,leonardoao@algartech.com,luiz.henriquesantos@avon.com,marianadjc@algartech.com,maristelavodq@bv.algartech.com,paulacn@algartech.com,qualidadealgarbv@algartech.com,rafael.ramos@bv.com.br,rafaelggs@algartech.com,raphael.balmant@bv.com.br,regis.costa@bv.com.br,supervisaobancovotorantim@algartech.com,taysdss@algartech.com,thiagolrc@bv.algartech.com,viniciussg@algartech.com</t>
  </si>
  <si>
    <t>mail.google.com/sync/u/0/i/s?hl=pt-BR&amp;c=779</t>
  </si>
  <si>
    <t>mail.google.com/sync/u/0/i/s?hl=pt-BR&amp;c=781</t>
  </si>
  <si>
    <t>mail.google.com/_/upload?authuser=0&amp;dcp=asu-n&amp;upload_id=AEnB2UrMvigOeUIhCGUftfxtf9OJEttEneEDmVFmn5E6s_t9fUwN3ahT9JAR1GHMZxMGsM73jabfnUq9B29C7Bc7Rm2Oshpqzwu_PJDa-hQeoz5muhGAQh8&amp;upload_protocol=resumable</t>
  </si>
  <si>
    <t>Invetário Cíclico Estoque_Janeiro_Rio de Janeiro.xlsx</t>
  </si>
  <si>
    <t>801a6112-f4f1-405c-a98a-d23f470a437f.tmp</t>
  </si>
  <si>
    <t>\\acsfs\profiles$\luanarda\Downloads\801a6112-f4f1-405c-a98a-d23f470a437f.tmp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,shared,sharedwithmedate,thumbnailversio,thumbnailversion,title,userpermission(role),workspaceids</t>
  </si>
  <si>
    <t>Controle MECÂNICA - 2019.xlsm</t>
  </si>
  <si>
    <t>mail.google.com/sync/u/0/i/s?hl=pt-BR&amp;c=787</t>
  </si>
  <si>
    <t>25c0d104-32f2-4073-b7b8-27d0081b347b.tmp</t>
  </si>
  <si>
    <t>\\acsfs\profiles$\felipetds\Downloads\25c0d104-32f2-4073-b7b8-27d0081b347b.tmp</t>
  </si>
  <si>
    <t>100014221982664;</t>
  </si>
  <si>
    <t>https://100014221982664</t>
  </si>
  <si>
    <t>3759d2ed-ac7e-4f25-8dde-9ff6e800cc29.tmp</t>
  </si>
  <si>
    <t>\\acsfs\profiles$\lorrainerdl\Downloads\3759d2ed-ac7e-4f25-8dde-9ff6e800cc29.tmp</t>
  </si>
  <si>
    <t>837d3bc9-e0d5-43c0-a129-eeca0a7c5e65.tmp</t>
  </si>
  <si>
    <t>\\acsfs\profiles$\henriquehmdo\Downloads\837d3bc9-e0d5-43c0-a129-eeca0a7c5e65.tmp</t>
  </si>
  <si>
    <t>20e1bdaa-bfc3-4f1a-921c-f0ba0ece00db.tmp</t>
  </si>
  <si>
    <t>\\acsfs\profiles$\leonardobb\Downloads\20e1bdaa-bfc3-4f1a-921c-f0ba0ece00db.tmp</t>
  </si>
  <si>
    <t>51635a8c-e264-434d-9d40-2decbdb78a79.tmp</t>
  </si>
  <si>
    <t>\\acsfs\profiles$\leonardobb\Downloads\51635a8c-e264-434d-9d40-2decbdb78a79.tmp</t>
  </si>
  <si>
    <t>d6618db3-3a97-4e96-9e08-04fcfd47ca91.tmp</t>
  </si>
  <si>
    <t>\\acsfs\profiles$\leonardobb\Downloads\d6618db3-3a97-4e96-9e08-04fcfd47ca91.tmp</t>
  </si>
  <si>
    <t>1837fe9c-923e-4429-a4ae-9516c9f675a1.tmp</t>
  </si>
  <si>
    <t>\\acsfs\profiles$\leonardobb\Downloads\1837fe9c-923e-4429-a4ae-9516c9f675a1.tmp</t>
  </si>
  <si>
    <t>4ad49fe9-9a4a-4204-8d7f-bbbfcc7b9881.tmp</t>
  </si>
  <si>
    <t>\\acsfs\profiles$\LUISPLS\Downloads\4ad49fe9-9a4a-4204-8d7f-bbbfcc7b9881.tmp</t>
  </si>
  <si>
    <t>\\acsfs\Deptos\CAS - Coordenação de Arquitetura de Soluções\Projetos\2019\KPMG\213410 - Renovação 2020\</t>
  </si>
  <si>
    <t>Equipe Considerada.xlsx</t>
  </si>
  <si>
    <t>RELATORIO DE LOGIN - FINANCEIRA - 02-01 - Cópia.xlsm</t>
  </si>
  <si>
    <t>\\acsfs\DEPTOS\Operacao\PCP\5 - Comum\PLANEJAMENTO BV\14 - ACOMPANHAMENTO\1 - REPORT ACOMPANHAMENTO\2020\1 - JANEIRO\FINANCEIRA\Login Logout Financeira\RELATORIO DE LOGIN - FINANCEIRA - 02-01 - Cópia.xlsm</t>
  </si>
  <si>
    <t>algar - kit_pre_deslig_justa causa_100649_gabriela rodrigues barreiro (1).pdf</t>
  </si>
  <si>
    <t>comunicado de desligamento por justa causa.docx</t>
  </si>
  <si>
    <t>7b239273-9fef-4e25-b371-51104b0bc7b8.tmp</t>
  </si>
  <si>
    <t>\\acsfs\profiles$\geovannasm\Downloads\7b239273-9fef-4e25-b371-51104b0bc7b8.tmp</t>
  </si>
  <si>
    <t>16e7560e-d85c-4ea7-b93b-9740728a53c8.tmp</t>
  </si>
  <si>
    <t>\\acsfs\profiles$\mariagsg\Downloads\16e7560e-d85c-4ea7-b93b-9740728a53c8.tmp</t>
  </si>
  <si>
    <t>8620f6d1-779f-4317-8c64-3d0b0e1fbf81.tmp</t>
  </si>
  <si>
    <t>\\acsfs\profiles$\gabrielarb\Downloads\8620f6d1-779f-4317-8c64-3d0b0e1fbf81.tmp</t>
  </si>
  <si>
    <t>1f82acea-7bdf-4806-a026-555cbe7a4629.tmp</t>
  </si>
  <si>
    <t>\\acsfs\profiles$\LUISPLS\Downloads\1f82acea-7bdf-4806-a026-555cbe7a4629.tmp</t>
  </si>
  <si>
    <t>d4b7fbc6-ce2c-4b34-b4fc-86674ed91ae2.tmp</t>
  </si>
  <si>
    <t>\\acsfs\profiles$\adelvinsonle\Downloads\d4b7fbc6-ce2c-4b34-b4fc-86674ed91ae2.tmp</t>
  </si>
  <si>
    <t>028be2ab-8b18-4369-9d57-0e8e1bd0e6ef.tmp</t>
  </si>
  <si>
    <t>\\acsfs\profiles$\lorrainerdl\Downloads\028be2ab-8b18-4369-9d57-0e8e1bd0e6ef.tmp</t>
  </si>
  <si>
    <t>tatiane.rodrigues@algartech.com</t>
  </si>
  <si>
    <t>rayasilva@deloitte.com;</t>
  </si>
  <si>
    <t>C:\Users\tatiane.rodrigues\Downloads\faturamento Janeiro_2019 DOW.eml\</t>
  </si>
  <si>
    <t>Consolidado_DOW_JANEIRO.xlsx</t>
  </si>
  <si>
    <t>rayasilva@deloitte.com</t>
  </si>
  <si>
    <t>922b240c-d29d-4b66-a07a-ba0214c3fc82.tmp</t>
  </si>
  <si>
    <t>\\acsfs\profiles$\leonardobb\Downloads\922b240c-d29d-4b66-a07a-ba0214c3fc82.tmp</t>
  </si>
  <si>
    <t>outlook.office.com/owa/service.svc?action=CreateItem&amp;app=Mail&amp;n=413</t>
  </si>
  <si>
    <t>outlook.office.com/owa/service.svc?action=CreateItem&amp;app=Mail&amp;n=445</t>
  </si>
  <si>
    <t>outlook.office.com/owa/service.svc?action=UpdateItem&amp;app=Mail&amp;n=465</t>
  </si>
  <si>
    <t>\\acsfs\profiles$\gabrielsma\Desktop\</t>
  </si>
  <si>
    <t>Meu Arquivo de Dados do Outlook(1).pst</t>
  </si>
  <si>
    <t>\\acsfs\profiles$\gabrielsma\Desktop\Meu Arquivo de Dados do Outlook(1).pst</t>
  </si>
  <si>
    <t>\\acsfs\ACS\Gabriel da Silva\Contemporânea\BDBV\A6ADD65.tmp\</t>
  </si>
  <si>
    <t>\\acsfs\ACS\Gabriel da Silva\Contemporânea\BDBV\A6ADD65.tmp\:Zone.Identifier:$DATA</t>
  </si>
  <si>
    <t>5f7fe476-355c-42f0-a285-51a218e84592.tmp</t>
  </si>
  <si>
    <t>\\acsfs\profiles$\geovannasm\Downloads\5f7fe476-355c-42f0-a285-51a218e84592.tmp</t>
  </si>
  <si>
    <t>8b347c66-5818-4822-883c-e999429311b6.tmp</t>
  </si>
  <si>
    <t>\\acsfs\profiles$\geovannasm\Downloads\8b347c66-5818-4822-883c-e999429311b6.tmp</t>
  </si>
  <si>
    <t>1e86da80-34e3-4619-93f8-3e00a0445041.tmp</t>
  </si>
  <si>
    <t>\\acsfs\profiles$\wenderbnm\Downloads\1e86da80-34e3-4619-93f8-3e00a0445041.tmp</t>
  </si>
  <si>
    <t>ASSESSORIA DE SEGURANCA</t>
  </si>
  <si>
    <t>10.200.58.72</t>
  </si>
  <si>
    <t>DC-A2-66-40-EA-AF</t>
  </si>
  <si>
    <t>NB-MARCELODD</t>
  </si>
  <si>
    <t>marcelodds</t>
  </si>
  <si>
    <t>\\acsfs\scorp$\2 - operacao udi\2.3 - relatorios\2.6.1 - relatórios algar tecnologia\2.6.1.1 - relatório de ocorrência empresarial\r.o 2020\r.o - 01-2020\</t>
  </si>
  <si>
    <t>202021015 - veiculo furando fila na cancela - thiago bernardes.xlsx</t>
  </si>
  <si>
    <t>Gabriel Da Silva Martins</t>
  </si>
  <si>
    <t>/o=exchangelabs/ou=exchange administrative group (fydibohf23spdlt)/cn=recipients/cn=5af2cae509964078b2026f7f550380b0-andre luis;/o=exchangelabs/ou=exchange administrative group (fydibohf23spdlt)/cn=recipients/cn=be0b59caa4dc43e39afaa089f44ef778-leonardo al;/o=exchangelabs/ou=exchange administrative group (fydibohf23spdlt)/cn=recipients/cn=d7b7225eca6c432cb952e8bf01b50f4b-algar tech;/o=exchangelabs/ou=exchange administrative group (fydibohf23spdlt)/cn=recipients/cn=user8e89d2d7;eliane.martins@bv.com.br;flora.lira@bv.com.br;jose.gomes@bv.com.br;</t>
  </si>
  <si>
    <t>RES: Desligados da semana - ALGAR</t>
  </si>
  <si>
    <t>/o=exchangelabs/ou=exchange administrative group (fydibohf23spdlt)/cn=recipients/cn=5af2cae509964078b2026f7f550380b0-andre luis,/o=exchangelabs/ou=exchange administrative group (fydibohf23spdlt)/cn=recipients/cn=be0b59caa4dc43e39afaa089f44ef778-leonardo al,/o=exchangelabs/ou=exchange administrative group (fydibohf23spdlt)/cn=recipients/cn=d7b7225eca6c432cb952e8bf01b50f4b-algar tech,/o=exchangelabs/ou=exchange administrative group (fydibohf23spdlt)/cn=recipients/cn=user8e89d2d7,eliane.martins@bv.com.br,flora.lira@bv.com.br,jose.gomes@bv.com.br</t>
  </si>
  <si>
    <t>lu144321cgovu.tmp</t>
  </si>
  <si>
    <t>\\acsfs\profiles$\dhiulliananads\My Documents\lu144321cgovu.tmp</t>
  </si>
  <si>
    <t>\\acsfs\profiles$\dhiulliananads\My Documents\lu144321cgovu.tmp\</t>
  </si>
  <si>
    <t>\\acsfs\profiles$\dhiulliananads\My Documents\lu144321cgovu.tmp\META-INF\</t>
  </si>
  <si>
    <t>\\acsfs\profiles$\dhiulliananads\My Documents\lu144321cgovu.tmp\Thumbnails\</t>
  </si>
  <si>
    <t>3f3a446f-c00e-4e30-93c1-d45b214a8661.tmp</t>
  </si>
  <si>
    <t>\\acsfs\profiles$\vivianalds\Downloads\3f3a446f-c00e-4e30-93c1-d45b214a8661.tmp</t>
  </si>
  <si>
    <t>e9b304f5-2512-46c9-b1f3-5bd02c416d19.tmp</t>
  </si>
  <si>
    <t>\\acsfs\profiles$\marcosvnds\Downloads\e9b304f5-2512-46c9-b1f3-5bd02c416d19.tmp</t>
  </si>
  <si>
    <t>cc929cba-150e-44d1-9fbb-2bd0d3e8b06b.tmp</t>
  </si>
  <si>
    <t>\\acsfs\profiles$\marcosvnds\Downloads\cc929cba-150e-44d1-9fbb-2bd0d3e8b06b.tmp</t>
  </si>
  <si>
    <t>f0b779f8-5b4a-4582-a162-d5baa0feeaae.tmp</t>
  </si>
  <si>
    <t>\\acsfs\profiles$\marcosvnds\Downloads\f0b779f8-5b4a-4582-a162-d5baa0feeaae.tmp</t>
  </si>
  <si>
    <t>aacd7ece-61d4-4cde-b9de-f8c995397cb6.tmp</t>
  </si>
  <si>
    <t>\\acsfs\profiles$\marcosvnds\Downloads\aacd7ece-61d4-4cde-b9de-f8c995397cb6.tmp</t>
  </si>
  <si>
    <t>1ed98fd9-27ac-41e5-b9f9-4384a6e44767.tmp</t>
  </si>
  <si>
    <t>\\acsfs\profiles$\marcosvnds\Downloads\1ed98fd9-27ac-41e5-b9f9-4384a6e44767.tmp</t>
  </si>
  <si>
    <t>c9e66c3c-cb6a-436a-afa3-7886218ed9ab.tmp</t>
  </si>
  <si>
    <t>\\acsfs\profiles$\marcosvnds\Downloads\c9e66c3c-cb6a-436a-afa3-7886218ed9ab.tmp</t>
  </si>
  <si>
    <t>48cdfa47-494e-4618-9dbc-2c9b9738f03d.tmp</t>
  </si>
  <si>
    <t>\\acsfs\profiles$\leonardobb\Downloads\48cdfa47-494e-4618-9dbc-2c9b9738f03d.tmp</t>
  </si>
  <si>
    <t>/o=exchangelabs/ou=exchange administrative group (fydibohf23spdlt)/cn=recipients/cn=5af2cae509964078b2026f7f550380b0-andre luis;/o=exchangelabs/ou=exchange administrative group (fydibohf23spdlt)/cn=recipients/cn=be0b59caa4dc43e39afaa089f44ef778-leonardo al;/o=exchangelabs/ou=exchange administrative group (fydibohf23spdlt)/cn=recipients/cn=d7b7225eca6c432cb952e8bf01b50f4b-algar tech;/o=exchangelabs/ou=exchange administrative group (fydibohf23spdlt)/cn=recipients/cn=user8e89d2d7;eliane.martins@bv.com.br;flora.lira@bv.com.br;gabrielsma@bv.algartech.com;jose.gomes@bv.com.br;</t>
  </si>
  <si>
    <t>/o=exchangelabs/ou=exchange administrative group (fydibohf23spdlt)/cn=recipients/cn=5af2cae509964078b2026f7f550380b0-andre luis,/o=exchangelabs/ou=exchange administrative group (fydibohf23spdlt)/cn=recipients/cn=be0b59caa4dc43e39afaa089f44ef778-leonardo al,/o=exchangelabs/ou=exchange administrative group (fydibohf23spdlt)/cn=recipients/cn=d7b7225eca6c432cb952e8bf01b50f4b-algar tech,/o=exchangelabs/ou=exchange administrative group (fydibohf23spdlt)/cn=recipients/cn=user8e89d2d7,eliane.martins@bv.com.br,flora.lira@bv.com.br,gabrielsma@bv.algartech.com,jose.gomes@bv.com.br</t>
  </si>
  <si>
    <t>870b421c-f3ef-453a-b9a0-07a25a8507aa.tmp</t>
  </si>
  <si>
    <t>\\acsfs\profiles$\Flaviojmm\Downloads\870b421c-f3ef-453a-b9a0-07a25a8507aa.tmp</t>
  </si>
  <si>
    <t>f8109e3d-5519-4fd2-891e-397b81f95fb5.tmp</t>
  </si>
  <si>
    <t>\\acsfs\profiles$\gabriellalpr\Downloads\f8109e3d-5519-4fd2-891e-397b81f95fb5.tmp</t>
  </si>
  <si>
    <t>93114ff5-fb04-404e-9619-6470d06f4d68.tmp</t>
  </si>
  <si>
    <t>\\acsfs\profiles$\marcosvnds\Downloads\93114ff5-fb04-404e-9619-6470d06f4d68.tmp</t>
  </si>
  <si>
    <t>e180a6eb-1fbb-4f9c-8fe8-cdd8dff35a1f.tmp</t>
  </si>
  <si>
    <t>\\acsfs\profiles$\marcosvnds\Downloads\e180a6eb-1fbb-4f9c-8fe8-cdd8dff35a1f.tmp</t>
  </si>
  <si>
    <t>7c0b7dba-8451-4977-a980-19bc5862b779.tmp</t>
  </si>
  <si>
    <t>\\acsfs\profiles$\LUCASBS\Downloads\7c0b7dba-8451-4977-a980-19bc5862b779.tmp</t>
  </si>
  <si>
    <t>3140c3d7-4005-48de-806a-1ca50164067c.tmp</t>
  </si>
  <si>
    <t>\\acsfs\profiles$\felipetds\Downloads\3140c3d7-4005-48de-806a-1ca50164067c.tmp</t>
  </si>
  <si>
    <t>mail.google.com/sync/u/0/i/s?hl=pt-BR&amp;c=581</t>
  </si>
  <si>
    <t>4c0b9227-e670-423a-a2d3-0269cadfc087.tmp</t>
  </si>
  <si>
    <t>\\acsfs\profiles$\leonardobb\Downloads\4c0b9227-e670-423a-a2d3-0269cadfc087.tmp</t>
  </si>
  <si>
    <t>c707899c-1e60-4ce6-b760-b7c9ab7b0a72.tmp</t>
  </si>
  <si>
    <t>\\acsfs\profiles$\geovannasm\Downloads\c707899c-1e60-4ce6-b760-b7c9ab7b0a72.tmp</t>
  </si>
  <si>
    <t>071c428f-5758-4a05-b62f-5624df47c26d.tmp</t>
  </si>
  <si>
    <t>\\acsfs\profiles$\mariajra\Downloads\071c428f-5758-4a05-b62f-5624df47c26d.tmp</t>
  </si>
  <si>
    <t>c9976323-a750-4ef0-9ef3-1c31acdfaeac.tmp</t>
  </si>
  <si>
    <t>\\acsfs\profiles$\mariajra\Downloads\c9976323-a750-4ef0-9ef3-1c31acdfaeac.tmp</t>
  </si>
  <si>
    <t>mail.google.com/sync/u/0/i/s?hl=pt-BR&amp;c=632</t>
  </si>
  <si>
    <t>100014221982664;joaogvc@algartech.com;leonardoao@algartech.com;paulacn@algartech.com;rafaelggs@algartech.com;taysdss@algartech.com;viniciussg@algartech.com;</t>
  </si>
  <si>
    <t>100014221982664,joaogvc@algartech.com,leonardoao@algartech.com,paulacn@algartech.com,rafaelggs@algartech.com,taysdss@algartech.com,viniciussg@algartech.com</t>
  </si>
  <si>
    <t>100014221982664;joaogvc@algartech.com;leonardoao@algartech.com;paulacn@algartech.com;rafaelggs@algartech.com;robsonams@algartech.com;taysdss@algartech.com;viniciussg@algartech.com;</t>
  </si>
  <si>
    <t>100014221982664,joaogvc@algartech.com,leonardoao@algartech.com,paulacn@algartech.com,rafaelggs@algartech.com,robsonams@algartech.com,taysdss@algartech.com,viniciussg@algartech.com</t>
  </si>
  <si>
    <t>RELATORIO DE LOGIN - FINANCEIRA - 06-01.xlsm</t>
  </si>
  <si>
    <t>\\acsfs\DEPTOS\Operacao\PCP\5 - Comum\PLANEJAMENTO BV\14 - ACOMPANHAMENTO\1 - REPORT ACOMPANHAMENTO\2020\1 - JANEIRO\FINANCEIRA\Login Logout Financeira\RELATORIO DE LOGIN - FINANCEIRA - 06-01.xlsm</t>
  </si>
  <si>
    <t>mail.google.com/mail/u/0/jserror?script=https://mail.google.com/mail/u/0/#inbox&amp;error=class$obf_1010: [/sync/u/0/el2] ef: unsupported http status: 503&amp;line=not available&amp;txz=p</t>
  </si>
  <si>
    <t>3a116c50-13b3-4f6f-a0c4-e0098932dd66.tmp</t>
  </si>
  <si>
    <t>\\acsfs\profiles$\henriquehmdo\Downloads\3a116c50-13b3-4f6f-a0c4-e0098932dd66.tmp</t>
  </si>
  <si>
    <t>07/01/2020;andrelpsa@algartech.com;leonardoao@algartech.com;mirianppb@algartech.com;qualidadealgarbv@algartech.com;rafaelggs@algartech.com;robsonams@algartech.com;supervisaobancovotorantim@algartech.com;talmaiardo@algartech.com;</t>
  </si>
  <si>
    <t>07/01/2020,andrelpsa@algartech.com,leonardoao@algartech.com,mirianppb@algartech.com,qualidadealgarbv@algartech.com,rafaelggs@algartech.com,robsonams@algartech.com,supervisaobancovotorantim@algartech.com,talmaiardo@algartech.com</t>
  </si>
  <si>
    <t>dae58171-b95f-4fb0-b50b-471027b7fb38.tmp</t>
  </si>
  <si>
    <t>\\acsfs\profiles$\lorenabmc\Downloads\dae58171-b95f-4fb0-b50b-471027b7fb38.tmp</t>
  </si>
  <si>
    <t>lu1981211oi1u.tmp</t>
  </si>
  <si>
    <t>\\acsfs\profiles$\ALYNYA\My Documents\lu1981211oi1u.tmp</t>
  </si>
  <si>
    <t>\\acsfs\profiles$\ALYNYA\My Documents\lu1981211oi1u.tmp\</t>
  </si>
  <si>
    <t>\\acsfs\profiles$\ALYNYA\My Documents\lu1981211oi1u.tmp\META-INF\</t>
  </si>
  <si>
    <t>\\acsfs\profiles$\ALYNYA\My Documents\lu1981211oi1u.tmp\Thumbnails\</t>
  </si>
  <si>
    <t>b7f792c0-ffa3-4626-80f2-99c697b60dda.tmp</t>
  </si>
  <si>
    <t>\\acsfs\profiles$\LUCASBS\Downloads\b7f792c0-ffa3-4626-80f2-99c697b60dda.tmp</t>
  </si>
  <si>
    <t>80d453ec-4df2-4e4f-924e-21c2c75f5796.tmp</t>
  </si>
  <si>
    <t>\\acsfs\profiles$\felipetds\Downloads\80d453ec-4df2-4e4f-924e-21c2c75f5796.tmp</t>
  </si>
  <si>
    <t>mail.google.com/mail/u/0/jserror?script=https://mail.google.com/mail/u/0/#inbox&amp;error=class$obf_1010: [/sync/u/0/i/bv] ef: unsupported http status: 503&amp;line=not available&amp;txz=p</t>
  </si>
  <si>
    <t>6c3d3f74-d043-46a1-9277-0a465332b7e1.tmp</t>
  </si>
  <si>
    <t>\\acsfs\profiles$\Flaviojmm\Downloads\6c3d3f74-d043-46a1-9277-0a465332b7e1.tmp</t>
  </si>
  <si>
    <t>459b727a-5f1e-460c-acde-616469d11351.tmp</t>
  </si>
  <si>
    <t>\\acsfs\profiles$\luanarda\Downloads\459b727a-5f1e-460c-acde-616469d11351.tmp</t>
  </si>
  <si>
    <t>bfd7cbdf-6915-4ca2-8d2e-639534c44f25.tmp</t>
  </si>
  <si>
    <t>\\acsfs\profiles$\laylaams\Downloads\bfd7cbdf-6915-4ca2-8d2e-639534c44f25.tmp</t>
  </si>
  <si>
    <t>3f4cdd51-ed82-4f46-9a31-84aead813484.tmp</t>
  </si>
  <si>
    <t>\\acsfs\profiles$\laylaams\Downloads\3f4cdd51-ed82-4f46-9a31-84aead813484.tmp</t>
  </si>
  <si>
    <t>\\acsfs\DEPTOS\Operacao\Banco_Votorantim\Supervisao\SUPERS BV CARTÕES\ADILSON\JOAO VICTOR\</t>
  </si>
  <si>
    <t>\\acsfs\DEPTOS\Operacao\Banco_Votorantim\Supervisao\SUPERS BV CARTÕES\ADILSON\JOAO VICTOR\Thumbs.db</t>
  </si>
  <si>
    <t>08dc62b2-d4b9-468d-bed6-fc90b71bd3d1.tmp</t>
  </si>
  <si>
    <t>\\acsfs\profiles$\dhiulliananads\Downloads\08dc62b2-d4b9-468d-bed6-fc90b71bd3d1.tmp</t>
  </si>
  <si>
    <t>80b7178a-e60c-4bac-b716-280a1f9654fc.tmp</t>
  </si>
  <si>
    <t>\\acsfs\profiles$\antoniosva\Downloads\80b7178a-e60c-4bac-b716-280a1f9654fc.tmp</t>
  </si>
  <si>
    <t>\\acsfs\profiles$\marcosvnds\My Documents\dbxwc\</t>
  </si>
  <si>
    <t>\\acsfs\profiles$\marcosvnds\My Documents\dbxwc\dbxwc.xwc</t>
  </si>
  <si>
    <t>409368b5-12bd-41c7-9c5e-6461bf9b0207.tmp</t>
  </si>
  <si>
    <t>\\acsfs\profiles$\nathaliarmr\Downloads\409368b5-12bd-41c7-9c5e-6461bf9b0207.tmp</t>
  </si>
  <si>
    <t>Vendas Dezembro.txt</t>
  </si>
  <si>
    <t>\\acsfs\profiles$\lucasgpe\Desktop\Vendas Dezembro.txt</t>
  </si>
  <si>
    <t>fernandaab@algartech.com;talmaiardo@algartech.com;</t>
  </si>
  <si>
    <t>fernandaab@algartech.com,talmaiardo@algartech.com</t>
  </si>
  <si>
    <t>fernandaab@algartech.com;talmaiardo@algartech.com;thiagord@algartech.com;</t>
  </si>
  <si>
    <t>fernandaab@algartech.com,talmaiardo@algartech.com,thiagord@algartech.com</t>
  </si>
  <si>
    <t>fernandaab@algartech.com;talmaiardo@algartech.com;thiagordu@algartech.com;</t>
  </si>
  <si>
    <t>fernandaab@algartech.com,talmaiardo@algartech.com,thiagordu@algartech.com</t>
  </si>
  <si>
    <t>fernandaab@algartech.com;talmaiardo@algartech.com;thiagord@algartech.com;thiagordu@algartech.com;</t>
  </si>
  <si>
    <t>fernandaab@algartech.com,talmaiardo@algartech.com,thiagord@algartech.com,thiagordu@algartech.com</t>
  </si>
  <si>
    <t>http:///batch?%24ct=multipart%2Fmixed%3B%20boundary%3D%22%3D%3D%3D%3D%3Dkgco3clrt1ul%3D%3D%3D%3D%3D%22&amp;key=AIzaSyAy9VVXHSpS2IJpptzYtGbLP3-3_l0aBk4</t>
  </si>
  <si>
    <t>1714774998;ancestorhasaugmentedpermissions;containsunsubscribedchildren;displayname;domain;emailaddress;false;file(kind;fileid;filesize;hasthumbnail;hasvisitorpermissions;id;id);items(deleted;ken;kind;lastmodifyinguser(kind;lastviewedbymedate;m85uxjhj15wl1ouxevlta4g-uh77rsxggjkcersa0jieu3yzomk9hvwg2qxgllkdnkkdcijgtrlztnejexgxs8urrgsub2xpyfi4e2-qhuwmpxvveodapccungpeb13k_oi_nizhiltnwzoagquc0ooxrnqrth0ihsb-q_u9jh6fv5umyyryl_j8qt3fyxzgmj2myktbh2qzj39qlqcqcnwlb6jr78sl93uxccpapx8kpkn7kijkfhmbud8_s9y;modifiedbymedate;modifieddate;null;ontainsunsubscribedchildren;owners(kind;per;permissionid;picture;shared;sharedwithmedate;thumbnailversion;title;true]";ungpeb13k_oi_nizhiltnwzoagquc0ooxrnqrth0ihsb-q_u9jh6fv5umyyryl_j8qt3fyxzgmj2myktbh2qzj39qlqcqcnwlb6jr78sl93uxccpapx8kpkn7kijkfhmbud8_s9yishbtt9rcgmd_8gtuefwnxtuskv3qomf0js8vwrdujedwx_c3lohvcpjhxjfnjlox_s69bvkvlsynkoivzcqurtiyl6xc_txn0haj8a6vghyt-sfxi8ctzj8yzebwfa2alvuh046hjelbh52kwz2b0hi-incibokdromdxl1a\";userpermission(role);workspaceids;</t>
  </si>
  <si>
    <t>http://1714774998,ancestorhasaugmentedpermissions,containsunsubscribedchildren,displayname,domain,emailaddress,false,file(kind,fileid,filesize,hasthumbnail,hasvisitorpermissions,id,id),items(deleted,ken,kind,lastmodifyinguser(kind,lastviewedbymedate,m85uxjhj15wl1ouxevlta4g-uh77rsxggjkcersa0jieu3yzomk9hvwg2qxgllkdnkkdcijgtrlztnejexgxs8urrgsub2xpyfi4e2-qhuwmpxvveodapccungpeb13k_oi_nizhiltnwzoagquc0ooxrnqrth0ihsb-q_u9jh6fv5umyyryl_j8qt3fyxzgmj2myktbh2qzj39qlqcqcnwlb6jr78sl93uxccpapx8kpkn7kijkfhmbud8_s9y,modifiedbymedate,modifieddate,null,ontainsunsubscribedchildren,owners(kind,per,permissionid,picture,shared,sharedwithmedate,thumbnailversion,title,true]",ungpeb13k_oi_nizhiltnwzoagquc0ooxrnqrth0ihsb-q_u9jh6fv5umyyryl_j8qt3fyxzgmj2myktbh2qzj39qlqcqcnwlb6jr78sl93uxccpapx8kpkn7kijkfhmbud8_s9yishbtt9rcgmd_8gtuefwnxtuskv3qomf0js8vwrdujedwx_c3lohvcpjhxjfnjlox_s69bvkvlsynkoivzcqurtiyl6xc_txn0haj8a6vghyt-sfxi8ctzj8yzebwfa2alvuh046hjelbh52kwz2b0hi-incibokdromdxl1a\",userpermission(role),workspaceids</t>
  </si>
  <si>
    <t>http:///batch?%24ct=multipart%2Fmixed%3B%20boundary%3D%22%3D%3D%3D%3D%3Dhl5axbw4xw6z%3D%3D%3D%3D%3D%22&amp;key=AIzaSyAy9VVXHSpS2IJpptzYtGbLP3-3_l0aBk4</t>
  </si>
  <si>
    <t>http:///batch?%24ct=multipart%2Fmixed%3B%20boundary%3D%22%3D%3D%3D%3D%3Dmmmnk4z0k57q%3D%3D%3D%3D%3D%22&amp;key=AIzaSyAy9VVXHSpS2IJpptzYtGbLP3-3_l0aBk4</t>
  </si>
  <si>
    <t>472e4dac-a8c6-49a4-99ed-8ff7c2e7a9ce.tmp</t>
  </si>
  <si>
    <t>\\acsfs\profiles$\camillaleb\Downloads\472e4dac-a8c6-49a4-99ed-8ff7c2e7a9ce.tmp</t>
  </si>
  <si>
    <t>5abfd79c-2a3e-48b3-8862-7366231198c7.tmp</t>
  </si>
  <si>
    <t>\\acsfs\profiles$\larissaad\Downloads\5abfd79c-2a3e-48b3-8862-7366231198c7.tmp</t>
  </si>
  <si>
    <t>ca5ead92-9484-47a4-8c10-79093206758c.tmp</t>
  </si>
  <si>
    <t>\\acsfs\profiles$\vivianalds\Downloads\ca5ead92-9484-47a4-8c10-79093206758c.tmp</t>
  </si>
  <si>
    <t>http:///batch?%24ct=multipart%2Fmixed%3B%20boundary%3D%22%3D%3D%3D%3D%3D3z801zu0fe4g%3D%3D%3D%3D%3D%22&amp;key=AIzaSyAy9VVXHSpS2IJpptzYtGbLP3-3_l0aBk4</t>
  </si>
  <si>
    <t>1714774998;ancest;ancestorhasaugmentedpermissions;containsunsubscribedchildren;displayname;domain;emailaddress;false;file(kind;fileid;filesize;hasthumbnail;hasvisitorpermissions;id;id);items(deleted;ken;kind;lastmodifyinguser(kind;lastviewedbymedate;m85uxjhj15wl1ouxevlta4g-uh77rsxggjkcersa0jieu3yzomk9hvwg2qxgllkdnkkdcijgtrlztnejexgxs8urrgsub2xpyfi4e2-qhuwmpxvveodapccungpeb13k_oi_nizhiltnwzoagquc0ooxrnqrth0ihsb-q_u9jh6fv5umyyryl_j8qt3fyxzgmj2myktbh2qzj39qlqcqcnwlb6jr78sl93uxccpapx8kpkn7kijkfhmbud8_s9y;modifiedbymedate;modifieddate;null;ontainsunsubscribedchildren;owners(kind;per;permissionid;pictu;picture;rpermissions;shared;sharedwithmedate;thumbnailversion;title;true]";ungpeb13k_oi_nizhiltnwzoagquc0ooxrnqrth0ihsb-q_u9jh6fv5umyyryl_j8qt3fyxzgmj2myktbh2qzj39qlqcqcnwlb6jr78sl93uxccpapx8kpkn7kijkfhmbud8_s9yishbtt9rcgmd_8gtuefwnxtuskv3qomf0js8vwrdujedwx_c3lohvcpjhxjfnjlox_s69bvkvlsynkoivzcqurtiyl6xc_txn0haj8a6vghyt-sfxi8ctzj8yzebwfagalvuhhu3skyei0xulwde5fiy_upupdy5gngvpa1-m\";ungpeb13k_oi_nizhiltnwzoagquc0ooxrnqr</t>
  </si>
  <si>
    <t>http://1714774998,ancest,ancestorhasaugmentedpermissions,containsunsubscribedchildren,displayname,domain,emailaddress,false,file(kind,fileid,filesize,hasthumbnail,hasvisitorpermissions,id,id),items(deleted,ken,kind,lastmodifyinguser(kind,lastviewedbymedate,m85uxjhj15wl1ouxevlta4g-uh77rsxggjkcersa0jieu3yzomk9hvwg2qxgllkdnkkdcijgtrlztnejexgxs8urrgsub2xpyfi4e2-qhuwmpxvveodapccungpeb13k_oi_nizhiltnwzoagquc0ooxrnqrth0ihsb-q_u9jh6fv5umyyryl_j8qt3fyxzgmj2myktbh2qzj39qlqcqcnwlb6jr78sl93uxccpapx8kpkn7kijkfhmbud8_s9y,modifiedbymedate,modifieddate,null,ontainsunsubscribedchildren,owners(kind,per,permissionid,pictu,picture,rpermissions,shared,sharedwithmedate,thumbnailversion,title,true]",ungpeb13k_oi_nizhiltnwzoagquc0ooxrnqrth0ihsb-q_u9jh6fv5umyyryl_j8qt3fyxzgmj2myktbh2qzj39qlqcqcnwlb6jr78sl93uxccpapx8kpkn7kijkfhmbud8_s9yishbtt9rcgmd_8gtuefwnxtuskv3qomf0js8vwrdujedwx_c3lohvcpjhxjfnjlox_s69bvkvlsynkoivzcqurtiyl6xc_txn0haj8a6vghyt-sfxi8ctzj8yzebwfagalvuhhu3skyei0xulwde5fiy_upupdy5gngvpa1-m\",ungpeb13k_oi_nizhiltnwzoagquc0</t>
  </si>
  <si>
    <t>http:///batch?%24ct=multipart%2Fmixed%3B%20boundary%3D%22%3D%3D%3D%3D%3D7ed3wvs8najy%3D%3D%3D%3D%3D%22&amp;key=AIzaSyAy9VVXHSpS2IJpptzYtGbLP3-3_l0aBk4</t>
  </si>
  <si>
    <t>http:///batch?%24ct=multipart%2Fmixed%3B%20boundary%3D%22%3D%3D%3D%3D%3D1q2jnwfgy5av%3D%3D%3D%3D%3D%22&amp;key=AIzaSyAy9VVXHSpS2IJpptzYtGbLP3-3_l0aBk4</t>
  </si>
  <si>
    <t>mail.google.com/sync/u/0/i/s?hl=pt-BR&amp;c=203</t>
  </si>
  <si>
    <t>1c2a4609-4cf0-496f-9366-ff1cfa01bdb5.tmp</t>
  </si>
  <si>
    <t>\\acsfs\profiles$\lorrainerdl\Downloads\1c2a4609-4cf0-496f-9366-ff1cfa01bdb5.tmp</t>
  </si>
  <si>
    <t>429a1839-ea97-44cc-9dc1-74dfb2a7c344.tmp</t>
  </si>
  <si>
    <t>\\acsfs\profiles$\quindaizaagds\Downloads\429a1839-ea97-44cc-9dc1-74dfb2a7c344.tmp</t>
  </si>
  <si>
    <t>c320eb8e-0785-438a-85a2-69b2cf1c84fe.tmp</t>
  </si>
  <si>
    <t>\\acsfs\profiles$\larissaad\Downloads\c320eb8e-0785-438a-85a2-69b2cf1c84fe.tmp</t>
  </si>
  <si>
    <t>e45946fc-8c2f-4136-b518-a88fff58828d.tmp</t>
  </si>
  <si>
    <t>\\acsfs\profiles$\larissaad\Downloads\e45946fc-8c2f-4136-b518-a88fff58828d.tmp</t>
  </si>
  <si>
    <t>1c6db423-3c5b-4f73-a613-aa0d2b719d6c.tmp</t>
  </si>
  <si>
    <t>\\acsfs\profiles$\larissaad\Downloads\1c6db423-3c5b-4f73-a613-aa0d2b719d6c.tmp</t>
  </si>
  <si>
    <t>51544c67-6f19-4da9-8c3a-787cd28b351f.tmp</t>
  </si>
  <si>
    <t>\\acsfs\profiles$\larissaad\Downloads\51544c67-6f19-4da9-8c3a-787cd28b351f.tmp</t>
  </si>
  <si>
    <t>5a97f745-f8b9-470f-bc61-247d324424de.tmp</t>
  </si>
  <si>
    <t>\\acsfs\profiles$\maxmillianosv\Downloads\5a97f745-f8b9-470f-bc61-247d324424de.tmp</t>
  </si>
  <si>
    <t>lu144321cgow4.tmp</t>
  </si>
  <si>
    <t>\\acsfs\profiles$\dhiulliananads\My Documents\lu144321cgow4.tmp</t>
  </si>
  <si>
    <t>\\acsfs\profiles$\dhiulliananads\My Documents\lu144321cgow4.tmp\</t>
  </si>
  <si>
    <t>\\acsfs\profiles$\dhiulliananads\My Documents\lu144321cgow4.tmp\META-INF\</t>
  </si>
  <si>
    <t>\\acsfs\profiles$\dhiulliananads\My Documents\lu144321cgow4.tmp\Thumbnails\</t>
  </si>
  <si>
    <t>359c0486-e475-4a35-8f79-5b63f4d01137.tmp</t>
  </si>
  <si>
    <t>\\acsfs\profiles$\lorenabmc\Downloads\359c0486-e475-4a35-8f79-5b63f4d01137.tmp</t>
  </si>
  <si>
    <t>12 - ADERENCIA JANEIRO - Leonora - Copia.xlsx</t>
  </si>
  <si>
    <t>725dfffc-cfc5-49c8-afdf-a751b69b5323.tmp</t>
  </si>
  <si>
    <t>\\acsfs\profiles$\websondsa\Downloads\725dfffc-cfc5-49c8-afdf-a751b69b5323.tmp</t>
  </si>
  <si>
    <t>57967e31-18eb-4ad1-8bc7-648300f6b9a7.tmp</t>
  </si>
  <si>
    <t>\\acsfs\profiles$\quindaizaagds\Downloads\57967e31-18eb-4ad1-8bc7-648300f6b9a7.tmp</t>
  </si>
  <si>
    <t>abd70c80-aaa6-4914-9ae1-eb79cc101cd6.tmp</t>
  </si>
  <si>
    <t>\\acsfs\profiles$\quindaizaagds\Downloads\abd70c80-aaa6-4914-9ae1-eb79cc101cd6.tmp</t>
  </si>
  <si>
    <t>cf097318-ef05-4326-b493-15038e5b970b.tmp</t>
  </si>
  <si>
    <t>\\acsfs\profiles$\larissaad\Downloads\cf097318-ef05-4326-b493-15038e5b970b.tmp</t>
  </si>
  <si>
    <t>0f41062e-4799-41cd-8687-26489a611ba7.tmp</t>
  </si>
  <si>
    <t>\\acsfs\profiles$\LAISLG\Downloads\0f41062e-4799-41cd-8687-26489a611ba7.tmp</t>
  </si>
  <si>
    <t>mail.google.com/_/upload?authuser=0&amp;dcp=asu-n&amp;upload_id=AEnB2UoxdRmVrb62MY_28RYS5yphWFfC6ScH4ma2x3o3-OEH5hkoCUuug9-_wpqEF83AupbinrWRPpTOV-L1U4lwA4TnN69MzwwDgw3kVraBDYqzxWcfdf8&amp;upload_protocol=resumable</t>
  </si>
  <si>
    <t>C:\Users\marcospr\Downloads\</t>
  </si>
  <si>
    <t>FSW - Controle de Demandas - Whirlpool.xlsx</t>
  </si>
  <si>
    <t>5be858e8-1bb7-4e92-9211-7e6dfd4d0187.tmp</t>
  </si>
  <si>
    <t>\\acsfs\profiles$\claudiajca\Downloads\5be858e8-1bb7-4e92-9211-7e6dfd4d0187.tmp</t>
  </si>
  <si>
    <t>mail.google.com/sync/u/0/i/s?hl=pt-BR&amp;c=804</t>
  </si>
  <si>
    <t>mail.google.com/sync/u/0/i/s?hl=pt-BR&amp;c=806</t>
  </si>
  <si>
    <t>mail.google.com/sync/u/0/i/s?hl=pt-BR&amp;c=808</t>
  </si>
  <si>
    <t>mail.google.com/sync/u/0/i/s?hl=pt-BR&amp;c=810</t>
  </si>
  <si>
    <t>mail.google.com/sync/u/0/i/s?hl=pt-BR&amp;c=813</t>
  </si>
  <si>
    <t>mail.google.com/sync/u/0/i/s?hl=pt-BR&amp;c=815</t>
  </si>
  <si>
    <t>33f3b28f-4fbf-48e6-b952-711550f498df.tmp</t>
  </si>
  <si>
    <t>\\acsfs\profiles$\geovannasm\Downloads\33f3b28f-4fbf-48e6-b952-711550f498df.tmp</t>
  </si>
  <si>
    <t>2e98346e-b257-459e-8e9a-136c7ff27d88.tmp</t>
  </si>
  <si>
    <t>\\acsfs\profiles$\geovannasm\Downloads\2e98346e-b257-459e-8e9a-136c7ff27d88.tmp</t>
  </si>
  <si>
    <t>Edicarlos -27-11-19 18-24_1_6764096930301676506_1_32.wav</t>
  </si>
  <si>
    <t>\\acsfs\DEPTOS\EDUCACAO EMPRESARIAL\2 - Operações\0 - BV\5 - QUALIDADE\Nova pasta\jose\Edicarlos -27-11-19 18-24_1_6764096930301676506_1_32.wav</t>
  </si>
  <si>
    <t>ff86acaf-adc0-410c-b99e-c24572625366.tmp</t>
  </si>
  <si>
    <t>\\acsfs\profiles$\gabrielarb\Downloads\ff86acaf-adc0-410c-b99e-c24572625366.tmp</t>
  </si>
  <si>
    <t>563fca63-9a98-4fec-82b2-9630ed38da95.tmp</t>
  </si>
  <si>
    <t>\\acsfs\profiles$\gabrielarb\Downloads\563fca63-9a98-4fec-82b2-9630ed38da95.tmp</t>
  </si>
  <si>
    <t>248199ae-b872-4377-bc82-39b974169a5a.tmp</t>
  </si>
  <si>
    <t>\\acsfs\profiles$\gabrielarb\Downloads\248199ae-b872-4377-bc82-39b974169a5a.tmp</t>
  </si>
  <si>
    <t>a22cbe13-e315-4409-9b0c-ce97a437ce3b.tmp</t>
  </si>
  <si>
    <t>\\acsfs\profiles$\gabrielarb\Downloads\a22cbe13-e315-4409-9b0c-ce97a437ce3b.tmp</t>
  </si>
  <si>
    <t>lu123400v7s3q9.tmp</t>
  </si>
  <si>
    <t>\\acsfs\DEPTOS\Operacao\Banco_Votorantim\Supervisao\SUPERS BV CARTÕES\ANA VITORIA\APOIO\lu123400v7s3q9.tmp</t>
  </si>
  <si>
    <t>lu123400v7s3qf.tmp</t>
  </si>
  <si>
    <t>\\acsfs\DEPTOS\Operacao\Banco_Votorantim\Supervisao\SUPERS BV CARTÕES\ANA VITORIA\APOIO\lu123400v7s3qf.tmp</t>
  </si>
  <si>
    <t>\\acsfs\DEPTOS\Operacao\Banco_Votorantim\Supervisao\SUPERS BV CARTÕES\ANA VITORIA\APOIO\lu123400v7s3qf.tmp\</t>
  </si>
  <si>
    <t>\\acsfs\DEPTOS\Operacao\Banco_Votorantim\Supervisao\SUPERS BV CARTÕES\ANA VITORIA\APOIO\lu123400v7s3qf.tmp\META-INF\</t>
  </si>
  <si>
    <t>\\acsfs\DEPTOS\Operacao\Banco_Votorantim\Supervisao\SUPERS BV CARTÕES\ANA VITORIA\APOIO\lu123400v7s3qf.tmp\Thumbnails\</t>
  </si>
  <si>
    <t>https://algar.folhasinergyrh.com.br/dependente/upload?id=0&amp;idsolicitacao=19017&amp;nomedependente=davi lucca alves canuto</t>
  </si>
  <si>
    <t>documentaaoparainclusodedependente.zip</t>
  </si>
  <si>
    <t>C:\Users\raicdf\Downloads\documentaaoparainclusodedependente.zip\</t>
  </si>
  <si>
    <t>20200107_130324.jpg</t>
  </si>
  <si>
    <t>20200107_130346.jpg</t>
  </si>
  <si>
    <t>20200107_130402.jpg</t>
  </si>
  <si>
    <t>20200107_130510.jpg</t>
  </si>
  <si>
    <t>20200107_130537.jpg</t>
  </si>
  <si>
    <t>35dc995f-83b1-420d-b142-8585c9541c16.tmp</t>
  </si>
  <si>
    <t>\\acsfs\profiles$\brendadsl\Downloads\35dc995f-83b1-420d-b142-8585c9541c16.tmp</t>
  </si>
  <si>
    <t>f283a063-c76c-4302-8727-58df32ae7b4e.tmp</t>
  </si>
  <si>
    <t>\\acsfs\profiles$\brendadsl\Downloads\f283a063-c76c-4302-8727-58df32ae7b4e.tmp</t>
  </si>
  <si>
    <t>ee74a3d3-05a9-40a7-a322-a723c0be1ceb.tmp</t>
  </si>
  <si>
    <t>\\acsfs\profiles$\brendadsl\Downloads\ee74a3d3-05a9-40a7-a322-a723c0be1ceb.tmp</t>
  </si>
  <si>
    <t>ef8328c8-4488-42ea-9b4d-01dc42373a1a.tmp</t>
  </si>
  <si>
    <t>\\acsfs\profiles$\brendadsl\Downloads\ef8328c8-4488-42ea-9b4d-01dc42373a1a.tmp</t>
  </si>
  <si>
    <t>44bde423-eea7-4ab5-aa2c-2d0a0ce822d5.tmp</t>
  </si>
  <si>
    <t>\\acsfs\profiles$\brendadsl\Downloads\44bde423-eea7-4ab5-aa2c-2d0a0ce822d5.tmp</t>
  </si>
  <si>
    <t>a2ac78cd-848b-439f-8d8a-a837a7692d9c.tmp</t>
  </si>
  <si>
    <t>\\acsfs\profiles$\brendadsl\Downloads\a2ac78cd-848b-439f-8d8a-a837a7692d9c.tmp</t>
  </si>
  <si>
    <t>b842ad88-3487-4bdd-b416-6c1ad5f59686.tmp</t>
  </si>
  <si>
    <t>\\acsfs\profiles$\leonardobb\Downloads\b842ad88-3487-4bdd-b416-6c1ad5f59686.tmp</t>
  </si>
  <si>
    <t>b214615c-5225-401f-825f-4ece04234747.tmp</t>
  </si>
  <si>
    <t>\\acsfs\profiles$\leonardobb\Downloads\b214615c-5225-401f-825f-4ece04234747.tmp</t>
  </si>
  <si>
    <t>1f5d3cd8-0639-4487-8e99-724a19dee5e9.tmp</t>
  </si>
  <si>
    <t>\\acsfs\profiles$\claudiajca\Downloads\1f5d3cd8-0639-4487-8e99-724a19dee5e9.tmp</t>
  </si>
  <si>
    <t>lu144321cgowf.tmp</t>
  </si>
  <si>
    <t>\\acsfs\profiles$\dhiulliananads\My Documents\lu144321cgowf.tmp</t>
  </si>
  <si>
    <t>\\acsfs\profiles$\dhiulliananads\My Documents\lu144321cgowf.tmp\</t>
  </si>
  <si>
    <t>\\acsfs\profiles$\dhiulliananads\My Documents\lu144321cgowf.tmp\META-INF\</t>
  </si>
  <si>
    <t>\\acsfs\profiles$\dhiulliananads\My Documents\lu144321cgowf.tmp\Thumbnails\</t>
  </si>
  <si>
    <t>e21a156c-8f38-405f-a3f9-74fe9d76236d.tmp</t>
  </si>
  <si>
    <t>\\acsfs\profiles$\andrezacapf\Downloads\e21a156c-8f38-405f-a3f9-74fe9d76236d.tmp</t>
  </si>
  <si>
    <t>088d5b96-4034-4aa7-9689-240a75d9378a.tmp</t>
  </si>
  <si>
    <t>\\acsfs\profiles$\andrezacapf\Downloads\088d5b96-4034-4aa7-9689-240a75d9378a.tmp</t>
  </si>
  <si>
    <t>39730399-d934-4a17-a27b-0ba38a6a843d.tmp</t>
  </si>
  <si>
    <t>\\acsfs\profiles$\andrezacapf\Downloads\39730399-d934-4a17-a27b-0ba38a6a843d.tmp</t>
  </si>
  <si>
    <t>d19e33e3-d3a9-4b65-a63e-629e73fc4c83.tmp</t>
  </si>
  <si>
    <t>\\acsfs\profiles$\andrezacapf\Downloads\d19e33e3-d3a9-4b65-a63e-629e73fc4c83.tmp</t>
  </si>
  <si>
    <t>7eef0d55-77e3-427c-b275-024734c6ec42.tmp</t>
  </si>
  <si>
    <t>\\acsfs\profiles$\andrezacapf\Downloads\7eef0d55-77e3-427c-b275-024734c6ec42.tmp</t>
  </si>
  <si>
    <t>b56de874-b4a0-457a-97ba-d85d19104d08.tmp</t>
  </si>
  <si>
    <t>\\acsfs\profiles$\andrezacapf\Downloads\b56de874-b4a0-457a-97ba-d85d19104d08.tmp</t>
  </si>
  <si>
    <t>d39cef7e-d64e-47f7-bf1b-0f588ea529d2.tmp</t>
  </si>
  <si>
    <t>\\acsfs\profiles$\andrezacapf\Downloads\d39cef7e-d64e-47f7-bf1b-0f588ea529d2.tmp</t>
  </si>
  <si>
    <t>0bafcb21-d25f-4de1-b605-65edb08061ab.tmp</t>
  </si>
  <si>
    <t>\\acsfs\profiles$\francislayneads\Downloads\0bafcb21-d25f-4de1-b605-65edb08061ab.tmp</t>
  </si>
  <si>
    <t>lu144321cgowl.tmp</t>
  </si>
  <si>
    <t>\\acsfs\profiles$\dhiulliananads\My Documents\lu144321cgowl.tmp</t>
  </si>
  <si>
    <t>\\acsfs\profiles$\dhiulliananads\My Documents\lu144321cgowl.tmp\</t>
  </si>
  <si>
    <t>\\acsfs\profiles$\dhiulliananads\My Documents\lu144321cgowl.tmp\META-INF\</t>
  </si>
  <si>
    <t>\\acsfs\profiles$\dhiulliananads\My Documents\lu144321cgowl.tmp\Thumbnails\</t>
  </si>
  <si>
    <t>lu144321cgowr.tmp</t>
  </si>
  <si>
    <t>\\acsfs\profiles$\dhiulliananads\My Documents\lu144321cgowr.tmp</t>
  </si>
  <si>
    <t>\\acsfs\profiles$\dhiulliananads\My Documents\lu144321cgowr.tmp\</t>
  </si>
  <si>
    <t>\\acsfs\profiles$\dhiulliananads\My Documents\lu144321cgowr.tmp\META-INF\</t>
  </si>
  <si>
    <t>\\acsfs\profiles$\dhiulliananads\My Documents\lu144321cgowr.tmp\Thumbnails\</t>
  </si>
  <si>
    <t>d02be825-36f0-45e4-a10d-2371300f8335.tmp</t>
  </si>
  <si>
    <t>\\acsfs\profiles$\leonardobb\Downloads\d02be825-36f0-45e4-a10d-2371300f8335.tmp</t>
  </si>
  <si>
    <t>a3d90781-5829-4a0f-b649-ad288531f9f3.tmp</t>
  </si>
  <si>
    <t>\\acsfs\profiles$\quindaizaagds\Downloads\a3d90781-5829-4a0f-b649-ad288531f9f3.tmp</t>
  </si>
  <si>
    <t>Não confirmado 206426.crdownload</t>
  </si>
  <si>
    <t>\\acsfs\ACS\Gabriel da Silva\Contemporânea\NPS\NPS_Voz\Janeiro.20\Não confirmado 206426.crdownload</t>
  </si>
  <si>
    <t>3ec33119-c42a-4397-a107-d35147f4df13.tmp</t>
  </si>
  <si>
    <t>\\acsfs\profiles$\andrezacapf\Downloads\3ec33119-c42a-4397-a107-d35147f4df13.tmp</t>
  </si>
  <si>
    <t>3b38377d-2abd-4ad6-86b9-44d7fdad0395.tmp</t>
  </si>
  <si>
    <t>\\acsfs\profiles$\andrezacapf\Downloads\3b38377d-2abd-4ad6-86b9-44d7fdad0395.tmp</t>
  </si>
  <si>
    <t>818690d9-2c14-4a88-ab3b-72ba7a9f5b17.tmp</t>
  </si>
  <si>
    <t>\\acsfs\profiles$\andrezacapf\Downloads\818690d9-2c14-4a88-ab3b-72ba7a9f5b17.tmp</t>
  </si>
  <si>
    <t>3d0c025b-c531-4a6c-b101-56ccf2bd1da1.tmp</t>
  </si>
  <si>
    <t>\\acsfs\profiles$\nayarasds\Downloads\3d0c025b-c531-4a6c-b101-56ccf2bd1da1.tmp</t>
  </si>
  <si>
    <t>10.200.67.168</t>
  </si>
  <si>
    <t>78-2B-CB-C1-07-47</t>
  </si>
  <si>
    <t>VOTORANT-JB007</t>
  </si>
  <si>
    <t>REGIS AUGUSTO DA SILVA ABREU (25002).contact</t>
  </si>
  <si>
    <t>\\acsfs\profiles$\regisadsa\Contacts\REGIS AUGUSTO DA SILVA ABREU (25002).contact</t>
  </si>
  <si>
    <t>mail.google.com/_/upload?authuser=0&amp;dcp=asu-n&amp;upload_id=AEnB2Uqa7HLFOvfilctZTo2U9_WgLBGg-jX6dpRa6Ei-sDEITAHF-AzugdrF3CNp-64JWn4oFrJLQgcYShvzWufVW1SVPgzjJtFxqWgyYFTxUuRQJqXng9Y&amp;upload_protocol=resumable</t>
  </si>
  <si>
    <t>ludimilatm@algartech.com;</t>
  </si>
  <si>
    <t>\\udpavonfs01\AVON\00 - ADERÊNCIA TTV\2020\01 - JANEIRO\</t>
  </si>
  <si>
    <t>21004_FV1 - JANEIRO.xlsx</t>
  </si>
  <si>
    <t>ludimilatm@algartech.com</t>
  </si>
  <si>
    <t>a005f57c-7332-4d7e-9938-cc0587d755bb.tmp</t>
  </si>
  <si>
    <t>\\acsfs\profiles$\regisadsa\Downloads\a005f57c-7332-4d7e-9938-cc0587d755bb.tmp</t>
  </si>
  <si>
    <t>87dfb85a-7ea1-4995-9184-a451b1a638a7.tmp</t>
  </si>
  <si>
    <t>\\acsfs\profiles$\regisadsa\Downloads\87dfb85a-7ea1-4995-9184-a451b1a638a7.tmp</t>
  </si>
  <si>
    <t>\\acsfs\profiles$\brendadsl\My Documents\Blocos\</t>
  </si>
  <si>
    <t>Bloco Reneg.txt</t>
  </si>
  <si>
    <t>\\acsfs\profiles$\brendadsl\My Documents\Blocos\Bloco Reneg.txt</t>
  </si>
  <si>
    <t>b286d683-50f1-444f-bcf5-a0c8ba22ee74.tmp</t>
  </si>
  <si>
    <t>\\acsfs\profiles$\isabellegtds\Downloads\b286d683-50f1-444f-bcf5-a0c8ba22ee74.tmp</t>
  </si>
  <si>
    <t>470def6e-c34b-4048-b740-45fdbbdb35e7.tmp</t>
  </si>
  <si>
    <t>\\acsfs\profiles$\lorrainerdl\Downloads\470def6e-c34b-4048-b740-45fdbbdb35e7.tmp</t>
  </si>
  <si>
    <t>99d8d1f9-6218-4194-816e-2bb33f3a3c7a.tmp</t>
  </si>
  <si>
    <t>\\acsfs\profiles$\lorrainerdl\Downloads\99d8d1f9-6218-4194-816e-2bb33f3a3c7a.tmp</t>
  </si>
  <si>
    <t>http:///batch?%24ct=multipart%2Fmixed%3B%20boundary%3D%22%3D%3D%3D%3D%3Dw8vyypcr09k0%3D%3D%3D%3D%3D%22&amp;key=AIzaSyAy9VVXHSpS2IJpptzYtGbLP3-3_l0aBk4</t>
  </si>
  <si>
    <t>http:///batch?%24ct=multipart%2Fmixed%3B%20boundary%3D%22%3D%3D%3D%3D%3Dn3mjszhcl3oy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http:///batch?%24ct=multipart%2Fmixed%3B%20boundary%3D%22%3D%3D%3D%3D%3Dttwjxugwlm10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http:///batch?%24ct=multipart%2Fmixed%3B%20boundary%3D%22%3D%3D%3D%3D%3Di27h68j76e7k%3D%3D%3D%3D%3D%22&amp;key=AIzaSyAy9VVXHSpS2IJpptzYtGbLP3-3_l0aBk4</t>
  </si>
  <si>
    <t>http:///batch?%24ct=multipart%2Fmixed%3B%20boundary%3D%22%3D%3D%3D%3D%3Djplo559q1ak%3D%3D%3D%3D%3D%22&amp;key=AIzaSyAy9VVXHSpS2IJpptzYtGbLP3-3_l0aBk4</t>
  </si>
  <si>
    <t>http:///batch?%24ct=multipart%2Fmixed%3B%20boundary%3D%22%3D%3D%3D%3D%3Dtf937g7bgl0b%3D%3D%3D%3D%3D%22&amp;key=AIzaSyAy9VVXHSpS2IJpptzYtGbLP3-3_l0aBk4</t>
  </si>
  <si>
    <t>ancestorhasaugmen;ancestorhasaugmentedpermissions;containsunsubscribedchildren;displayname;domain;emaila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,ancestorhasaugmentedpermissions,containsunsubscribedchildren,displayname,domain,emaila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oyfx65sjwpl9%3D%3D%3D%3D%3D%22&amp;key=AIzaSyAy9VVXHSpS2IJpptzYtGbLP3-3_l0aBk4</t>
  </si>
  <si>
    <t>http:///batch?%24ct=multipart%2Fmixed%3B%20boundary%3D%22%3D%3D%3D%3D%3D2mwmfnve51sr%3D%3D%3D%3D%3D%22&amp;key=AIzaSyAy9VVXHSpS2IJpptzYtGbLP3-3_l0aBk4</t>
  </si>
  <si>
    <t>http:///batch?%24ct=multipart%2Fmixed%3B%20boundary%3D%22%3D%3D%3D%3D%3Dufo65lqn36g8%3D%3D%3D%3D%3D%22&amp;key=AIzaSyAy9VVXHSpS2IJpptzYtGbLP3-3_l0aBk4</t>
  </si>
  <si>
    <t>ancest;ancestorhasaugmen;ancestorhasaugmentedpermissions;containsunsubscribedchildren;displayname;domain;emaila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,ancestorhasaugmentedpermissions,containsunsubscribedchildren,displayname,domain,emaila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u6cp4ap70fb3%3D%3D%3D%3D%3D%22&amp;key=AIzaSyAy9VVXHSpS2IJpptzYtGbLP3-3_l0aBk4</t>
  </si>
  <si>
    <t>http:///batch?%24ct=multipart%2Fmixed%3B%20boundary%3D%22%3D%3D%3D%3D%3Dpcbe7natuef9%3D%3D%3D%3D%3D%22&amp;key=AIzaSyAy9VVXHSpS2IJpptzYtGbLP3-3_l0aBk4</t>
  </si>
  <si>
    <t>http:///batch?%24ct=multipart%2Fmixed%3B%20boundary%3D%22%3D%3D%3D%3D%3Dguu3cv993ppq%3D%3D%3D%3D%3D%22&amp;key=AIzaSyAy9VVXHSpS2IJpptzYtGbLP3-3_l0aBk4</t>
  </si>
  <si>
    <t>http:///batch?%24ct=multipart%2Fmixed%3B%20boundary%3D%22%3D%3D%3D%3D%3Dr7w9ohmxfuxf%3D%3D%3D%3D%3D%22&amp;key=AIzaSyAy9VVXHSpS2IJpptzYtGbLP3-3_l0aBk4</t>
  </si>
  <si>
    <t>http:///batch?%24ct=multipart%2Fmixed%3B%20boundary%3D%22%3D%3D%3D%3D%3Deomsrix2l8bt%3D%3D%3D%3D%3D%22&amp;key=AIzaSyAy9VVXHSpS2IJpptzYtGbLP3-3_l0aBk4</t>
  </si>
  <si>
    <t>http:///batch?%24ct=multipart%2Fmixed%3B%20boundary%3D%22%3D%3D%3D%3D%3D3vn71elz78de%3D%3D%3D%3D%3D%22&amp;key=AIzaSyAy9VVXHSpS2IJpptzYtGbLP3-3_l0aBk4</t>
  </si>
  <si>
    <t>http:///batch?%24ct=multipart%2Fmixed%3B%20boundary%3D%22%3D%3D%3D%3D%3Dfds9palx4or7%3D%3D%3D%3D%3D%22&amp;key=AIzaSyAy9VVXHSpS2IJpptzYtGbLP3-3_l0aBk4</t>
  </si>
  <si>
    <t>0;0.491;0.491];0.668;0];1.795000000129221;1017.7050000002055;1018.3400000005349;102.89000000011583;1033.914999999979;1068.145000000186;1124.5800000006057;12.200000000120781;12.379999999211577;12.854];1285.7050000002346;13.636;137.449;15.344;15.344];15.552;15.552];1590.64];181.32999999943422;2.759999999398133;21.464;21.464];21.7;21.7];24.85999999953492;25.529999999889696;284.38999999980297;3;32.54500000002736;32.615000000078;33.212;33.212];35.02499999922293;37.325000000237196;38.434];4;4.014999999526481;4.843;41.8550000003961;5;5.314999999427528;5.710000000362925;508.139;54.7100000003411;6.009];700";721.2749999998778;721.4650000005349;733.3650000000489;734.0950000007069;734.295000000202;734.4950000006065;734.5700000005309;742.4550000005183;873.7950000004275;875.8000000007087;876.5250000005835;877.0100000001548;878.0750000005355;89.91499999956432;890.048];910.6300000003102;910.6300000003102�;:400;["https://clients6.google.com/drive/v2internal/about?opendrive=true&amp;reason=301&amp;synctype=0&amp;errorrecovery=false&amp;fields</t>
  </si>
  <si>
    <t>http://0,0.491,0.491],0.668,0],1.795000000129221,1017.7050000002055,1018.3400000005349,102.89000000011583,1033.914999999979,1068.145000000186,1124.5800000006057,12.200000000120781,12.379999999211577,12.854],1285.7050000002346,13.636,137.449,15.344,15.344],15.552,15.552],1590.64],181.32999999943422,2.759999999398133,21.464,21.464],21.7,21.7],24.85999999953492,25.529999999889696,284.38999999980297,3,32.54500000002736,32.615000000078,33.212,33.212],35.02499999922293,37.325000000237196,38.434],4,4.014999999526481,4.843,41.8550000003961,5,5.314999999427528,5.710000000362925,508.139,54.7100000003411,6.009],700",721.2749999998778,721.4650000005349,733.3650000000489,734.0950000007069,734.295000000202,734.4950000006065,734.5700000005309,742.4550000005183,873.7950000004275,875.8000000007087,876.5250000005835,877.0100000001548,878.0750000005355,89.91499999956432,890.048],910.6300000003102,910.6300000003102�,:400,["https://clients6.google.com/drive/v2internal/about?opendrive=true&amp;reason=301&amp;synctype=0&amp;errorrecovery=false</t>
  </si>
  <si>
    <t>0;0.491;0.491];0.668;0];1.795000000129221;1017.7050000002055;1018.3400000005349;102.89000000011583;1033.914999999979;1068.145000000186;1124.5800000006057;12.200000000120781;12.379999999211577;12.854];127.5999999998021;1285.7050000002346;13.636;1300.2750000005108;1304.5050000000629;1307.9250000000684;137.449;1404.9400000003516;146.9150000002628;1483.3750000007058;15.344;15.344];15.552;15.552];150.6199999994351;151.5349999999671;1534.8350000003848;1535.385000000133;1590.64];181.32999999943422;2.759999999398133;21.464;21.464];21.7;21.7];24.85999999953492;25.529999999889696;284.38999999980297;3;32.54500000002736;32.615000000078;33.212;33.212];35.02499999922293;37.325000000237196;38.434];4;4.014999999526481;4.843;41.8550000003961;5;5.314999999427528;5.710000000362925;508.139;52.17499999980646;54.7100000003411;6.009];65.27000000;65.270000000055;700";721.2749999998778;721.4650000005349;73.13499999963824;733.3650000000489;734.0950000007069;734.295000000202;734.4950000006065;734.5700000005309;742.4550000005183;873.795</t>
  </si>
  <si>
    <t>http://0,0.491,0.491],0.668,0],1.795000000129221,1017.7050000002055,1018.3400000005349,102.89000000011583,1033.914999999979,1068.145000000186,1124.5800000006057,12.200000000120781,12.379999999211577,12.854],127.5999999998021,1285.7050000002346,13.636,1300.2750000005108,1304.5050000000629,1307.9250000000684,137.449,1404.9400000003516,146.9150000002628,1483.3750000007058,15.344,15.344],15.552,15.552],150.6199999994351,151.5349999999671,1534.8350000003848,1535.385000000133,1590.64],181.32999999943422,2.759999999398133,21.464,21.464],21.7,21.7],24.85999999953492,25.529999999889696,284.38999999980297,3,32.54500000002736,32.615000000078,33.212,33.212],35.02499999922293,37.325000000237196,38.434],4,4.014999999526481,4.843,41.8550000003961,5,5.314999999427528,5.710000000362925,508.139,52.17499999980646,54.7100000003411,6.009],65.27000000,65.270000000055,700",721.2749999998778,721.4650000005349,73.13499999963824,733.3650000000489,734.0950000007069,734.295000000202,734.4950000006065,734.5700000005309,742.4550000005183,</t>
  </si>
  <si>
    <t>0;0.491;0.491];0.668;0];1.795000000129221;1017.7050000002055;1018.3400000005349;102.89000000011583;1033.914999999979;1068.145000000186;1124.5800000006057;12.200000000120781;12.379999999211577;12.854];127.128;127.5999999998021;1285.7050000002346;13.636;1300.2750000005108;1304.5050000000629;1307.9250000000684;137.449;1404.9400000003516;146.9150000002628;1479.395000000295;1483.3750000007058;15.344;15.344];15.552;15.552];150.6199999994351;151.5349999999671;153.77500000067812;1534.8350000003848;1535.385000000133;1545.1200000006793;1590.64];181.32999999943422;1818.5499999999593;2.759999999398133;21.464;21.464];21.7;21.7];24.85999999953492;25.529999999889696;272.7199999999357;284.38999999980297;3;32.54500000002736;32.615000000078;33.212;33.212];348.88500000033673;35.02499999922293;37.325000000237196;38.434];4;4.014999999526481;4.843;41.8550000003961;445.366];5;5.314999999427528;5.710000000362925;508.139;52.17499999980646;54.7100000003411;6.009];65.27000000;65.270000000055;700";721.2749999998778;721.4650000005349;73.</t>
  </si>
  <si>
    <t>http://0,0.491,0.491],0.668,0],1.795000000129221,1017.7050000002055,1018.3400000005349,102.89000000011583,1033.914999999979,1068.145000000186,1124.5800000006057,12.200000000120781,12.379999999211577,12.854],127.128,127.5999999998021,1285.7050000002346,13.636,1300.2750000005108,1304.5050000000629,1307.9250000000684,137.449,1404.9400000003516,146.9150000002628,1479.395000000295,1483.3750000007058,15.344,15.344],15.552,15.552],150.6199999994351,151.5349999999671,153.77500000067812,1534.8350000003848,1535.385000000133,1545.1200000006793,1590.64],181.32999999943422,1818.5499999999593,2.759999999398133,21.464,21.464],21.7,21.7],24.85999999953492,25.529999999889696,272.7199999999357,284.38999999980297,3,32.54500000002736,32.615000000078,33.212,33.212],348.88500000033673,35.02499999922293,37.325000000237196,38.434],4,4.014999999526481,4.843,41.8550000003961,445.366],5,5.314999999427528,5.710000000362925,508.139,52.17499999980646,54.7100000003411,6.009],65.27000000,65.270000000055,700",721.2749999998778,721.4650000005</t>
  </si>
  <si>
    <t>0;0.491;0.491];0.668;0];1.795000000129221;1017.7050000002055;1018.3400000005349;102.89000000011583;1033.914999999979;1068.145000000186;1124.5800000006057;12.200000000120781;12.379999999211577;12.854];127.128;127.5999999998021;1285.7050000002346;13.636;1300.2750000005108;1304.5050000000629;1307.9250000000684;137.449;1404.9400000003516;146.9150000002628;1479.395000000295;1483.3750000007058;15.344;15.344];15.552;15.552];150.6199999994351;151.5349999999671;153.77500000067812;1534.8350000003848;1535.385000000133;1545.1200000006793;1590.64];181.32999999943422;1818.5499999999593;2.759999999398133;21.464;21.464];21.7;21.7];24.85999999953492;25.529999999889696;272.7199999999357;284.38999999980297;3;32.54500000002736;32.615000000078;33.212;33.212];348.88500000033673;35.02499999922293;37.325000000237196;37.479999999959546;38.434];4;4.014999999526481;4.843;41.8550000003961;445.366];5;5.314999999427528;5.710000000362925;508.139;52.17499999980646;52.53499;54.7100000003411;5556.100000000697;5599.9000000001615;6.009];65.2700</t>
  </si>
  <si>
    <t>http://0,0.491,0.491],0.668,0],1.795000000129221,1017.7050000002055,1018.3400000005349,102.89000000011583,1033.914999999979,1068.145000000186,1124.5800000006057,12.200000000120781,12.379999999211577,12.854],127.128,127.5999999998021,1285.7050000002346,13.636,1300.2750000005108,1304.5050000000629,1307.9250000000684,137.449,1404.9400000003516,146.9150000002628,1479.395000000295,1483.3750000007058,15.344,15.344],15.552,15.552],150.6199999994351,151.5349999999671,153.77500000067812,1534.8350000003848,1535.385000000133,1545.1200000006793,1590.64],181.32999999943422,1818.5499999999593,2.759999999398133,21.464,21.464],21.7,21.7],24.85999999953492,25.529999999889696,272.7199999999357,284.38999999980297,3,32.54500000002736,32.615000000078,33.212,33.212],348.88500000033673,35.02499999922293,37.325000000237196,37.479999999959546,38.434],4,4.014999999526481,4.843,41.8550000003961,445.366],5,5.314999999427528,5.710000000362925,508.139,52.17499999980646,52.53499,54.7100000003411,5556.100000000697,5599.9000000001615,6.009],</t>
  </si>
  <si>
    <t>0;0.491;0.491];0.668;0.929;0];1.146];1.795000000129221;1017.7050000002055;1018.3400000005349;102.89000000011583;1033.914999999979;1068.145000000186;11.237;11.531;1124.5800000006057;12.200000000120781;12.379999999211577;12.854];121.82500000017171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81.32999999943422;1818.5499999999593;198.17500000044674;2.22];2.759999999398133;21.464;21.464];21.7;21.7];21.987;21.987];224.743;23.276;23.276];24.85999999953492;25.529999999889696;272.7199999999357;284.38999999980297;3;30.416];319.1500000002634;32.54500000002736;32.615000000078;33.212;33.212];348.88500000033673;35.02499999922293;37.325000000237196;37.479999999959546;38.434];39.043];4;4.014999999526481;4.843;41.85</t>
  </si>
  <si>
    <t>http://0,0.491,0.491],0.668,0.929,0],1.146],1.795000000129221,1017.7050000002055,1018.3400000005349,102.89000000011583,1033.914999999979,1068.145000000186,11.237,11.531,1124.5800000006057,12.200000000120781,12.379999999211577,12.854],121.82500000017171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81.32999999943422,1818.5499999999593,198.17500000044674,2.22],2.759999999398133,21.464,21.464],21.7,21.7],21.987,21.987],224.743,23.276,23.276],24.85999999953492,25.529999999889696,272.7199999999357,284.38999999980297,3,30.416],319.1500000002634,32.54500000002736,32.615000000078,33.212,33.212],348.88500000033673,35.02499999922293,37.325000000237196,37.479999999959546,38.434],39.043],4,4.014999999526481,4.84</t>
  </si>
  <si>
    <t>0;0.441;0.491;0.491];0.668;0.697];0.929;0];1.146];1.795000000129221;1017.7050000002055;1018.3400000005349;102.89000000011583;1033.914999999979;1068.145000000186;11.237;11.531;1124.5800000006057;12.200000000120781;12.379999999211577;12.854];121.82500000017171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7.549;17.549];181.32999999943422;1818.5499999999593;198.17500000044674;2.22];2.759999999398133;21.279999999933352;21.464;21.464];21.7;21.7];21.874;21.874];21.987;21.987];224.743;23.212;23.212];23.276;23.276];237.5850000007631;24.85999999953492;25.529999999889696;272.7199999999357;284.38999999980297;288.6900000003152;29.727];3;30.416];319.1500000002634;32.54500000002736;32.615000000078;33.212;33.212];3</t>
  </si>
  <si>
    <t>http://0,0.441,0.491,0.491],0.668,0.697],0.929,0],1.146],1.795000000129221,1017.7050000002055,1018.3400000005349,102.89000000011583,1033.914999999979,1068.145000000186,11.237,11.531,1124.5800000006057,12.200000000120781,12.379999999211577,12.854],121.82500000017171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7.549,17.549],181.32999999943422,1818.5499999999593,198.17500000044674,2.22],2.759999999398133,21.279999999933352,21.464,21.464],21.7,21.7],21.874,21.874],21.987,21.987],224.743,23.212,23.212],23.276,23.276],237.5850000007631,24.85999999953492,25.529999999889696,272.7199999999357,284.38999999980297,288.6900000003152,29.727],3,30.416],319.1500000002634,32.54500000002736,32.615000000078,33.212,33</t>
  </si>
  <si>
    <t>0;0.273;0.341;0.371];0.384;0.441;0.491;0.491];0.526;0.562;0.616];0.668;0.675];0.697];0.908];0.929;0.964];0];1.146];1.795000000129221;1017.7050000002055;1018.3400000005349;102.89000000011583;1033.914999999979;1068.145000000186;11.237;11.531;1124.5800000006057;12.200000000120781;12.379999999211577;12.854];121.82500000017171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7.549;17.549];181.32999999943422;1818.5499999999593;198.17500000044674;2.22];2.759999999398133;21.279999999933352;21.464;21.464];21.7;21.7];21.874;21.874];21.987;21.987];224.743;23.212;23.212];23.276;23.276];23.804999999811116;237.5850000007631;24.85999999953492;25.529999999889696;272.7199999999357;284.38999999980297;288.6900000003152;29</t>
  </si>
  <si>
    <t>http://0,0.273,0.341,0.371],0.384,0.441,0.491,0.491],0.526,0.562,0.616],0.668,0.675],0.697],0.908],0.929,0.964],0],1.146],1.795000000129221,1017.7050000002055,1018.3400000005349,102.89000000011583,1033.914999999979,1068.145000000186,11.237,11.531,1124.5800000006057,12.200000000120781,12.379999999211577,12.854],121.82500000017171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7.549,17.549],181.32999999943422,1818.5499999999593,198.17500000044674,2.22],2.759999999398133,21.279999999933352,21.464,21.464],21.7,21.7],21.874,21.874],21.987,21.987],224.743,23.212,23.212],23.276,23.276],23.804999999811116,237.5850000007631,24.85999999953492,25.529999999889696,272.7199999999357,284.38999999980297,288.690000000</t>
  </si>
  <si>
    <t>0;0.273;0.306;0.311;0.341;0.371];0.384;0.441;0.491;0.491];0.526;0.534];0.562;0.616];0.62];0.668;0.675];0.697];0.908];0.929;0.964];0];1.146];1.795000000129221;1017.7050000002055;1018.3400000005349;102.89000000011583;1033.914999999979;1068.145000000186;11.237;11.531;1124.5800000006057;12.200000000120781;12.379999999211577;12.38;12.854];121.82500000017171;1230.000000000473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7.549;17.549];17.84499999939726;1782.5000000002547;181.32999999943422;1818.5499999999593;198.17500000044674;2.155000000129803;2.22];2.395000000433356;2.6099999995494727;2.759999999398133;21.279999999933352;21.464;21.464];21.7;21.7];21.874;21.874];21.987;21.987];224.743;23.212;23.212];23.27</t>
  </si>
  <si>
    <t>http://0,0.273,0.306,0.311,0.341,0.371],0.384,0.441,0.491,0.491],0.526,0.534],0.562,0.616],0.62],0.668,0.675],0.697],0.908],0.929,0.964],0],1.146],1.795000000129221,1017.7050000002055,1018.3400000005349,102.89000000011583,1033.914999999979,1068.145000000186,11.237,11.531,1124.5800000006057,12.200000000120781,12.379999999211577,12.38,12.854],121.82500000017171,1230.000000000473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7.549,17.549],17.84499999939726,1782.5000000002547,181.32999999943422,1818.5499999999593,198.17500000044674,2.155000000129803,2.22],2.395000000433356,2.6099999995494727,2.759999999398133,21.279999999933352,21.464,21.464],21.7,21.7],21.874,21.874],21.987,21.987],224.743,23.212,23.212</t>
  </si>
  <si>
    <t>0;0.273;0.306;0.311;0.341;0.371];0.384;0.441;0.491;0.491];0.526;0.534];0.562;0.616];0.62];0.668;0.675];0.697];0.908];0.929;0.964];0];1.146];1.795000000129221;10;1017.7050000002055;1018.3400000005349;102.89000000011583;1033.914999999979;1068.145000000186;11;11.237;11.531;1124.5800000006057;1193;1193];12;12.200000000120781;12.379999999211577;12.38;12.854];121.82500000017171;1230.000000000473;124.38000000020111;127.128;127.5999999998021;1280];1280]];1285.7050000002346;13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78415869012000;1578415882546000;1578415882782000;1590.64];17.549;17.549];17.84499999939726;1782.5000000002547;181.32999999943422;1818.5499999999593;198.17500000044674;1];2.155000000129803;2.22];2.395000000433356;2.457;2.5299999997514533;2.6099</t>
  </si>
  <si>
    <t>http://0,0.273,0.306,0.311,0.341,0.371],0.384,0.441,0.491,0.491],0.526,0.534],0.562,0.616],0.62],0.668,0.675],0.697],0.908],0.929,0.964],0],1.146],1.795000000129221,10,1017.7050000002055,1018.3400000005349,102.89000000011583,1033.914999999979,1068.145000000186,11,11.237,11.531,1124.5800000006057,1193,1193],12,12.200000000120781,12.379999999211577,12.38,12.854],121.82500000017171,1230.000000000473,124.38000000020111,127.128,127.5999999998021,1280],1280]],1285.7050000002346,13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78415869012000,1578415882546000,1578415882782000,1590.64],17.549,17.549],17.84499999939726,1782.5000000002547,181.32999999943422,1818.5499999999593,198.17500000044674,1],2.155000000129803,2.22],2.395000000433356,2.457,2.5299999997514533</t>
  </si>
  <si>
    <t>0;0.273;0.306;0.311;0.341;0.371];0.384;0.441;0.491;0.491];0.526;0.534];0.562;0.616];0.62];0.668;0.675];0.697];0.908];0.929;0.964];0];1.146];1.795000000129221;10;1017.7050000002055;1018.3400000005349;102.89000000011583;1033.914999999979;1068.145000000186;1083656409722;11;11.237;11.531;1124.5800000006057;1193;1193];12;12.200000000120781;12.379999999211577;12.38;12.854];121.82500000017171;1230.000000000473;124.38000000020111;127.128;127.5999999998021;1280];1280]];1285.7050000002346;13;13.636;1300.2750000005108;1304.5050000000629;1307.9250000000684;131.84000000001106;137.449;14;1404.9400000003516;146.9150000002628;1479.395000000295;1483.3750000007058;15;15.344;15.344];15.552;15.552];150.6199999994351;151.5349999999671;153.77500000067812;1534.8350000003848;1535.385000000133;1545.1200000006793;1578415869012000;1578415882546000;1578415882782000;1578415882798000;1578415885064000;1578415885476000;1590.64];16;17.549;17.549];17.84499999939726;1782.5000000002547;181.32999999943422;1818.5499999999593;198.17500000044674;1]</t>
  </si>
  <si>
    <t>http://0,0.273,0.306,0.311,0.341,0.371],0.384,0.441,0.491,0.491],0.526,0.534],0.562,0.616],0.62],0.668,0.675],0.697],0.908],0.929,0.964],0],1.146],1.795000000129221,10,1017.7050000002055,1018.3400000005349,102.89000000011583,1033.914999999979,1068.145000000186,1083656409722,11,11.237,11.531,1124.5800000006057,1193,1193],12,12.200000000120781,12.379999999211577,12.38,12.854],121.82500000017171,1230.000000000473,124.38000000020111,127.128,127.5999999998021,1280],1280]],1285.7050000002346,13,13.636,1300.2750000005108,1304.5050000000629,1307.9250000000684,131.84000000001106,137.449,14,1404.9400000003516,146.9150000002628,1479.395000000295,1483.3750000007058,15,15.344,15.344],15.552,15.552],150.6199999994351,151.5349999999671,153.77500000067812,1534.8350000003848,1535.385000000133,1545.1200000006793,1578415869012000,1578415882546000,1578415882782000,1578415882798000,1578415885064000,1578415885476000,1590.64],16,17.549,17.549],17.84499999939726,1782.5000000002547,181.32999999943422,1818.5499999999593,198.1750000004</t>
  </si>
  <si>
    <t>0;0.273;0.306;0.311;0.341;0.371];0.384;0.441;0.491;0.491];0.526;0.534];0.562;0.616];0.62];0.668;0.675];0.697];0.908];0.929;0.964];0];1.146];1.795000000129221;10;1017.7050000002055;1018.3400000005349;102.89000000011583;1033.914999999979;1068.145000000186;1083656409722;11;11.237;11.531;1124.5800000006057;1193;1193];12;12.200000000120781;12.379999999211577;12.38;12.854];121.82500000017171;1230.000000000473;124.38000000020111;127.128;127.5999999998021;1280];1280]];1280]]�;1285.7050000002346;13;13.636;1300.2750000005108;1304.5050000000629;1307.9250000000684;131.84000000001106;137.449;1379;1380;1380];14;1404.9400000003516;146.9150000002628;1479.395000000295;1483.3750000007058;15;15.344;15.344];15.552;15.552];150.6199999994351;151.5349999999671;153.77500000067812;1534.8350000003848;1535.385000000133;1545.1200000006793;1578415869012000;1578415882546000;1578415882782000;1578415882798000;1578415885064000;1578415885476000;1578415885478000;1578415886006000;1578415890165000;1578415910017000;1578415917657000;1590.64];16;17</t>
  </si>
  <si>
    <t>http://0,0.273,0.306,0.311,0.341,0.371],0.384,0.441,0.491,0.491],0.526,0.534],0.562,0.616],0.62],0.668,0.675],0.697],0.908],0.929,0.964],0],1.146],1.795000000129221,10,1017.7050000002055,1018.3400000005349,102.89000000011583,1033.914999999979,1068.145000000186,1083656409722,11,11.237,11.531,1124.5800000006057,1193,1193],12,12.200000000120781,12.379999999211577,12.38,12.854],121.82500000017171,1230.000000000473,124.38000000020111,127.128,127.5999999998021,1280],1280]],1280]]�,1285.7050000002346,13,13.636,1300.2750000005108,1304.5050000000629,1307.9250000000684,131.84000000001106,137.449,1379,1380,1380],14,1404.9400000003516,146.9150000002628,1479.395000000295,1483.3750000007058,15,15.344,15.344],15.552,15.552],150.6199999994351,151.5349999999671,153.77500000067812,1534.8350000003848,1535.385000000133,1545.1200000006793,1578415869012000,1578415882546000,1578415882782000,1578415882798000,1578415885064000,1578415885476000,1578415885478000,1578415886006000,1578415890165000,1578415910017000,1578415917657000,1590.64</t>
  </si>
  <si>
    <t>"mozilla/5.0 (windows nt 6.1; win64; x64) applewebkit/537.36 (khtml;0;0.273;0.306;0.311;0.341;0.371];0.384;0.441;0.491;0.491];0.526;0.534];0.562;0.616];0.62];0.668;0.675];0.697];0.908];0.929;0.964];0];1;1.146];1.795000000129221;10;10000];1017.7050000002055;1018.3400000005349;102.89000000011583;1033.914999999979;1068.145000000186;1083656409722;11;11.237;11.531;1124.5800000006057;1193;1193];12;12.200000000120781;12.379999999211577;12.38;12.854];121.82500000017171;1230.000000000473;124.38000000020111;127.128;127.5999999998021;1280];1280]];1280]]�;1285.7050000002346;13;13.636;1300.2750000005108;1304.5050000000629;1307.9250000000684;131.84000000001106;137.449;13700109;13700167;13700185;13700451;13700563;13700607;13700883;13700946;13700951;13700982;13701078;13701139;13701207;13701214;13701235]];13701235]]];13701239;13701262;13701298;13701418;13701422;13701430;13701450;13701458;13701486;13701506;13701510;13701534;13701537;13701573;13701577;13701589;13701609;13701614;13701621;13701625;13701653;13701657;13701693;13701</t>
  </si>
  <si>
    <t>http://"mozilla/5.0 (windows nt 6.1; win64; x64) applewebkit/537.36 (khtml,0,0.273,0.306,0.311,0.341,0.371],0.384,0.441,0.491,0.491],0.526,0.534],0.562,0.616],0.62],0.668,0.675],0.697],0.908],0.929,0.964],0],1,1.146],1.795000000129221,10,10000],1017.7050000002055,1018.3400000005349,102.89000000011583,1033.914999999979,1068.145000000186,1083656409722,11,11.237,11.531,1124.5800000006057,1193,1193],12,12.200000000120781,12.379999999211577,12.38,12.854],121.82500000017171,1230.000000000473,124.38000000020111,127.128,127.5999999998021,1280],1280]],1280]]�,1285.7050000002346,13,13.636,1300.2750000005108,1304.5050000000629,1307.9250000000684,131.84000000001106,137.449,13700109,13700167,13700185,13700451,13700563,13700607,13700883,13700946,13700951,13700982,13701078,13701139,13701207,13701214,13701235]],13701235]]],13701239,13701262,13701298,13701418,13701422,13701430,13701450,13701458,13701486,13701506,13701510,13701534,13701537,13701573,13701577,13701589,13701609,13701614,13701621,13701625,13701653,13701657,1370169</t>
  </si>
  <si>
    <t>http:///batch?%24ct=multipart%2Fmixed%3B%20boundary%3D%22%3D%3D%3D%3D%3D7gyt5rfxodnm%3D%3D%3D%3D%3D%22&amp;key=AIzaSyAy9VVXHSpS2IJpptzYtGbLP3-3_l0aBk4</t>
  </si>
  <si>
    <t>http:///batch?%24ct=multipart%2Fmixed%3B%20boundary%3D%22%3D%3D%3D%3D%3Dm0zc4n2jkkw6%3D%3D%3D%3D%3D%22&amp;key=AIzaSyAy9VVXHSpS2IJpptzYtGbLP3-3_l0aBk4</t>
  </si>
  <si>
    <t>http:///batch?%24ct=multipart%2Fmixed%3B%20boundary%3D%22%3D%3D%3D%3D%3Dytejrcd13gtj%3D%3D%3D%3D%3D%22&amp;key=AIzaSyAy9VVXHSpS2IJpptzYtGbLP3-3_l0aBk4</t>
  </si>
  <si>
    <t>http:///batch?%24ct=multipart%2Fmixed%3B%20boundary%3D%22%3D%3D%3D%3D%3Dg785uc71cr40%3D%3D%3D%3D%3D%22&amp;key=AIzaSyAy9VVXHSpS2IJpptzYtGbLP3-3_l0aBk4</t>
  </si>
  <si>
    <t>mail.google.com/sync/u/0/i/s?hl=pt-BR&amp;c=833</t>
  </si>
  <si>
    <t>mail.google.com/sync/u/0/i/s?hl=pt-BR&amp;c=835</t>
  </si>
  <si>
    <t>mail.google.com/sync/u/0/i/s?hl=pt-BR&amp;c=838</t>
  </si>
  <si>
    <t>mail.google.com/sync/u/0/i/s?hl=pt-BR&amp;c=840</t>
  </si>
  <si>
    <t>mail.google.com/sync/u/0/i/s?hl=pt-BR&amp;c=849</t>
  </si>
  <si>
    <t>mail.google.com/sync/u/0/i/s?hl=pt-BR&amp;c=851</t>
  </si>
  <si>
    <t>mail.google.com/sync/u/0/i/s?hl=pt-BR&amp;c=862</t>
  </si>
  <si>
    <t>mail.google.com/sync/u/0/i/s?hl=pt-BR&amp;c=864</t>
  </si>
  <si>
    <t>\\acsfs\ACS\Gabriel da Silva\Contemporânea\NPS\D5B42E30.tmp\</t>
  </si>
  <si>
    <t>\\acsfs\ACS\Gabriel da Silva\Contemporânea\NPS\D5B42E30.tmp\:Zone.Identifier:$DATA</t>
  </si>
  <si>
    <t>mail.google.com/sync/u/0/i/s?hl=pt-BR&amp;c=866</t>
  </si>
  <si>
    <t>mail.google.com/sync/u/0/i/s?hl=pt-BR&amp;c=868</t>
  </si>
  <si>
    <t>mail.google.com/sync/u/0/i/s?hl=pt-BR&amp;c=870</t>
  </si>
  <si>
    <t>70a3503c-5f83-4dee-9fd2-b65358758f33.tmp</t>
  </si>
  <si>
    <t>\\acsfs\profiles$\rafaelahpn\Downloads\70a3503c-5f83-4dee-9fd2-b65358758f33.tmp</t>
  </si>
  <si>
    <t>3ca46f79-ff84-4235-9be8-d8b005200ec4.tmp</t>
  </si>
  <si>
    <t>\\acsfs\profiles$\edicarlosdl\Downloads\3ca46f79-ff84-4235-9be8-d8b005200ec4.tmp</t>
  </si>
  <si>
    <t>837a04c2-9211-4347-8345-32ffb5fd7bf6.tmp</t>
  </si>
  <si>
    <t>\\acsfs\profiles$\edicarlosdl\Downloads\837a04c2-9211-4347-8345-32ffb5fd7bf6.tmp</t>
  </si>
  <si>
    <t>de497626-1347-415c-914b-4d1a4e376ba2.tmp</t>
  </si>
  <si>
    <t>\\acsfs\profiles$\regisadsa\Downloads\de497626-1347-415c-914b-4d1a4e376ba2.tmp</t>
  </si>
  <si>
    <t>64d49e5f-14c5-4fe8-8645-405abcc3d680.tmp</t>
  </si>
  <si>
    <t>\\acsfs\profiles$\regisadsa\Downloads\64d49e5f-14c5-4fe8-8645-405abcc3d680.tmp</t>
  </si>
  <si>
    <t>33e792d5-51d4-4cd0-922a-4fe0d48870fa.tmp</t>
  </si>
  <si>
    <t>\\acsfs\profiles$\gabrielarb\Downloads\33e792d5-51d4-4cd0-922a-4fe0d48870fa.tmp</t>
  </si>
  <si>
    <t>TALITA FERNANDES DA COSTA_1_6776198468809594726_1_32.wav</t>
  </si>
  <si>
    <t>\\acsfs\Deptos\EDUCACAO EMPRESARIAL\KÉSIA\Ligações 1º Ciclo - Janeiro 2020\TALITA FERNANDES DA COSTA_1_6776198468809594726_1_32.wav</t>
  </si>
  <si>
    <t>.~lock.Emails.xlsx#</t>
  </si>
  <si>
    <t>\\acsfs\Deptos\Operacao\Banco_Votorantim\Supervisao\Flávia Constantina Nogueira\.~lock.Emails.xlsx#</t>
  </si>
  <si>
    <t>3e0d3ee4-3f27-45d6-93c9-5ac9ecc3b801.tmp</t>
  </si>
  <si>
    <t>\\acsfs\profiles$\gabrielaff\Downloads\3e0d3ee4-3f27-45d6-93c9-5ac9ecc3b801.tmp</t>
  </si>
  <si>
    <t>28db0da0-9c30-4484-986e-d60368aeea08.tmp</t>
  </si>
  <si>
    <t>\\acsfs\profiles$\kamilamrc\Downloads\28db0da0-9c30-4484-986e-d60368aeea08.tmp</t>
  </si>
  <si>
    <t>c4fa654e-4116-4e9b-9f33-dd4ceaa2bbcf.tmp</t>
  </si>
  <si>
    <t>\\acsfs\profiles$\kamilamrc\Downloads\c4fa654e-4116-4e9b-9f33-dd4ceaa2bbcf.tmp</t>
  </si>
  <si>
    <t>c9699cfa-a1a9-41a8-9260-e0a583862e2b.tmp</t>
  </si>
  <si>
    <t>\\acsfs\profiles$\kamilamrc\Downloads\c9699cfa-a1a9-41a8-9260-e0a583862e2b.tmp</t>
  </si>
  <si>
    <t>6e647f25-084a-4bd6-9e19-aed2a99c02ec.tmp</t>
  </si>
  <si>
    <t>\\acsfs\profiles$\kamilamrc\Downloads\6e647f25-084a-4bd6-9e19-aed2a99c02ec.tmp</t>
  </si>
  <si>
    <t>a87356db-e21b-4020-9638-512945fd159e.tmp</t>
  </si>
  <si>
    <t>\\acsfs\profiles$\kamilamrc\Downloads\a87356db-e21b-4020-9638-512945fd159e.tmp</t>
  </si>
  <si>
    <t>52060acd-32d0-4fb5-afed-3d69e005d32a.tmp</t>
  </si>
  <si>
    <t>\\acsfs\profiles$\kamilamrc\Downloads\52060acd-32d0-4fb5-afed-3d69e005d32a.tmp</t>
  </si>
  <si>
    <t>5abf5258-622f-4fa5-9564-c30168c03e85.tmp</t>
  </si>
  <si>
    <t>\\acsfs\profiles$\kamilamrc\Downloads\5abf5258-622f-4fa5-9564-c30168c03e85.tmp</t>
  </si>
  <si>
    <t>a9103d5c-5ab1-456a-a560-087e47542400.tmp</t>
  </si>
  <si>
    <t>\\acsfs\profiles$\kamilamrc\Downloads\a9103d5c-5ab1-456a-a560-087e47542400.tmp</t>
  </si>
  <si>
    <t>c:\users\giseleclss\desktop\2_2019\2 evidências 2_2019\1 entrega os\</t>
  </si>
  <si>
    <t>1 evolução - admitidos x capacitados.xlsx</t>
  </si>
  <si>
    <t>http:///batch?%24ct=multipart%2Fmixed%3B%20boundary%3D%22%3D%3D%3D%3D%3Dquz98f328cna%3D%3D%3D%3D%3D%22&amp;key=AIzaSyAy9VVXHSpS2IJpptzYtGbLP3-3_l0aBk4</t>
  </si>
  <si>
    <t>http:///batch?%24ct=multipart%2Fmixed%3B%20boundary%3D%22%3D%3D%3D%3D%3Dh4qs7m8yjgkd%3D%3D%3D%3D%3D%22&amp;key=AIzaSyAy9VVXHSpS2IJpptzYtGbLP3-3_l0aBk4</t>
  </si>
  <si>
    <t>http:///batch?%24ct=multipart%2Fmixed%3B%20boundary%3D%22%3D%3D%3D%3D%3Dxbu1c64f3tvq%3D%3D%3D%3D%3D%22&amp;key=AIzaSyAy9VVXHSpS2IJpptzYtGbLP3-3_l0aBk4</t>
  </si>
  <si>
    <t>http:///batch?%24ct=multipart%2Fmixed%3B%20boundary%3D%22%3D%3D%3D%3D%3Dh9yuzxir9s9r%3D%3D%3D%3D%3D%22&amp;key=AIzaSyAy9VVXHSpS2IJpptzYtGbLP3-3_l0aBk4</t>
  </si>
  <si>
    <t>http:///batch?%24ct=multipart%2Fmixed%3B%20boundary%3D%22%3D%3D%3D%3D%3Dicyurvdqm2z9%3D%3D%3D%3D%3D%22&amp;key=AIzaSyAy9VVXHSpS2IJpptzYtGbLP3-3_l0aBk4</t>
  </si>
  <si>
    <t>ead00e4f-803a-4e8f-9e9a-fdbeaf17f371.tmp</t>
  </si>
  <si>
    <t>\\acsfs\profiles$\rafaelahpn\Downloads\ead00e4f-803a-4e8f-9e9a-fdbeaf17f371.tmp</t>
  </si>
  <si>
    <t>f1db10fc-6ec1-42b2-aa28-fddae77a1700.tmp</t>
  </si>
  <si>
    <t>\\acsfs\profiles$\geovannasm\Downloads\f1db10fc-6ec1-42b2-aa28-fddae77a1700.tmp</t>
  </si>
  <si>
    <t>mail.google.com/_/upload?authuser=0&amp;dcp=asu-n&amp;upload_id=AEnB2UpLuG-t_Hswi0Gm2FthtcCBR7cJzEiHMs7kFc6IceuB6Mi-U6qZm0_8BWQeTcrzM0D8lmOOskWbkC0nn8MP79ObBhu-tQ&amp;upload_protocol=resumable</t>
  </si>
  <si>
    <t>C:\A2\PAULAO\TIM\EXCEDENTES\2019\DEZEMBRO\</t>
  </si>
  <si>
    <t>Acionamentos excedentes dezembro 2019.xlsx</t>
  </si>
  <si>
    <t>adalbertoms</t>
  </si>
  <si>
    <t>78-2B-CB-C1-06-A8</t>
  </si>
  <si>
    <t>VOTORANT-ZB010</t>
  </si>
  <si>
    <t>leandrom</t>
  </si>
  <si>
    <t>C:\</t>
  </si>
  <si>
    <t>OffScrubc2r.vbs</t>
  </si>
  <si>
    <t>10.200.67.139</t>
  </si>
  <si>
    <t>6045cd20-40a9-4715-9e73-c1632216c6a6.tmp</t>
  </si>
  <si>
    <t>\\acsfs\profiles$\victorgl\Downloads\6045cd20-40a9-4715-9e73-c1632216c6a6.tmp</t>
  </si>
  <si>
    <t>ff6161e8-5966-4568-a0ad-6a56de2b6bd2.tmp</t>
  </si>
  <si>
    <t>\\acsfs\profiles$\victorgl\Downloads\ff6161e8-5966-4568-a0ad-6a56de2b6bd2.tmp</t>
  </si>
  <si>
    <t>ec20bfcb-610d-4e0f-b290-e26922a3d7e5.tmp</t>
  </si>
  <si>
    <t>\\acsfs\profiles$\victorgl\Downloads\ec20bfcb-610d-4e0f-b290-e26922a3d7e5.tmp</t>
  </si>
  <si>
    <t>calendário de governança_2020 (10).xlsx</t>
  </si>
  <si>
    <t>807520b7-9c73-4013-858b-cc81181b1e62.tmp</t>
  </si>
  <si>
    <t>\\acsfs\profiles$\kamilamrc\Downloads\807520b7-9c73-4013-858b-cc81181b1e62.tmp</t>
  </si>
  <si>
    <t>8d63d604-ee26-44de-bcf5-f12cab70d3e6.tmp</t>
  </si>
  <si>
    <t>\\acsfs\profiles$\matheusmax\Downloads\8d63d604-ee26-44de-bcf5-f12cab70d3e6.tmp</t>
  </si>
  <si>
    <t>39290a0e-efae-4094-9d13-e83009acb050.tmp</t>
  </si>
  <si>
    <t>\\acsfs\profiles$\matheusmax\Downloads\39290a0e-efae-4094-9d13-e83009acb050.tmp</t>
  </si>
  <si>
    <t>b1c9f6f3-2f00-4776-86bd-46e609376f74.tmp</t>
  </si>
  <si>
    <t>\\acsfs\profiles$\matheusmax\Downloads\b1c9f6f3-2f00-4776-86bd-46e609376f74.tmp</t>
  </si>
  <si>
    <t>95fe6045-c9da-4acd-b31f-ce648e2e8fb3.tmp</t>
  </si>
  <si>
    <t>\\acsfs\profiles$\leonardobb\Downloads\95fe6045-c9da-4acd-b31f-ce648e2e8fb3.tmp</t>
  </si>
  <si>
    <t>b3afae84-0dc1-469f-95a2-00f317bdd9bd.tmp</t>
  </si>
  <si>
    <t>\\acsfs\profiles$\larissaad\Downloads\b3afae84-0dc1-469f-95a2-00f317bdd9bd.tmp</t>
  </si>
  <si>
    <t>\\acsfs\ACS\Gabriel da Silva\Contemporânea\NPS\98EC44D6.tmp\</t>
  </si>
  <si>
    <t>\\acsfs\ACS\Gabriel da Silva\Contemporânea\NPS\98EC44D6.tmp\:Zone.Identifier:$DATA</t>
  </si>
  <si>
    <t>\\acsfs\ACS\Gabriel da Silva\Contemporânea\NPS\3E8C2F45.tmp\</t>
  </si>
  <si>
    <t>\\acsfs\ACS\Gabriel da Silva\Contemporânea\NPS\3E8C2F45.tmp\:Zone.Identifier:$DATA</t>
  </si>
  <si>
    <t>https://100014122394468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https://udpwfmniceap02/web/guest/home?p_auth=ykffns9v&amp;p_p_id=58&amp;p_p_lifecycle=1&amp;p_p_state=maximized&amp;p_p_mode=view&amp;savelastpath=0&amp;_58_struts_action=/login/forgot_password</t>
  </si>
  <si>
    <t>1754d4f8-ef40-4fa1-af1a-3b368beda876.tmp</t>
  </si>
  <si>
    <t>\\acsfs\profiles$\geovannasm\Downloads\1754d4f8-ef40-4fa1-af1a-3b368beda876.tmp</t>
  </si>
  <si>
    <t>\\acsfs\profiles$\georgendsq\My Documents\$RECYCLE.BIN\</t>
  </si>
  <si>
    <t>$IUTR0NI.txt</t>
  </si>
  <si>
    <t>\\acsfs\profiles$\georgendsq\My Documents\$RECYCLE.BIN\$IUTR0NI.txt</t>
  </si>
  <si>
    <t>ec11bd2f-2898-41b6-b402-1725dd4ccff9.tmp</t>
  </si>
  <si>
    <t>\\acsfs\profiles$\joycemmdl\Downloads\ec11bd2f-2898-41b6-b402-1725dd4ccff9.tmp</t>
  </si>
  <si>
    <t>715e8430-f3a4-41ec-ab0a-1141521841ce.tmp</t>
  </si>
  <si>
    <t>\\acsfs\profiles$\KARENDSR\Downloads\715e8430-f3a4-41ec-ab0a-1141521841ce.tmp</t>
  </si>
  <si>
    <t>848769eb-6b2c-49b4-85bf-98a1363347dd.tmp</t>
  </si>
  <si>
    <t>\\acsfs\profiles$\sarahbal\Downloads\848769eb-6b2c-49b4-85bf-98a1363347dd.tmp</t>
  </si>
  <si>
    <t>5c5b158f-a56b-4ec5-8a7b-80f6022b21af.tmp</t>
  </si>
  <si>
    <t>\\acsfs\profiles$\sarahbal\Downloads\5c5b158f-a56b-4ec5-8a7b-80f6022b21af.tmp</t>
  </si>
  <si>
    <t>97f6bfae-244a-4ca5-b819-b515bbc59424.tmp</t>
  </si>
  <si>
    <t>\\acsfs\profiles$\sarahbal\Downloads\97f6bfae-244a-4ca5-b819-b515bbc59424.tmp</t>
  </si>
  <si>
    <t>c9dbe926-ca40-4162-8e00-1e9e562b71e6.tmp</t>
  </si>
  <si>
    <t>\\acsfs\profiles$\sarahbal\Downloads\c9dbe926-ca40-4162-8e00-1e9e562b71e6.tmp</t>
  </si>
  <si>
    <t>af1f280f-f11f-4eb1-83fa-a4dd4e01c56f.tmp</t>
  </si>
  <si>
    <t>\\acsfs\profiles$\sarahbal\Downloads\af1f280f-f11f-4eb1-83fa-a4dd4e01c56f.tmp</t>
  </si>
  <si>
    <t>c98ec7d7-648f-48e0-ab44-a28a219f2591.tmp</t>
  </si>
  <si>
    <t>\\acsfs\profiles$\sarahbal\Downloads\c98ec7d7-648f-48e0-ab44-a28a219f2591.tmp</t>
  </si>
  <si>
    <t>0ed7771e-17df-4618-9c54-9d2a6e2fcfd3.tmp</t>
  </si>
  <si>
    <t>\\acsfs\profiles$\sarahbal\Downloads\0ed7771e-17df-4618-9c54-9d2a6e2fcfd3.tmp</t>
  </si>
  <si>
    <t>7d955f76-f46f-4083-a4ae-0d4d4a2195dd.tmp</t>
  </si>
  <si>
    <t>\\acsfs\profiles$\sarahbal\Downloads\7d955f76-f46f-4083-a4ae-0d4d4a2195dd.tmp</t>
  </si>
  <si>
    <t>ee4550d6-40e1-45e4-9803-8d3294da0c6c.tmp</t>
  </si>
  <si>
    <t>\\acsfs\profiles$\quindaizaagds\Downloads\ee4550d6-40e1-45e4-9803-8d3294da0c6c.tmp</t>
  </si>
  <si>
    <t>http:///batch?%24ct=multipart%2Fmixed%3B%20boundary%3D%22%3D%3D%3D%3D%3D2iipm09yrabq%3D%3D%3D%3D%3D%22&amp;key=AIzaSyAy9VVXHSpS2IJpptzYtGbLP3-3_l0aBk4</t>
  </si>
  <si>
    <t>http:///batch?%24ct=multipart%2Fmixed%3B%20boundary%3D%22%3D%3D%3D%3D%3Dvm9cugii435g%3D%3D%3D%3D%3D%22&amp;key=AIzaSyAy9VVXHSpS2IJpptzYtGbLP3-3_l0aBk4</t>
  </si>
  <si>
    <t>http:///batch?%24ct=multipart%2Fmixed%3B%20boundary%3D%22%3D%3D%3D%3D%3D6j8vqvfijgh3%3D%3D%3D%3D%3D%22&amp;key=AIzaSyAy9VVXHSpS2IJpptzYtGbLP3-3_l0aBk4</t>
  </si>
  <si>
    <t>ALINE PEREIRA PORFIRIO (28734).contact</t>
  </si>
  <si>
    <t>\\acsfs\profiles$\alinepp\Contacts\ALINE PEREIRA PORFIRIO (28734).contact</t>
  </si>
  <si>
    <t>c1c5b63b-04d1-436e-ad87-789101fc31ea.tmp</t>
  </si>
  <si>
    <t>\\acsfs\profiles$\henriquehmdo\Downloads\c1c5b63b-04d1-436e-ad87-789101fc31ea.tmp</t>
  </si>
  <si>
    <t>effca603-4034-4240-b754-43c4855f8a2f.tmp</t>
  </si>
  <si>
    <t>\\acsfs\profiles$\henriquehmdo\Downloads\effca603-4034-4240-b754-43c4855f8a2f.tmp</t>
  </si>
  <si>
    <t>f85147c1-d28f-4d3c-80b4-7e310c26184d.tmp</t>
  </si>
  <si>
    <t>\\acsfs\profiles$\alinepp\Downloads\f85147c1-d28f-4d3c-80b4-7e310c26184d.tmp</t>
  </si>
  <si>
    <t>c9013edc-d501-44ef-80b1-73cb9c314833.tmp</t>
  </si>
  <si>
    <t>\\acsfs\profiles$\victorgl\Downloads\c9013edc-d501-44ef-80b1-73cb9c314833.tmp</t>
  </si>
  <si>
    <t>CRICIA VITAL DE OLIVEIRA_1_6776270847598471911_1_32.wav</t>
  </si>
  <si>
    <t>\\acsfs\Deptos\EDUCACAO EMPRESARIAL\KÉSIA\Ligações 1º Ciclo - Janeiro 2020\CRICIA VITAL DE OLIVEIRA_1_6776270847598471911_1_32.wav</t>
  </si>
  <si>
    <t>46dc2e42-a632-4467-91f9-580a575b1afc.tmp</t>
  </si>
  <si>
    <t>\\acsfs\profiles$\rosileiam\Downloads\46dc2e42-a632-4467-91f9-580a575b1afc.tmp</t>
  </si>
  <si>
    <t>12cc5027-62cb-49b1-9b83-3bb5fe673c55.tmp</t>
  </si>
  <si>
    <t>\\acsfs\profiles$\joycemmdl\Downloads\12cc5027-62cb-49b1-9b83-3bb5fe673c55.tmp</t>
  </si>
  <si>
    <t>ab50a987-dc71-46aa-b028-23cb3bf96e6a.tmp</t>
  </si>
  <si>
    <t>\\acsfs\profiles$\joycemmdl\Downloads\ab50a987-dc71-46aa-b028-23cb3bf96e6a.tmp</t>
  </si>
  <si>
    <t>2bc627ae-ba54-4233-a74d-cba7f2494170.tmp</t>
  </si>
  <si>
    <t>\\acsfs\profiles$\gabrielafs\Downloads\2bc627ae-ba54-4233-a74d-cba7f2494170.tmp</t>
  </si>
  <si>
    <t>868ecda1-d5b9-4b59-8aab-f3a2600f8faa.tmp</t>
  </si>
  <si>
    <t>\\acsfs\profiles$\gabrielafs\Downloads\868ecda1-d5b9-4b59-8aab-f3a2600f8faa.tmp</t>
  </si>
  <si>
    <t>402df1ba-265d-465f-aa15-0dbbfaaad994.tmp</t>
  </si>
  <si>
    <t>\\acsfs\profiles$\quindaizaagds\Downloads\402df1ba-265d-465f-aa15-0dbbfaaad994.tmp</t>
  </si>
  <si>
    <t>c42b4d3a-a367-450e-9c80-1cdd4fccc626.tmp</t>
  </si>
  <si>
    <t>\\acsfs\profiles$\nataliacsl\Downloads\c42b4d3a-a367-450e-9c80-1cdd4fccc626.tmp</t>
  </si>
  <si>
    <t>mail.google.com/_/upload?authuser=0&amp;dcp=asu-n&amp;upload_id=AEnB2UqRT5I97O3j-u5NU7yU0LzW4DXQ1oGLdzPPb_xMtpTx08Pb3pIHlW2LiCb_fS_9asIA9u4QOdI74_O3mzVfJL5bFB75N0CX6ITaX2BqQBSiq075Cak&amp;upload_protocol=resumable</t>
  </si>
  <si>
    <t>brunowp@algartech.com;fabianacscg@algartech.com;humbertopj@algartech.com;leandrolds@algartech.com;lucianarba@algartech.com;patriciaars@algartech.com;tayss@algartech.com;</t>
  </si>
  <si>
    <t>\\acsfs\deptos\CAS - Coordenação de Arquitetura de Soluções\Projetos\2020\Tribanco\225399 - TRIBANCO - Readequação Contrato Operação Única\Preço\</t>
  </si>
  <si>
    <t>225399 - Readequação Contrato UNICA Plan Precificacao C019 B019 Sup Dedicado.xlsb</t>
  </si>
  <si>
    <t>brunowp@algartech.com,fabianacscg@algartech.com,humbertopj@algartech.com,leandrolds@algartech.com,lucianarba@algartech.com,patriciaars@algartech.com,tayss@algartech.com</t>
  </si>
  <si>
    <t>\\acsfs\deptos\CAS - Coordenação de Arquitetura de Soluções\Projetos\2020\Tribanco\225399 - TRIBANCO - Readequação Contrato Operação Única\Preço\225399 - Readequação Contrato UNICA Plan Precificacao C019 B019 Sup Dedicado.xlsb\</t>
  </si>
  <si>
    <t>06bed63d-8881-4df7-9d66-90032b89361f.tmp</t>
  </si>
  <si>
    <t>\\acsfs\profiles$\alinepp\Downloads\06bed63d-8881-4df7-9d66-90032b89361f.tmp</t>
  </si>
  <si>
    <t>b5b15062-6334-4693-a70e-4e7643e84dd7.tmp</t>
  </si>
  <si>
    <t>\\acsfs\profiles$\alinepp\Downloads\b5b15062-6334-4693-a70e-4e7643e84dd7.tmp</t>
  </si>
  <si>
    <t>lu860811uba3.tmp</t>
  </si>
  <si>
    <t>\\acsfs\profiles$\marcellewdl\My Documents\lu860811uba3.tmp</t>
  </si>
  <si>
    <t>\\acsfs\profiles$\marcellewdl\My Documents\lu860811uba3.tmp\</t>
  </si>
  <si>
    <t>\\acsfs\profiles$\marcellewdl\My Documents\lu860811uba3.tmp\META-INF\</t>
  </si>
  <si>
    <t>\\acsfs\profiles$\marcellewdl\My Documents\lu860811uba3.tmp\Thumbnails\</t>
  </si>
  <si>
    <t>lu144441jw1b.tmp</t>
  </si>
  <si>
    <t>\\acsfs\profiles$\ALEXANDREMM\lu144441jw1b.tmp</t>
  </si>
  <si>
    <t>\\acsfs\profiles$\ALEXANDREMM\lu144441jw1b.tmp\</t>
  </si>
  <si>
    <t>\\acsfs\profiles$\ALEXANDREMM\lu144441jw1b.tmp\META-INF\</t>
  </si>
  <si>
    <t>\\acsfs\profiles$\ALEXANDREMM\lu144441jw1b.tmp\Thumbnails\</t>
  </si>
  <si>
    <t>renataalves@algartech.com</t>
  </si>
  <si>
    <t>mail.google.com/_/upload?authuser=0&amp;dcp=asu-n&amp;upload_id=AEnB2Uq8_6c3_zg4Cgnb-aBL9v5wEJ1OKIHXZVLlqLBSywGsfkYTExxjQyqnF3M5JN1Mk8JOd4mLSixOxOQKPTqVitliEj625g&amp;upload_protocol=resumable</t>
  </si>
  <si>
    <t>C:\Users\renataalves\Desktop\Report NPS 2sem 2019 - Diretoria 06-01-20.pptx\</t>
  </si>
  <si>
    <t>lu25980428mq0.tmp</t>
  </si>
  <si>
    <t>\\acsfs\profiles$\luanarda\lu25980428mq0.tmp</t>
  </si>
  <si>
    <t>\\acsfs\profiles$\luanarda\lu25980428mq0.tmp\</t>
  </si>
  <si>
    <t>\\acsfs\profiles$\luanarda\lu25980428mq0.tmp\META-INF\</t>
  </si>
  <si>
    <t>\\acsfs\profiles$\luanarda\lu25980428mq0.tmp\Thumbnails\</t>
  </si>
  <si>
    <t>151c3dc6-9e1c-4a1d-b0d3-4453bde3e1f7.tmp</t>
  </si>
  <si>
    <t>\\acsfs\profiles$\rosileiam\Downloads\151c3dc6-9e1c-4a1d-b0d3-4453bde3e1f7.tmp</t>
  </si>
  <si>
    <t>http:///batch?%24ct=multipart%2Fmixed%3B%20boundary%3D%22%3D%3D%3D%3D%3Derb9l9fy38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,workspaceids</t>
  </si>
  <si>
    <t>http:///batch?%24ct=multipart%2Fmixed%3B%20boundary%3D%22%3D%3D%3D%3D%3D7ew1whf8ce9a%3D%3D%3D%3D%3D%22&amp;key=AIzaSyAy9VVXHSpS2IJpptzYtGbLP3-3_l0aBk4</t>
  </si>
  <si>
    <t>http:///batch?%24ct=multipart%2Fmixed%3B%20boundary%3D%22%3D%3D%3D%3D%3Dad8eso16wg6w%3D%3D%3D%3D%3D%22&amp;key=AIzaSyAy9VVXHSpS2IJpptzYtGbLP3-3_l0aBk4</t>
  </si>
  <si>
    <t>http:///batch?%24ct=multipart%2Fmixed%3B%20boundary%3D%22%3D%3D%3D%3D%3D46j7ewjier9o%3D%3D%3D%3D%3D%22&amp;key=AIzaSyAy9VVXHSpS2IJpptzYtGbLP3-3_l0aBk4</t>
  </si>
  <si>
    <t>http:///batch?%24ct=multipart%2Fmixed%3B%20boundary%3D%22%3D%3D%3D%3D%3D2mc9dp9ba2d0%3D%3D%3D%3D%3D%22&amp;key=AIzaSyAy9VVXHSpS2IJpptzYtGbLP3-3_l0aBk4</t>
  </si>
  <si>
    <t>http:///batch?%24ct=multipart%2Fmixed%3B%20boundary%3D%22%3D%3D%3D%3D%3D4xcgb3gosbsc%3D%3D%3D%3D%3D%22&amp;key=AIzaSyAy9VVXHSpS2IJpptzYtGbLP3-3_l0aBk4</t>
  </si>
  <si>
    <t>http:///batch?%24ct=multipart%2Fmixed%3B%20boundary%3D%22%3D%3D%3D%3D%3Dmmxej6d7jep%3D%3D%3D%3D%3D%22&amp;key=AIzaSyAy9VVXHSpS2IJpptzYtGbLP3-3_l0aBk4</t>
  </si>
  <si>
    <t>ancest;ancestorhasaugme;ancestorhasaugmentedpermissions;containsunsubscribedchildren;displayname;domain;email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,ancestorhasaugmentedpermissions,containsunsubscribedchildren,displayname,domain,email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u8jzpheo8f2n%3D%3D%3D%3D%3D%22&amp;key=AIzaSyAy9VVXHSpS2IJpptzYtGbLP3-3_l0aBk4</t>
  </si>
  <si>
    <t>http:///batch?%24ct=multipart%2Fmixed%3B%20boundary%3D%22%3D%3D%3D%3D%3Dh2yyn19c2xxt%3D%3D%3D%3D%3D%22&amp;key=AIzaSyAy9VVXHSpS2IJpptzYtGbLP3-3_l0aBk4</t>
  </si>
  <si>
    <t>http:///batch?%24ct=multipart%2Fmixed%3B%20boundary%3D%22%3D%3D%3D%3D%3Dhfyx88uhokr2%3D%3D%3D%3D%3D%22&amp;key=AIzaSyAy9VVXHSpS2IJpptzYtGbLP3-3_l0aBk4</t>
  </si>
  <si>
    <t>ee36040c-1971-4a56-accb-54af5ecefe34.tmp</t>
  </si>
  <si>
    <t>\\acsfs\profiles$\alinepp\Downloads\ee36040c-1971-4a56-accb-54af5ecefe34.tmp</t>
  </si>
  <si>
    <t>4a89c526-21c8-4a6f-8152-f597c27c2fb7.tmp</t>
  </si>
  <si>
    <t>\\acsfs\profiles$\alinepp\Downloads\4a89c526-21c8-4a6f-8152-f597c27c2fb7.tmp</t>
  </si>
  <si>
    <t>ade62452-d54c-49fb-9e4a-c64e7570c395.tmp</t>
  </si>
  <si>
    <t>\\acsfs\profiles$\alinepp\Downloads\ade62452-d54c-49fb-9e4a-c64e7570c395.tmp</t>
  </si>
  <si>
    <t>9c7c6876-1683-4ba2-961a-dad6d64b25cb.tmp</t>
  </si>
  <si>
    <t>\\acsfs\profiles$\alinepp\Downloads\9c7c6876-1683-4ba2-961a-dad6d64b25cb.tmp</t>
  </si>
  <si>
    <t>mail.google.com/_/upload?authuser=0&amp;dcp=asu-n&amp;upload_id=AEnB2Uqi0BbMfA_CTwzC9tL-Pn3fwvA4ObSe_99jNb6WuIBXXBR3pnpeH7cylmPiYoBFgZAFc2g0IiSbVN0iLQVD6Ug6rZp8jQ&amp;upload_protocol=resumable</t>
  </si>
  <si>
    <t>Receita x Cliente x Tipo Serviço sollero.xlsx</t>
  </si>
  <si>
    <t>426a4524-3ce6-46c9-96b1-016eda0ad9fb.tmp</t>
  </si>
  <si>
    <t>\\acsfs\profiles$\gabrielamdp\Downloads\426a4524-3ce6-46c9-96b1-016eda0ad9fb.tmp</t>
  </si>
  <si>
    <t>e6a7f588-433f-43ae-9b13-6bc45aa4b371.tmp</t>
  </si>
  <si>
    <t>\\acsfs\profiles$\gabrielamdp\Downloads\e6a7f588-433f-43ae-9b13-6bc45aa4b371.tmp</t>
  </si>
  <si>
    <t>0566edd5-982e-49f2-b340-9ffd6172c3a7.tmp</t>
  </si>
  <si>
    <t>\\acsfs\profiles$\gabrielamdp\Downloads\0566edd5-982e-49f2-b340-9ffd6172c3a7.tmp</t>
  </si>
  <si>
    <t>62282a4f-b0a0-4011-abac-243a7e6d5b24.tmp</t>
  </si>
  <si>
    <t>\\acsfs\profiles$\philipegsf\Downloads\62282a4f-b0a0-4011-abac-243a7e6d5b24.tmp</t>
  </si>
  <si>
    <t>\\acsfs\profiles$\cintiadjl\My Documents\My Pictures\</t>
  </si>
  <si>
    <t>\\acsfs\profiles$\cintiadjl\My Documents\My Videos\desktop.ini</t>
  </si>
  <si>
    <t>\\acsfs\profiles$\cintiadjl\My Documents\My Videos\</t>
  </si>
  <si>
    <t>\\acsfs\profiles$\cintiadjl\My Documents\My Music\</t>
  </si>
  <si>
    <t>\\acsfs\profiles$\cintiadjl\My Documents\My Pictures\desktop.ini</t>
  </si>
  <si>
    <t>\\acsfs\profiles$\cintiadjl\Contacts\</t>
  </si>
  <si>
    <t>\\acsfs\profiles$\cintiadjl\Contacts\desktop.ini</t>
  </si>
  <si>
    <t>2c23f88a-e9da-4cec-995f-969f6d27667d.tmp</t>
  </si>
  <si>
    <t>\\acsfs\profiles$\gabrielamdp\Downloads\2c23f88a-e9da-4cec-995f-969f6d27667d.tmp</t>
  </si>
  <si>
    <t>1ee0b7ca-bb38-4844-81c9-bee37fbe9e40.tmp</t>
  </si>
  <si>
    <t>\\acsfs\profiles$\gabrielamdp\Downloads\1ee0b7ca-bb38-4844-81c9-bee37fbe9e40.tmp</t>
  </si>
  <si>
    <t>5d3c2217-bc39-4a35-baf1-ab8256e87666.tmp</t>
  </si>
  <si>
    <t>\\acsfs\profiles$\fabianafv\Downloads\5d3c2217-bc39-4a35-baf1-ab8256e87666.tmp</t>
  </si>
  <si>
    <t>9866df5e-9ae9-4d2d-9222-2c2be4974c4c.tmp</t>
  </si>
  <si>
    <t>\\acsfs\profiles$\philipegsf\Downloads\9866df5e-9ae9-4d2d-9222-2c2be4974c4c.tmp</t>
  </si>
  <si>
    <t>fdeaf417-3947-49cd-b0ae-76d589c9ffbd;</t>
  </si>
  <si>
    <t>mail.google.com/_/upload?authuser=1&amp;dcp=asu-n&amp;upload_id=AEnB2UprTwuEcRx7NNCmNuFJWZBJ9kHolGX9Fxd9GrclQ9yvHPJ2KkvOo-rwYnasuegi4tCAQdhJObUAxdCl04XthMoGPGg8cA&amp;upload_protocol=resumable</t>
  </si>
  <si>
    <t>C:\Users\acaciors\Desktop\</t>
  </si>
  <si>
    <t>Áreas_2020.xlsx</t>
  </si>
  <si>
    <t>mail.google.com/_/upload?authuser=1&amp;dcp=asu-n&amp;upload_id=AEnB2Uo0veYVt-omKiaJSlit0zELyafPe_3MwyiqYd20TeIn7m2uNcRNu5lH-gKqSY_BBo0-6GvG-1Zc-1A9x6rXb-4m_dfdMA&amp;upload_protocol=resumable</t>
  </si>
  <si>
    <t>Devices Tribanco 07_01_2020.xlsx</t>
  </si>
  <si>
    <t>jhonatan.ventino@bradesco.com.br;suzane.b.rodrigues@bradesco.com.br;</t>
  </si>
  <si>
    <t>Vol. Grupos</t>
  </si>
  <si>
    <t>Vol Grupos.xlsx</t>
  </si>
  <si>
    <t>jhonatan.ventino@bradesco.com.br,suzane.b.rodrigues@bradesco.com.br</t>
  </si>
  <si>
    <t>kit_pre_deslig_ant_term_contrato_124167_ana priscila oliveira felizardo.pdf</t>
  </si>
  <si>
    <t>7f8eb0b5-695e-4f76-8764-d7dc363dd3c9.tmp</t>
  </si>
  <si>
    <t>\\acsfs\profiles$\brendadsl\Downloads\7f8eb0b5-695e-4f76-8764-d7dc363dd3c9.tmp</t>
  </si>
  <si>
    <t>b42d315b-899f-4d4d-bcd4-5be0a0c8d6e4.tmp</t>
  </si>
  <si>
    <t>\\acsfs\profiles$\brendadsl\Downloads\b42d315b-899f-4d4d-bcd4-5be0a0c8d6e4.tmp</t>
  </si>
  <si>
    <t>1909a4f0-e5a7-4c20-b2e9-7eb20340731f.tmp</t>
  </si>
  <si>
    <t>\\acsfs\profiles$\brendadsl\Downloads\1909a4f0-e5a7-4c20-b2e9-7eb20340731f.tmp</t>
  </si>
  <si>
    <t>b80603ea-302c-4a85-ae5e-456163bc6eea.tmp</t>
  </si>
  <si>
    <t>\\acsfs\profiles$\brendadsl\Downloads\b80603ea-302c-4a85-ae5e-456163bc6eea.tmp</t>
  </si>
  <si>
    <t>563a5787-3254-4ce6-8c00-429c7b31f067.tmp</t>
  </si>
  <si>
    <t>\\acsfs\profiles$\brendadsl\Downloads\563a5787-3254-4ce6-8c00-429c7b31f067.tmp</t>
  </si>
  <si>
    <t>4bb49a1c-513f-4fb0-8e9d-0d88fe0d47a5.tmp</t>
  </si>
  <si>
    <t>\\acsfs\profiles$\websondsa\Downloads\4bb49a1c-513f-4fb0-8e9d-0d88fe0d47a5.tmp</t>
  </si>
  <si>
    <t>e1500d60-d19b-408a-951a-b4c7aa896656.tmp</t>
  </si>
  <si>
    <t>\\acsfs\profiles$\websondsa\Downloads\e1500d60-d19b-408a-951a-b4c7aa896656.tmp</t>
  </si>
  <si>
    <t>\\acsfs\profiles$\CLAUDIAJCA\Reneg 18-12\Thumbs.db</t>
  </si>
  <si>
    <t>a0e9ac93-4951-476d-867a-ad8aaa5ca878.tmp</t>
  </si>
  <si>
    <t>\\acsfs\profiles$\quindaizaagds\Downloads\a0e9ac93-4951-476d-867a-ad8aaa5ca878.tmp</t>
  </si>
  <si>
    <t>13839418-f8da-48b5-9612-3d09d12462c2.tmp</t>
  </si>
  <si>
    <t>\\acsfs\profiles$\quindaizaagds\Downloads\13839418-f8da-48b5-9612-3d09d12462c2.tmp</t>
  </si>
  <si>
    <t>3101d91e-c05e-48ac-9323-878a7b8aeb47.tmp</t>
  </si>
  <si>
    <t>\\acsfs\profiles$\quindaizaagds\Downloads\3101d91e-c05e-48ac-9323-878a7b8aeb47.tmp</t>
  </si>
  <si>
    <t>http:///batch?%24ct=multipart%2Fmixed%3B%20boundary%3D%22%3D%3D%3D%3D%3Dfvxcq028pytg%3D%3D%3D%3D%3D%22&amp;key=AIzaSyAy9VVXHSpS2IJpptzYtGbLP3-3_l0aBk4</t>
  </si>
  <si>
    <t>ancestorhasaugment;ancestorhasaugmentedpermissions;containsunsubscribedchildren;displayname;domain;emailaddress;expl;filesize;hasthumbnail;hasvisitorpermissions;id;id);items(kind;ken;lastmodifyinguser(kind;lastviewedbymedate;modifiedbymedate;modifieddate;ontainsunsubscribedchildren;owners(kind;permissionid;picture;shared;sharedwithmedate;thumbnailversion;title;userpermission(role);workspaceids;</t>
  </si>
  <si>
    <t>http://ancestorhasaugment,ancestorhasaugmentedpermissions,containsunsubscribedchildren,displayname,domain,emailaddress,expl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http:///batch?%24ct=multipart%2Fmixed%3B%20boundary%3D%22%3D%3D%3D%3D%3Dvnjjlga52dtr%3D%3D%3D%3D%3D%22&amp;key=AIzaSyAy9VVXHSpS2IJpptzYtGbLP3-3_l0aBk4</t>
  </si>
  <si>
    <t>ancest;ancestorhasaugment;ancestorhasaugmentedpermissions;containsunsubscribedchildren;displayname;domain;emailaddress;expl;filesize;hasthumbnail;hasvisitorpermissions;id;id);items(kind;ken;lastmodifyinguser(kind;lastviewedbymedate;modifiedbymedate;modifieddate;ontainsunsubscribedchildren;owners(kind;permissionid;pictu;picture;rpermissions;shared;sharedwithmedate;thumbnailversion;title;userpermission(role);workspaceids;</t>
  </si>
  <si>
    <t>http://ancest,ancestorhasaugment,ancestorhasaugmentedpermissions,containsunsubscribedchildren,displayname,domain,emailaddress,expl,filesize,hasthumbnail,hasvisitorpermissions,id,id),items(kind,ken,lastmodifyinguser(kind,lastviewedbymedat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5ohjs1fs0dq7%3D%3D%3D%3D%3D%22&amp;key=AIzaSyAy9VVXHSpS2IJpptzYtGbLP3-3_l0aBk4</t>
  </si>
  <si>
    <t>ancest;ancestorhasaugment;ancestorhasaugmentedpermissions;containsunsubscribedchildren;displayname;domain;emailaddress;expl;file(kind;fileid;filesize;hasthumbnail;hasvisitorpermissions;id;id);items(deleted;items(kin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3sdwhrvpg9pq%3D%3D%3D%3D%3D%22&amp;key=AIzaSyAy9VVXHSpS2IJpptzYtGbLP3-3_l0aBk4</t>
  </si>
  <si>
    <t>http:///batch?%24ct=multipart%2Fmixed%3B%20boundary%3D%22%3D%3D%3D%3D%3Dhjv4vwot7l1r%3D%3D%3D%3D%3D%22&amp;key=AIzaSyAy9VVXHSpS2IJpptzYtGbLP3-3_l0aBk4</t>
  </si>
  <si>
    <t>http:///batch?%24ct=multipart%2Fmixed%3B%20boundary%3D%22%3D%3D%3D%3D%3D9ua13fu1z8ew%3D%3D%3D%3D%3D%22&amp;key=AIzaSyAy9VVXHSpS2IJpptzYtGbLP3-3_l0aBk4</t>
  </si>
  <si>
    <t>http:///batch?%24ct=multipart%2Fmixed%3B%20boundary%3D%22%3D%3D%3D%3D%3Dg7xn9mb0az1y%3D%3D%3D%3D%3D%22&amp;key=AIzaSyAy9VVXHSpS2IJpptzYtGbLP3-3_l0aBk4</t>
  </si>
  <si>
    <t>http:///batch?%24ct=multipart%2Fmixed%3B%20boundary%3D%22%3D%3D%3D%3D%3Dfl7xr9yep1qo%3D%3D%3D%3D%3D%22&amp;key=AIzaSyAy9VVXHSpS2IJpptzYtGbLP3-3_l0aBk4</t>
  </si>
  <si>
    <t>http:///batch?%24ct=multipart%2Fmixed%3B%20boundary%3D%22%3D%3D%3D%3D%3D4gce39yd8l0w%3D%3D%3D%3D%3D%22&amp;key=AIzaSyAy9VVXHSpS2IJpptzYtGbLP3-3_l0aBk4</t>
  </si>
  <si>
    <t>http:///batch?%24ct=multipart%2Fmixed%3B%20boundary%3D%22%3D%3D%3D%3D%3Dgvqc7nz30qzt%3D%3D%3D%3D%3D%22&amp;key=AIzaSyAy9VVXHSpS2IJpptzYtGbLP3-3_l0aBk4</t>
  </si>
  <si>
    <t>http:///batch?%24ct=multipart%2Fmixed%3B%20boundary%3D%22%3D%3D%3D%3D%3Dyan487puxmk3%3D%3D%3D%3D%3D%22&amp;key=AIzaSyAy9VVXHSpS2IJpptzYtGbLP3-3_l0aBk4</t>
  </si>
  <si>
    <t>ances;ancest;ancestorhasaugment;ancestorhasaugmentedpermissions;containsunsubscribedchildren;displayname;domain;emailaddress;expl;file(kind;fileid;filesize;hasthumbnail;hasvisitorpermissions;id;id);items(deleted;items(kind;ken;kind;lastmodifyinguser(kind;lastviewedbymedate;modifiedbymedate;modifieddate;ontainsunsubscribedchildren;owners(kind;per;permissionid;pict;pictu;picture;rpermissions;shared;sharedwithmedate;thumbnailversion;title;userpermission(role);workspaceids;</t>
  </si>
  <si>
    <t>http://ances,ancest,ancestorhasaugment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,permissionid,pict,pictu,picture,rpermissions,shared,sharedwithmedate,thumbnailversion,title,userpermission(role),workspaceids</t>
  </si>
  <si>
    <t>http:///batch?%24ct=multipart%2Fmixed%3B%20boundary%3D%22%3D%3D%3D%3D%3Dsqgh1e4l3qy%3D%3D%3D%3D%3D%22&amp;key=AIzaSyAy9VVXHSpS2IJpptzYtGbLP3-3_l0aBk4</t>
  </si>
  <si>
    <t>http:///batch?%24ct=multipart%2Fmixed%3B%20boundary%3D%22%3D%3D%3D%3D%3Dkvhf6rm05qy7%3D%3D%3D%3D%3D%22&amp;key=AIzaSyAy9VVXHSpS2IJpptzYtGbLP3-3_l0aBk4</t>
  </si>
  <si>
    <t>http:///batch?%24ct=multipart%2Fmixed%3B%20boundary%3D%22%3D%3D%3D%3D%3De3rcniio6fa6%3D%3D%3D%3D%3D%22&amp;key=AIzaSyAy9VVXHSpS2IJpptzYtGbLP3-3_l0aBk4</t>
  </si>
  <si>
    <t>http:///batch?%24ct=multipart%2Fmixed%3B%20boundary%3D%22%3D%3D%3D%3D%3Dl04n7tjnk5hs%3D%3D%3D%3D%3D%22&amp;key=AIzaSyAy9VVXHSpS2IJpptzYtGbLP3-3_l0aBk4</t>
  </si>
  <si>
    <t>http:///batch?%24ct=multipart%2Fmixed%3B%20boundary%3D%22%3D%3D%3D%3D%3Dlgdjelfjneoy%3D%3D%3D%3D%3D%22&amp;key=AIzaSyAy9VVXHSpS2IJpptzYtGbLP3-3_l0aBk4</t>
  </si>
  <si>
    <t>http:///batch?%24ct=multipart%2Fmixed%3B%20boundary%3D%22%3D%3D%3D%3D%3Dyizfojhr2y3z%3D%3D%3D%3D%3D%22&amp;key=AIzaSyAy9VVXHSpS2IJpptzYtGbLP3-3_l0aBk4</t>
  </si>
  <si>
    <t>http:///batch?%24ct=multipart%2Fmixed%3B%20boundary%3D%22%3D%3D%3D%3D%3De4ca132hb6%3D%3D%3D%3D%3D%22&amp;key=AIzaSyAy9VVXHSpS2IJpptzYtGbLP3-3_l0aBk4</t>
  </si>
  <si>
    <t>ances;ancest;ancestorhasaugment;ancestorhasaugmentedpermissions;containsunsubscribedchildren;displayname;domain;emailaddress;expl;file(kind;fileid;filesize;hasthumbnail;hasvisitorpermissions;id;id);items(deleted;items(kind;ken;kind;lastmodifyinguser(kind;lastviewedbymedate;modifiedbymedate;modifieddate;ontainsunsubscribedchildren;owners(kind;per;permissionid;pict;pictu;picture;rpermissions;shared;sharedwithmedate;thumbnailversion;title;userpermission(role);userpermission(role)�;workspaceids;</t>
  </si>
  <si>
    <t>http://ances,ancest,ancestorhasaugment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,permissionid,pict,pictu,picture,rpermissions,shared,sharedwithmedate,thumbnailversion,title,userpermission(role),userpermission(role)�,workspaceids</t>
  </si>
  <si>
    <t>http:///batch?%24ct=multipart%2Fmixed%3B%20boundary%3D%22%3D%3D%3D%3D%3D8duy12z04fg8%3D%3D%3D%3D%3D%22&amp;key=AIzaSyAy9VVXHSpS2IJpptzYtGbLP3-3_l0aBk4</t>
  </si>
  <si>
    <t>\\acsfs\ACS\Gabriel da Silva\Contemporânea\NPS\NPS CRBV_Leve.xlsb\</t>
  </si>
  <si>
    <t>\\acsfs\ACS\Gabriel da Silva\Contemporânea\NPS\NPS CRBV_Leve.xlsb</t>
  </si>
  <si>
    <t>NPS CRBV_Leve.xlsb</t>
  </si>
  <si>
    <t>100014122394468;10001423977161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https://100014122394468,10001423977161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122394468;100014239771614;</t>
  </si>
  <si>
    <t>https://100014122394468,100014239771614</t>
  </si>
  <si>
    <t>\\acsfs\profiles$\cintiadjl\My Documents\</t>
  </si>
  <si>
    <t>\\acsfs\profiles$\cintiadjl\Favorites\desktop.ini</t>
  </si>
  <si>
    <t>\\acsfs\profiles$\cintiadjl\My Documents\My Music\desktop.ini</t>
  </si>
  <si>
    <t>\\acsfs\profiles$\cintiadjl\Searches\</t>
  </si>
  <si>
    <t>\\acsfs\profiles$\cintiadjl\Searches\desktop.ini</t>
  </si>
  <si>
    <t>\\acsfs\profiles$\cintiadjl\Downloads\desktop.ini</t>
  </si>
  <si>
    <t>\\acsfs\profiles$\cintiadjl\Favorites\</t>
  </si>
  <si>
    <t>\\acsfs\profiles$\cintiadjl\My Documents\desktop.ini</t>
  </si>
  <si>
    <t>\\acsfs\profiles$\cintiadjl\Saved Games\desktop.ini</t>
  </si>
  <si>
    <t>winrt--{S-1-5-21-602162358-764733703-839522115-352950}-.searchconnector-ms</t>
  </si>
  <si>
    <t>\\acsfs\profiles$\cintiadjl\Searches\winrt--{S-1-5-21-602162358-764733703-839522115-352950}-.searchconnector-ms</t>
  </si>
  <si>
    <t>dbdd12a1-4b41-4f49-a523-3c33526010f1.tmp</t>
  </si>
  <si>
    <t>\\acsfs\profiles$\cintiadjl\Downloads\dbdd12a1-4b41-4f49-a523-3c33526010f1.tmp</t>
  </si>
  <si>
    <t>e8ecadce-1f4f-4f00-a4ef-b7e079edb77b.tmp</t>
  </si>
  <si>
    <t>\\acsfs\profiles$\cintiadjl\Downloads\e8ecadce-1f4f-4f00-a4ef-b7e079edb77b.tmp</t>
  </si>
  <si>
    <t>2e5854e7-2624-4f4e-b033-a110d72813d3.tmp</t>
  </si>
  <si>
    <t>\\acsfs\profiles$\fabianafv\Downloads\2e5854e7-2624-4f4e-b033-a110d72813d3.tmp</t>
  </si>
  <si>
    <t>9c0c4474-a027-46aa-9876-354a81200d86.tmp</t>
  </si>
  <si>
    <t>\\acsfs\profiles$\fabianafv\Downloads\9c0c4474-a027-46aa-9876-354a81200d86.tmp</t>
  </si>
  <si>
    <t>48364b7e-63e2-43f9-bb48-fe7842e75ac2.tmp</t>
  </si>
  <si>
    <t>\\acsfs\profiles$\philipegsf\Downloads\48364b7e-63e2-43f9-bb48-fe7842e75ac2.tmp</t>
  </si>
  <si>
    <t>http://play.google.com/log?format=json&amp;hasfast=true&amp;authuser=0</t>
  </si>
  <si>
    <t>http:///batch?%24ct=multipart%2Fmixed%3B%20boundary%3D%22%3D%3D%3D%3D%3Ddcgnb41d03wz%3D%3D%3D%3D%3D%22&amp;key=AIzaSyAy9VVXHSpS2IJpptzYtGbLP3-3_l0aBk4</t>
  </si>
  <si>
    <t>http:///batch?%24ct=multipart%2Fmixed%3B%20boundary%3D%22%3D%3D%3D%3D%3Dtlgow0h3ndx5%3D%3D%3D%3D%3D%22&amp;key=AIzaSyAy9VVXHSpS2IJpptzYtGbLP3-3_l0aBk4</t>
  </si>
  <si>
    <t>http:///batch?%24ct=multipart%2Fmixed%3B%20boundary%3D%22%3D%3D%3D%3D%3Du8kg3w3cf5pd%3D%3D%3D%3D%3D%22&amp;key=AIzaSyAy9VVXHSpS2IJpptzYtGbLP3-3_l0aBk4</t>
  </si>
  <si>
    <t>http:///batch?%24ct=multipart%2Fmixed%3B%20boundary%3D%22%3D%3D%3D%3D%3D3bgam6fjq8e6%3D%3D%3D%3D%3D%22&amp;key=AIzaSyAy9VVXHSpS2IJpptzYtGbLP3-3_l0aBk4</t>
  </si>
  <si>
    <t>http:///batch?%24ct=multipart%2Fmixed%3B%20boundary%3D%22%3D%3D%3D%3D%3Dk42smxuoto3j%3D%3D%3D%3D%3D%22&amp;key=AIzaSyAy9VVXHSpS2IJpptzYtGbLP3-3_l0aBk4</t>
  </si>
  <si>
    <t>3j===== content-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3j===== content-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7t9iuzi95b2n%3D%3D%3D%3D%3D%22&amp;key=AIzaSyAy9VVXHSpS2IJpptzYtGbLP3-3_l0aBk4</t>
  </si>
  <si>
    <t>http:///batch?%24ct=multipart%2Fmixed%3B%20boundary%3D%22%3D%3D%3D%3D%3Ddbmv52801qu4%3D%3D%3D%3D%3D%22&amp;key=AIzaSyAy9VVXHSpS2IJpptzYtGbLP3-3_l0aBk4</t>
  </si>
  <si>
    <t>http:///batch?%24ct=multipart%2Fmixed%3B%20boundary%3D%22%3D%3D%3D%3D%3Dbcgvlh37d8bn%3D%3D%3D%3D%3D%22&amp;key=AIzaSyAy9VVXHSpS2IJpptzYtGbLP3-3_l0aBk4</t>
  </si>
  <si>
    <t>http:///batch?%24ct=multipart%2Fmixed%3B%20boundary%3D%22%3D%3D%3D%3D%3D6d01p2bi0aq5%3D%3D%3D%3D%3D%22&amp;key=AIzaSyAy9VVXHSpS2IJpptzYtGbLP3-3_l0aBk4</t>
  </si>
  <si>
    <t>http:///batch?%24ct=multipart%2Fmixed%3B%20boundary%3D%22%3D%3D%3D%3D%3Dj1fdwcgty78i%3D%3D%3D%3D%3D%22&amp;key=AIzaSyAy9VVXHSpS2IJpptzYtGbLP3-3_l0aBk4</t>
  </si>
  <si>
    <t>3j===== content-;ancestorhasaugmentedp;ancestorhasaugmentedpermissions;containsunsubscribedchildren;displayname;domain;emailaddress;explici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3j===== content-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Emails.xlsx</t>
  </si>
  <si>
    <t>3j===== content-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q87vybeyupmm%3D%3D%3D%3D%3D%22&amp;key=AIzaSyAy9VVXHSpS2IJpptzYtGbLP3-3_l0aBk4</t>
  </si>
  <si>
    <t>http:///batch?%24ct=multipart%2Fmixed%3B%20boundary%3D%22%3D%3D%3D%3D%3Doc0b1jr893xz%3D%3D%3D%3D%3D%22&amp;key=AIzaSyAy9VVXHSpS2IJpptzYtGbLP3-3_l0aBk4</t>
  </si>
  <si>
    <t>http:///batch?%24ct=multipart%2Fmixed%3B%20boundary%3D%22%3D%3D%3D%3D%3D47k1oos5mp7s%3D%3D%3D%3D%3D%22&amp;key=AIzaSyAy9VVXHSpS2IJpptzYtGbLP3-3_l0aBk4</t>
  </si>
  <si>
    <t>3j===== content-;ancest;ancestorhasaugmentedp;ancestorhasaugmentedpermissions;containsunsubscribedchildren;displayname;domain;emailaddress;explici;file(kind;fileid;filesize;hasthumbnail;hasvisitorpermissions;id;id);items(deleted;items(kind;ken;kind;lastmodifyinguser(kind;lastviewedbymedate;modifiedbymedate;modifieddate;ontainsunsubscribedchildren;owners(kind;per;permiss;permission;permissionid;pictu;picture;picture�;rpermissions;shared;sharedwithmedate;thumbnailversion;title;userpermission(role);workspaceids;</t>
  </si>
  <si>
    <t>http://3j===== content-,ancest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,picture,picture�,rpermissions,shared,sharedwithmedate,thumbnailversion,title,userpermission(role),workspaceids</t>
  </si>
  <si>
    <t>http:///batch?%24ct=multipart%2Fmixed%3B%20boundary%3D%22%3D%3D%3D%3D%3Dyjqa71qyd2l0%3D%3D%3D%3D%3D%22&amp;key=AIzaSyAy9VVXHSpS2IJpptzYtGbLP3-3_l0aBk4</t>
  </si>
  <si>
    <t>http:///batch?%24ct=multipart%2Fmixed%3B%20boundary%3D%22%3D%3D%3D%3D%3Dcqdjzc4mto8n%3D%3D%3D%3D%3D%22&amp;key=AIzaSyAy9VVXHSpS2IJpptzYtGbLP3-3_l0aBk4</t>
  </si>
  <si>
    <t>3j===== content-;8n===== content-;ancest;ancestorhasaugmentedp;ancestorhasaugmentedpermissions;containsunsubscribedchildren;displayname;domain;emailaddress;explici;file(kind;fileid;filesize;hasthumbnail;hasvisitorpermissions;id;id);items(deleted;items(kind;ken;kind;lastmodifyinguser(kind;lastviewedbymedate;modifiedbymedate;modifieddate;ontainsunsubscribedchildren;owners(kind;per;permiss;permission;permissionid;pictu;picture;picture�;rpermissions;shared;sharedwithmedate;thumbnailversion;title;userpermission(role);workspaceids;</t>
  </si>
  <si>
    <t>http://3j===== content-,8n===== content-,ancest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,picture,picture�,rpermissions,shared,sharedwithmedate,thumbnailversion,title,userpermission(role),workspaceids</t>
  </si>
  <si>
    <t>http:///batch?%24ct=multipart%2Fmixed%3B%20boundary%3D%22%3D%3D%3D%3D%3Drri79rvfmx75%3D%3D%3D%3D%3D%22&amp;key=AIzaSyAy9VVXHSpS2IJpptzYtGbLP3-3_l0aBk4</t>
  </si>
  <si>
    <t>http:///batch?%24ct=multipart%2Fmixed%3B%20boundary%3D%22%3D%3D%3D%3D%3Dmaj834km2cq%3D%3D%3D%3D%3D%22&amp;key=AIzaSyAy9VVXHSpS2IJpptzYtGbLP3-3_l0aBk4</t>
  </si>
  <si>
    <t>http:///batch?%24ct=multipart%2Fmixed%3B%20boundary%3D%22%3D%3D%3D%3D%3Dv6gzll474bgc%3D%3D%3D%3D%3D%22&amp;key=AIzaSyAy9VVXHSpS2IJpptzYtGbLP3-3_l0aBk4</t>
  </si>
  <si>
    <t>http:///batch?%24ct=multipart%2Fmixed%3B%20boundary%3D%22%3D%3D%3D%3D%3Dozx8afilc31z%3D%3D%3D%3D%3D%22&amp;key=AIzaSyAy9VVXHSpS2IJpptzYtGbLP3-3_l0aBk4</t>
  </si>
  <si>
    <t>http:///batch?%24ct=multipart%2Fmixed%3B%20boundary%3D%22%3D%3D%3D%3D%3D1ijr9hlppu9v%3D%3D%3D%3D%3D%22&amp;key=AIzaSyAy9VVXHSpS2IJpptzYtGbLP3-3_l0aBk4</t>
  </si>
  <si>
    <t>http:///batch?%24ct=multipart%2Fmixed%3B%20boundary%3D%22%3D%3D%3D%3D%3Dblf1h4jc6x2e%3D%3D%3D%3D%3D%22&amp;key=AIzaSyAy9VVXHSpS2IJpptzYtGbLP3-3_l0aBk4</t>
  </si>
  <si>
    <t>http:///batch?%24ct=multipart%2Fmixed%3B%20boundary%3D%22%3D%3D%3D%3D%3D3b4myaxv4xws%3D%3D%3D%3D%3D%22&amp;key=AIzaSyAy9VVXHSpS2IJpptzYtGbLP3-3_l0aBk4</t>
  </si>
  <si>
    <t>http:///batch?%24ct=multipart%2Fmixed%3B%20boundary%3D%22%3D%3D%3D%3D%3Dz6pfy6xwtoaf%3D%3D%3D%3D%3D%22&amp;key=AIzaSyAy9VVXHSpS2IJpptzYtGbLP3-3_l0aBk4</t>
  </si>
  <si>
    <t>af===== content-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f===== content-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1lsbu4vxccxj%3D%3D%3D%3D%3D%22&amp;key=AIzaSyAy9VVXHSpS2IJpptzYtGbLP3-3_l0aBk4</t>
  </si>
  <si>
    <t>af===== content-;ancest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workspaceids;xj===== content-;</t>
  </si>
  <si>
    <t>http://af===== content-,ancest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,xj===== content-</t>
  </si>
  <si>
    <t>Documentos.xlsx</t>
  </si>
  <si>
    <t>af===== content-,ancest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,xj===== content-</t>
  </si>
  <si>
    <t>lu80132ax9otf.tmp</t>
  </si>
  <si>
    <t>\\acsfs\profiles$\ISABELLEGTDS\Nova pasta\lu80132ax9otf.tmp</t>
  </si>
  <si>
    <t>\\acsfs\profiles$\ISABELLEGTDS\Nova pasta\lu80132ax9otf.tmp\</t>
  </si>
  <si>
    <t>\\acsfs\profiles$\ISABELLEGTDS\Nova pasta\lu80132ax9otf.tmp\META-INF\</t>
  </si>
  <si>
    <t>\\acsfs\profiles$\ISABELLEGTDS\Nova pasta\lu80132ax9otf.tmp\Thumbnails\</t>
  </si>
  <si>
    <t>f7193b3c-faef-41b0-82ae-67e8ba23bc6e.tmp</t>
  </si>
  <si>
    <t>\\acsfs\profiles$\gabrielafs\Downloads\f7193b3c-faef-41b0-82ae-67e8ba23bc6e.tmp</t>
  </si>
  <si>
    <t>\\acsfs\ACS\Gabriel da Silva\Contemporânea\BDBV\233DA787.tmp\</t>
  </si>
  <si>
    <t>\\acsfs\ACS\Gabriel da Silva\Contemporânea\BDBV\233DA787.tmp\:Zone.Identifier:$DATA</t>
  </si>
  <si>
    <t>mail.google.com/_/upload?authuser=0&amp;dcp=asu-n&amp;upload_id=AEnB2Upy4Lia2NKuA-73sr4rQYiP8Uty8t20xZg01v1Y-ULd1CNmAhEJBA1_FPbQ2qaf4UTMAA3_ecSL13jVbm47zX0csRX8k3CSypP2mAIV1Qkat15stro&amp;upload_protocol=resumable</t>
  </si>
  <si>
    <t>C:\Users\fernandorsju\Documents\</t>
  </si>
  <si>
    <t>Relatório Samanta.xlsx</t>
  </si>
  <si>
    <t>46a46f4e-362e-44d6-bf75-a2d4255d5f30.tmp</t>
  </si>
  <si>
    <t>\\acsfs\profiles$\gabrielarb\Downloads\46a46f4e-362e-44d6-bf75-a2d4255d5f30.tmp</t>
  </si>
  <si>
    <t>a78e677c-51c7-47a3-a5da-590c2e8bcd33.tmp</t>
  </si>
  <si>
    <t>\\acsfs\profiles$\gabrielarb\Downloads\a78e677c-51c7-47a3-a5da-590c2e8bcd33.tmp</t>
  </si>
  <si>
    <t>85d37731-b6cc-407a-b66f-5699ce7ca351.tmp</t>
  </si>
  <si>
    <t>\\acsfs\profiles$\gabrielarb\Downloads\85d37731-b6cc-407a-b66f-5699ce7ca351.tmp</t>
  </si>
  <si>
    <t>da8a1f89-da16-4e02-a362-ee60381b7c7f.tmp</t>
  </si>
  <si>
    <t>\\acsfs\profiles$\LUISPLS\Downloads\da8a1f89-da16-4e02-a362-ee60381b7c7f.tmp</t>
  </si>
  <si>
    <t>mail.google.com/_/upload?authuser=0&amp;dcp=asu-n&amp;upload_id=AEnB2UpWtukkpIklb8x7nmGXJoB4eouTyOTnQDpyEpmeFb8XOuSzhuTNMw3nMK5l9-sGZBDHr1JoCpsCqfZ9MBAwEtUrlbtqpYWMHJgmC3eDnZh15FYjF-Y&amp;upload_protocol=resumable</t>
  </si>
  <si>
    <t>http:///batch?%24ct=multipart%2Fmixed%3B%20boundary%3D%22%3D%3D%3D%3D%3D93rok7jr3s4t%3D%3D%3D%3D%3D%22&amp;key=AIzaSyAy9VVXHSpS2IJpptzYtGbLP3-3_l0aBk4</t>
  </si>
  <si>
    <t>http:///batch?%24ct=multipart%2Fmixed%3B%20boundary%3D%22%3D%3D%3D%3D%3Dvkor0xof2w28%3D%3D%3D%3D%3D%22&amp;key=AIzaSyAy9VVXHSpS2IJpptzYtGbLP3-3_l0aBk4</t>
  </si>
  <si>
    <t>http:///batch?%24ct=multipart%2Fmixed%3B%20boundary%3D%22%3D%3D%3D%3D%3D2n9inxdor6qw%3D%3D%3D%3D%3D%22&amp;key=AIzaSyAy9VVXHSpS2IJpptzYtGbLP3-3_l0aBk4</t>
  </si>
  <si>
    <t>http:///batch?%24ct=multipart%2Fmixed%3B%20boundary%3D%22%3D%3D%3D%3D%3Dupnrdddrzmxx%3D%3D%3D%3D%3D%22&amp;key=AIzaSyAy9VVXHSpS2IJpptzYtGbLP3-3_l0aBk4</t>
  </si>
  <si>
    <t>http:///batch?%24ct=multipart%2Fmixed%3B%20boundary%3D%22%3D%3D%3D%3D%3Dsp66q87eklys%3D%3D%3D%3D%3D%22&amp;key=AIzaSyAy9VVXHSpS2IJpptzYtGbLP3-3_l0aBk4</t>
  </si>
  <si>
    <t>http:///batch?%24ct=multipart%2Fmixed%3B%20boundary%3D%22%3D%3D%3D%3D%3Dq5yxtmhn69h3%3D%3D%3D%3D%3D%22&amp;key=AIzaSyAy9VVXHSpS2IJpptzYtGbLP3-3_l0aBk4</t>
  </si>
  <si>
    <t>a695d91c4f_u x-goog-authuser: 0 --=====q5yxtmhn69h3=====-- avu/lt�&lt;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695d91c4f_u x-goog-authuser: 0 --=====q5yxtmhn69h3=====-- avu/lt�&lt;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3114x7smdxko%3D%3D%3D%3D%3D%22&amp;key=AIzaSyAy9VVXHSpS2IJpptzYtGbLP3-3_l0aBk4</t>
  </si>
  <si>
    <t>http:///batch?%24ct=multipart%2Fmixed%3B%20boundary%3D%22%3D%3D%3D%3D%3Doznrpnu3ig92%3D%3D%3D%3D%3D%22&amp;key=AIzaSyAy9VVXHSpS2IJpptzYtGbLP3-3_l0aBk4</t>
  </si>
  <si>
    <t>http:///batch?%24ct=multipart%2Fmixed%3B%20boundary%3D%22%3D%3D%3D%3D%3Deub3zvvqdtvh%3D%3D%3D%3D%3D%22&amp;key=AIzaSyAy9VVXHSpS2IJpptzYtGbLP3-3_l0aBk4</t>
  </si>
  <si>
    <t>eecb6e18-e2cd-4200-a200-038d54a62521.tmp</t>
  </si>
  <si>
    <t>\\acsfs\profiles$\isabellegtds\Downloads\eecb6e18-e2cd-4200-a200-038d54a62521.tmp</t>
  </si>
  <si>
    <t>10.200.60.36</t>
  </si>
  <si>
    <t>9C-30-5B-FC-2E-01</t>
  </si>
  <si>
    <t>NB-LUANAAOLI</t>
  </si>
  <si>
    <t>luanaaoli</t>
  </si>
  <si>
    <t>C:\Users\luanaaoli\Desktop\</t>
  </si>
  <si>
    <t>Agências Ofensoras - Maio até Novembro 19 (1).xlsx</t>
  </si>
  <si>
    <t>ancest,ancestorhasaugmentedp,ancestorhasaugmentedpermissions,contain,containsunsubscribedchildren,displayname,domain,emailaddress,explici,explicitlytrashed,file(kind,fileid,filesize,hasthumbnail,hasthumbnail�,hasvisitorpermissions,id,id),id)�,items(deleted,items(kind,ken,kind,lastmodifyinguser(kind,lastviewedbymedate,mimetype,modifiedbymedate,modifieddate,nextpagetoken,ontainsunsubscribedchildren,owners(kind,permis,permission,permissionid,pictu,picture,picture�,quo,rpermissions,s - sau amex' and title contains 'xlsx' and trashed = false and '0adntaicxqxwmuk9pva' in parents&amp;fields=kind,shared,sharedwithmedate,thumbnailversion,title,userpermission(role),userpermission(role)�,workspaceids</t>
  </si>
  <si>
    <t>a9dc5fa2-e7ad-442d-8703-e1d4843b7180.tmp</t>
  </si>
  <si>
    <t>\\acsfs\profiles$\inarajst\Downloads\a9dc5fa2-e7ad-442d-8703-e1d4843b7180.tmp</t>
  </si>
  <si>
    <t>dbb3df77-b8ec-41e7-8144-bd861b30c27b.tmp</t>
  </si>
  <si>
    <t>\\acsfs\profiles$\inarajst\Downloads\dbb3df77-b8ec-41e7-8144-bd861b30c27b.tmp</t>
  </si>
  <si>
    <t>C:\A2\PAULAO\TIM\ORÇAMENTOS\REUNIÃO\DEZEMBRO\DEZEMBRO\CORREÇÃO\ATUALIZADO\NOVO\</t>
  </si>
  <si>
    <t>Mobilizações_Orçamentos executados 15-12 à 31-12 - Algar.xlsx</t>
  </si>
  <si>
    <t>mail.google.com/_/upload?authuser=0&amp;dcp=asu-n&amp;upload_id=AEnB2UpEe26B0eMFEfdhrrjY5eG0tJmP0_Jkeqm-5uUSp_XDREJKaGq4YAAlbBKrS8OHJpGxgHpHCTJZwFZtPa2ZYSxYBXVBZj0CAI1bIneDT4s9ma9-8N4&amp;upload_protocol=resumable</t>
  </si>
  <si>
    <t>gisellyador</t>
  </si>
  <si>
    <t>\\acsfs\profiles$\gisellyador\My Documents\$RECYCLE.BIN\</t>
  </si>
  <si>
    <t>$I1JS7IB.txt</t>
  </si>
  <si>
    <t>\\acsfs\profiles$\gisellyador\My Documents\$RECYCLE.BIN\$I1JS7IB.txt</t>
  </si>
  <si>
    <t>$IRI1L6U.txt</t>
  </si>
  <si>
    <t>\\acsfs\profiles$\gisellyador\My Documents\$RECYCLE.BIN\$IRI1L6U.txt</t>
  </si>
  <si>
    <t>$IP4CCS5.txt</t>
  </si>
  <si>
    <t>\\acsfs\profiles$\gisellyador\My Documents\$RECYCLE.BIN\$IP4CCS5.txt</t>
  </si>
  <si>
    <t>$I592QV5.txt</t>
  </si>
  <si>
    <t>\\acsfs\profiles$\gisellyador\My Documents\$RECYCLE.BIN\$I592QV5.txt</t>
  </si>
  <si>
    <t>$I7M0SYQ.txt</t>
  </si>
  <si>
    <t>\\acsfs\profiles$\gisellyador\My Documents\$RECYCLE.BIN\$I7M0SYQ.txt</t>
  </si>
  <si>
    <t>73db0b91-7210-4c4b-9721-3eac363c6ad5.tmp</t>
  </si>
  <si>
    <t>\\acsfs\profiles$\brunalas\Downloads\73db0b91-7210-4c4b-9721-3eac363c6ad5.tmp</t>
  </si>
  <si>
    <t>a007fad4-ba24-49a5-a1f8-08c06429af27.tmp</t>
  </si>
  <si>
    <t>\\acsfs\profiles$\brunalas\Downloads\a007fad4-ba24-49a5-a1f8-08c06429af27.tmp</t>
  </si>
  <si>
    <t>81dbb003-991d-48cb-8f3c-0a892fde072b.tmp</t>
  </si>
  <si>
    <t>\\acsfs\profiles$\fabianobmf\Downloads\81dbb003-991d-48cb-8f3c-0a892fde072b.tmp</t>
  </si>
  <si>
    <t>32370729-09f0-4e93-9f9c-d0149a8be9f2.tmp</t>
  </si>
  <si>
    <t>\\acsfs\profiles$\kamilamrc\Downloads\32370729-09f0-4e93-9f9c-d0149a8be9f2.tmp</t>
  </si>
  <si>
    <t>80cde55a-1508-4791-b952-142724eca06a.tmp</t>
  </si>
  <si>
    <t>\\acsfs\profiles$\sarahbal\Downloads\80cde55a-1508-4791-b952-142724eca06a.tmp</t>
  </si>
  <si>
    <t>/o=exchangelabs/ou=exchange administrative group (fydibohf23spdlt)/cn=recipients/cn=5af2cae509964078b2026f7f550380b0-andre luis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a19b321d5b334e5aadd5d63abdb84bd8-karine fern;/o=exchangelabs/ou=exchange administrative group (fydibohf23spdlt)/cn=recipients/cn=e47f7192d7b143e286620292e5ce82f2-mirian pris;/o=exchangelabs/ou=exchange administrative group (fydibohf23spdlt)/cn=recipients/cn=user8e89d2d7;</t>
  </si>
  <si>
    <t>NPS e Transferência, SAC - Janeiro</t>
  </si>
  <si>
    <t>/o=exchangelabs/ou=exchange administrative group (fydibohf23spdlt)/cn=recipients/cn=5af2cae509964078b2026f7f550380b0-andre luis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a19b321d5b334e5aadd5d63abdb84bd8-karine fern,/o=exchangelabs/ou=exchange administrative group (fydibohf23spdlt)/cn=recipients/cn=e47f7192d7b143e286620292e5ce82f2-mirian pris,/o=exchangelabs/ou=exchange administrative group (fydibohf23spdlt)/cn=recipients/cn=user8e89d2d7</t>
  </si>
  <si>
    <t>\\acsfs\ACS\Gabriel da Silva\Contemporânea\NPS\F8437125.tmp\</t>
  </si>
  <si>
    <t>\\acsfs\ACS\Gabriel da Silva\Contemporânea\NPS\F8437125.tmp\:Zone.Identifier:$DATA</t>
  </si>
  <si>
    <t>mail.google.com/sync/u/0/i/s?hl=pt-BR&amp;c=901</t>
  </si>
  <si>
    <t>mail.google.com/sync/u/0/i/s?hl=pt-BR&amp;c=903</t>
  </si>
  <si>
    <t>mail.google.com/sync/u/0/i/s?hl=pt-BR&amp;c=912</t>
  </si>
  <si>
    <t>mail.google.com/sync/u/0/i/s?hl=pt-BR&amp;c=914</t>
  </si>
  <si>
    <t>mail.google.com/sync/u/0/i/s?hl=pt-BR&amp;c=916</t>
  </si>
  <si>
    <t>mail.google.com/sync/u/0/i/s?hl=pt-BR&amp;c=918</t>
  </si>
  <si>
    <t>100014122394468;100014239771614;catianalv@algartech.com;cpc-controldeskavon@algartech.com;joseasn@algartech.com;lucianarsantos@algartech.com;marianadjc@algartech.com;senildapdo@algartecnologia.com.br;</t>
  </si>
  <si>
    <t>100014122394468,100014239771614,catianalv@algartech.com,cpc-controldeskavon@algartech.com,joseasn@algartech.com,lucianarsantos@algartech.com,marianadjc@algartech.com,senildapdo@algartecnologia.com.br</t>
  </si>
  <si>
    <t>966fb143-5f68-4b31-925f-9762d62b083c.tmp</t>
  </si>
  <si>
    <t>\\acsfs\profiles$\cintiadjl\Downloads\966fb143-5f68-4b31-925f-9762d62b083c.tmp</t>
  </si>
  <si>
    <t>79e7a97d-be69-4581-9c59-72af1b8683cf.tmp</t>
  </si>
  <si>
    <t>\\acsfs\profiles$\cintiadjl\Downloads\79e7a97d-be69-4581-9c59-72af1b8683cf.tmp</t>
  </si>
  <si>
    <t>2ca5360d-2d28-4d86-a152-c46f74813e58.tmp</t>
  </si>
  <si>
    <t>\\acsfs\profiles$\LAISLG\Downloads\2ca5360d-2d28-4d86-a152-c46f74813e58.tmp</t>
  </si>
  <si>
    <t>de7e2397-bccf-42a9-91e7-fe5657953e77.tmp</t>
  </si>
  <si>
    <t>\\acsfs\profiles$\brunalas\Downloads\de7e2397-bccf-42a9-91e7-fe5657953e77.tmp</t>
  </si>
  <si>
    <t>3a878e8c-e238-4b71-abf8-48c2c341d40d.tmp</t>
  </si>
  <si>
    <t>\\acsfs\profiles$\laylaams\Downloads\3a878e8c-e238-4b71-abf8-48c2c341d40d.tmp</t>
  </si>
  <si>
    <t>e35df433-52b3-409b-906c-8512ce7fea6a.tmp</t>
  </si>
  <si>
    <t>\\acsfs\profiles$\philipegsf\Downloads\e35df433-52b3-409b-906c-8512ce7fea6a.tmp</t>
  </si>
  <si>
    <t>72bc18be-529e-4fad-a4a6-528e4883d88c.tmp</t>
  </si>
  <si>
    <t>\\acsfs\profiles$\rosileiam\Downloads\72bc18be-529e-4fad-a4a6-528e4883d88c.tmp</t>
  </si>
  <si>
    <t>lucia.farias@algar.com.br</t>
  </si>
  <si>
    <t>3428097_-_Lancamentos_Mensal.xlsx</t>
  </si>
  <si>
    <t>2b3c5d0e-c0f4-4802-b225-93454762c707.tmp</t>
  </si>
  <si>
    <t>\\acsfs\profiles$\fabianobmf\Downloads\2b3c5d0e-c0f4-4802-b225-93454762c707.tmp</t>
  </si>
  <si>
    <t>021dd136-fd7e-4004-8272-93163d48b783.tmp</t>
  </si>
  <si>
    <t>\\acsfs\profiles$\fabianafv\Downloads\021dd136-fd7e-4004-8272-93163d48b783.tmp</t>
  </si>
  <si>
    <t>92442b97-9288-40b1-8a64-491254388e03.tmp</t>
  </si>
  <si>
    <t>\\acsfs\profiles$\fabianafv\Downloads\92442b97-9288-40b1-8a64-491254388e03.tmp</t>
  </si>
  <si>
    <t>26daef73-663b-4da4-84ca-956d6ccc7bbe.tmp</t>
  </si>
  <si>
    <t>\\acsfs\profiles$\fabianafv\Downloads\26daef73-663b-4da4-84ca-956d6ccc7bbe.tmp</t>
  </si>
  <si>
    <t>marianerdo@algartech.com</t>
  </si>
  <si>
    <t>\\acsfs\ACS\Gabriel da Silva\Contemporânea\NPS\13B47C33.tmp\</t>
  </si>
  <si>
    <t>\\acsfs\ACS\Gabriel da Silva\Contemporânea\NPS\13B47C33.tmp\:Zone.Identifier:$DATA</t>
  </si>
  <si>
    <t>/o=exchangelabs/ou=exchange administrative group (fydibohf23spdlt)/cn=recipients/cn=5af2cae509964078b2026f7f550380b0-andre luis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e47f7192d7b143e286620292e5ce82f2-mirian pris;/o=exchangelabs/ou=exchange administrative group (fydibohf23spdlt)/cn=recipients/cn=user8e89d2d7;thiagolrc@bv.algartech.com;</t>
  </si>
  <si>
    <t>NPS e Transferência, Consignado - Janeiro</t>
  </si>
  <si>
    <t>/o=exchangelabs/ou=exchange administrative group (fydibohf23spdlt)/cn=recipients/cn=5af2cae509964078b2026f7f550380b0-andre luis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e47f7192d7b143e286620292e5ce82f2-mirian pris,/o=exchangelabs/ou=exchange administrative group (fydibohf23spdlt)/cn=recipients/cn=user8e89d2d7,thiagolrc@bv.algartech.com</t>
  </si>
  <si>
    <t>mail.google.com/sync/u/0/i/s?hl=pt-BR&amp;c=921</t>
  </si>
  <si>
    <t>mail.google.com/sync/u/0/i/s?hl=pt-BR&amp;c=923</t>
  </si>
  <si>
    <t>mail.google.com/sync/u/0/i/s?hl=pt-BR&amp;c=927</t>
  </si>
  <si>
    <t>69fd5815-6403-4d59-9cab-ace90448bf5c.tmp</t>
  </si>
  <si>
    <t>\\acsfs\profiles$\LAISLG\Downloads\69fd5815-6403-4d59-9cab-ace90448bf5c.tmp</t>
  </si>
  <si>
    <t>ef035e69-d9de-44cd-b915-b11d895a1109.tmp</t>
  </si>
  <si>
    <t>\\acsfs\profiles$\laylaams\Downloads\ef035e69-d9de-44cd-b915-b11d895a1109.tmp</t>
  </si>
  <si>
    <t>/o=exchangelabs/ou=exchange administrative group (fydibohf23spdlt)/cn=recipients/cn=4f1c81c2e16143f68596016ac3b45ef1-gustavo dam;/o=exchangelabs/ou=exchange administrative group (fydibohf23spdlt)/cn=recipients/cn=5af2cae509964078b2026f7f550380b0-andre luis;/o=exchangelabs/ou=exchange administrative group (fydibohf23spdlt)/cn=recipients/cn=6530aaa31df24237888421b849a2b4da-mariana cri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cf023be226744f8a9c38076dbccfd020-flavia cons;/o=exchangelabs/ou=exchange administrative group (fydibohf23spdlt)/cn=recipients/cn=e47f7192d7b143e286620292e5ce82f2-miria</t>
  </si>
  <si>
    <t>NPS e Transferência, CRBV - Janeiro</t>
  </si>
  <si>
    <t>/o=exchangelabs/ou=exchange administrative group (fydibohf23spdlt)/cn=recipients/cn=4f1c81c2e16143f68596016ac3b45ef1-gustavo dam,/o=exchangelabs/ou=exchange administrative group (fydibohf23spdlt)/cn=recipients/cn=5af2cae509964078b2026f7f550380b0-andre luis,/o=exchangelabs/ou=exchange administrative group (fydibohf23spdlt)/cn=recipients/cn=6530aaa31df24237888421b849a2b4da-mariana cri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cf023be226744f8a9c38076dbccfd020-flavia cons,/o=exchangelabs/ou=exchange administrative group (fydibohf23spdlt)/cn=recipients/cn=e47f7192d7b143e286620292e5ce82f2-miria</t>
  </si>
  <si>
    <t>maristelavodq@bv.algartech.com;</t>
  </si>
  <si>
    <t>maristelavodq@bv.algartech.com</t>
  </si>
  <si>
    <t>mail.google.com/sync/u/0/i/s?hl=pt-BR&amp;c=932</t>
  </si>
  <si>
    <t>mail.google.com/sync/u/0/i/s?hl=pt-BR&amp;c=935</t>
  </si>
  <si>
    <t>mail.google.com/sync/u/0/i/s?hl=pt-BR&amp;c=938</t>
  </si>
  <si>
    <t>mail.google.com/sync/u/0/i/s?hl=pt-BR&amp;c=940</t>
  </si>
  <si>
    <t>https://100014122394468,100014239771614,catianalv@algartech.com,cpc-controldeskavon@algartech.com,joseasn@algartech.com,lucianarsantos@algartech.com,marianadjc@algartech.com,senildapdo@algartecnologia.com.br</t>
  </si>
  <si>
    <t>01beddd1-e7ec-49bc-b26e-f162f4c19ab6.tmp</t>
  </si>
  <si>
    <t>\\acsfs\profiles$\rafaelahpn\Downloads\01beddd1-e7ec-49bc-b26e-f162f4c19ab6.tmp</t>
  </si>
  <si>
    <t>b4cfc40c-bc03-4de6-9502-e9894f1097ff.tmp</t>
  </si>
  <si>
    <t>\\acsfs\profiles$\LAISLG\Downloads\b4cfc40c-bc03-4de6-9502-e9894f1097ff.tmp</t>
  </si>
  <si>
    <t>e48bb521-5ea3-4a34-8e2c-ae812253492a.tmp</t>
  </si>
  <si>
    <t>\\acsfs\profiles$\LAISLG\Downloads\e48bb521-5ea3-4a34-8e2c-ae812253492a.tmp</t>
  </si>
  <si>
    <t>579fc979-cd8b-4812-88ae-a6c3e704cb3c.tmp</t>
  </si>
  <si>
    <t>\\acsfs\profiles$\luanaagl\Downloads\579fc979-cd8b-4812-88ae-a6c3e704cb3c.tmp</t>
  </si>
  <si>
    <t>7631c1ab-f867-4987-b860-c7ac03d61ac8.tmp</t>
  </si>
  <si>
    <t>\\acsfs\profiles$\luanaagl\Downloads\7631c1ab-f867-4987-b860-c7ac03d61ac8.tmp</t>
  </si>
  <si>
    <t>18e61f77-8f0e-4bc4-b617-21d80fff7a6a.tmp</t>
  </si>
  <si>
    <t>\\acsfs\profiles$\isabellegtds\Downloads\18e61f77-8f0e-4bc4-b617-21d80fff7a6a.tmp</t>
  </si>
  <si>
    <t>mail.google.com/_/upload?authuser=0&amp;dcp=asu-n&amp;upload_id=AEnB2UoobiSyL7_PxIcONdEbgvZIrsZQ4F39m9FCqpH9dQgYXROGe_EDH_o2hBBB-2-t8FaNrCxiXfixlwHAQ5hbW0Ds_btaKkwyGi2v2b0vgzvp-P9ragY&amp;upload_protocol=resumable</t>
  </si>
  <si>
    <t>C:\Users\carlosfn\Downloads\</t>
  </si>
  <si>
    <t>Relação de Empresas (24).xlsx</t>
  </si>
  <si>
    <t>\\acsfs\deptos\DME\CME - Coordenacao de Marketing e Estrategia\Gestão de Vendas\Canais\2020\</t>
  </si>
  <si>
    <t>Carteiras 2020.xlsx</t>
  </si>
  <si>
    <t>13d83628-ed0f-471e-85e7-361764144403.tmp</t>
  </si>
  <si>
    <t>\\acsfs\profiles$\brunalas\Downloads\13d83628-ed0f-471e-85e7-361764144403.tmp</t>
  </si>
  <si>
    <t>5d066d6a-1e57-480d-9f0a-9bbebf3ef267.tmp</t>
  </si>
  <si>
    <t>\\acsfs\profiles$\brunalas\Downloads\5d066d6a-1e57-480d-9f0a-9bbebf3ef267.tmp</t>
  </si>
  <si>
    <t>40d99121-11b2-4af5-b987-c781dab021b7.tmp</t>
  </si>
  <si>
    <t>\\acsfs\profiles$\fabianobmf\Downloads\40d99121-11b2-4af5-b987-c781dab021b7.tmp</t>
  </si>
  <si>
    <t>b8846ac2-5c70-4843-93c5-f12c001868b9.tmp</t>
  </si>
  <si>
    <t>\\acsfs\profiles$\rafaelacdoc\Downloads\b8846ac2-5c70-4843-93c5-f12c001868b9.tmp</t>
  </si>
  <si>
    <t>75bc5eec-cdc4-401d-b4ee-acc48a8b7a86.tmp</t>
  </si>
  <si>
    <t>\\acsfs\profiles$\rafaelacdoc\Downloads\75bc5eec-cdc4-401d-b4ee-acc48a8b7a86.tmp</t>
  </si>
  <si>
    <t>mail.google.com/sync/u/0/i/s?hl=pt-BR&amp;c=943</t>
  </si>
  <si>
    <t>mail.google.com/sync/u/0/i/s?hl=pt-BR&amp;c=945</t>
  </si>
  <si>
    <t>cf4cd9e8-02d8-4132-ad41-a0b3df1cd99b.tmp</t>
  </si>
  <si>
    <t>\\acsfs\profiles$\mariajra\Downloads\cf4cd9e8-02d8-4132-ad41-a0b3df1cd99b.tmp</t>
  </si>
  <si>
    <t>XLOG_tiagosno_07012020_065039.log</t>
  </si>
  <si>
    <t>\\acsfs\profiles$\tiagosno\My Documents\xworkcenter\logs\XLOG_tiagosno_07012020_065039.log</t>
  </si>
  <si>
    <t>0d113f88-b812-4192-be0b-73dd55570e36.tmp</t>
  </si>
  <si>
    <t>\\acsfs\profiles$\henriqueco\Downloads\0d113f88-b812-4192-be0b-73dd55570e36.tmp</t>
  </si>
  <si>
    <t>a055936f-d511-4e82-a58b-95ab09d192f8.tmp</t>
  </si>
  <si>
    <t>\\acsfs\profiles$\andreapdsg\Downloads\a055936f-d511-4e82-a58b-95ab09d192f8.tmp</t>
  </si>
  <si>
    <t>2e9db66b-7136-461d-9356-dec703b5ba50.tmp</t>
  </si>
  <si>
    <t>\\acsfs\profiles$\andreapdsg\Downloads\2e9db66b-7136-461d-9356-dec703b5ba50.tmp</t>
  </si>
  <si>
    <t>bcb7e51e-9628-4673-8a80-91bcda45b895.tmp</t>
  </si>
  <si>
    <t>\\acsfs\profiles$\LAISLG\Downloads\bcb7e51e-9628-4673-8a80-91bcda45b895.tmp</t>
  </si>
  <si>
    <t>mail.google.com/_/upload?authuser=0&amp;dcp=asu-n&amp;upload_id=AEnB2Upr2chmtKJyf_Z_OEATfLr-ZX2Wid3n4FK3rg00eIrGbmadr2nWnci_ei6GcSZ1UTizkxUEs1BvUiUCKHxJHPZxqRjkuA&amp;upload_protocol=resumable</t>
  </si>
  <si>
    <t>\\acsfs\engeset\ASA_ULA\NUCLEO_SUPRIMENTOS\Objetivos\2019 - 2º Semestre\Apuração\Brasilia\</t>
  </si>
  <si>
    <t>Invetário Cíclico Estoque_Janeiro_Brasilia.xlsx</t>
  </si>
  <si>
    <t>dbe79dfe-1401-4bf7-bebe-38b63d77f18f.tmp</t>
  </si>
  <si>
    <t>\\acsfs\profiles$\paulohaf\Downloads\dbe79dfe-1401-4bf7-bebe-38b63d77f18f.tmp</t>
  </si>
  <si>
    <t>eaa3c746-788f-4f6f-9381-6e826478f1e4.tmp</t>
  </si>
  <si>
    <t>\\acsfs\profiles$\paulohaf\Downloads\eaa3c746-788f-4f6f-9381-6e826478f1e4.tmp</t>
  </si>
  <si>
    <t>07c74f41-70cd-459a-aa65-dba7b446d7e0.tmp</t>
  </si>
  <si>
    <t>\\acsfs\profiles$\paulohaf\Downloads\07c74f41-70cd-459a-aa65-dba7b446d7e0.tmp</t>
  </si>
  <si>
    <t>6d44e3c3-bc3a-46c9-9d02-408db02fd4dc.tmp</t>
  </si>
  <si>
    <t>\\acsfs\profiles$\paulohaf\Downloads\6d44e3c3-bc3a-46c9-9d02-408db02fd4dc.tmp</t>
  </si>
  <si>
    <t>9bdbebc6-9dc1-4312-b9d1-e3cd6c2d2718.tmp</t>
  </si>
  <si>
    <t>\\acsfs\profiles$\paulohaf\Downloads\9bdbebc6-9dc1-4312-b9d1-e3cd6c2d2718.tmp</t>
  </si>
  <si>
    <t>camilaammm@algartech.com;</t>
  </si>
  <si>
    <t>camilaammm@algartech.com</t>
  </si>
  <si>
    <t>mail.google.com/_/upload?authuser=0&amp;dcp=asu-n&amp;upload_id=AEnB2UpzHf134f22S7NhnZM4WXn35568pu0sQFKWCoU19FzfAm1MGLtX_ihuMVKD7vl2fbbfeqC4YcuC3wt04nhzS1SDNWQXFfdA2alGw1RWNI0q_Hlb51g&amp;upload_protocol=resumable</t>
  </si>
  <si>
    <t>REVENDA INTEGRACAO</t>
  </si>
  <si>
    <t>10.200.57.78</t>
  </si>
  <si>
    <t>48-51-B7-8D-FC-70</t>
  </si>
  <si>
    <t>NB-LILIANEADB</t>
  </si>
  <si>
    <t>lilianeadb</t>
  </si>
  <si>
    <t>\\acsfs\engeset\CPV_ULA\ADMINISTRATIVO\CONTROLE ADMINISTRATIVO\DOCUMENTAÇÃO PARA HABILITAÇÃO\Algar Tecnologia\2020\000000 - LIGHT - CALL CENTER - 21.01.2020\Apresentacao aos proponentes Light_v6.pptx\</t>
  </si>
  <si>
    <t>mail.google.com/_/upload?authuser=0&amp;dcp=asu-n&amp;upload_id=AEnB2Uoe4XaTtVE9uV7r72pbKU-KmZCpgclYpCl0igIwVXczYTPflUIVR3tU-vKd_gQfgPrq5LNuD8qEJimEmt3ObRc4Lv4GMIlogZ-pVeodeZhKMwGBznc&amp;upload_protocol=resumable</t>
  </si>
  <si>
    <t>4cdf61d5-6f97-4d18-b072-3be27a6f2545.tmp</t>
  </si>
  <si>
    <t>\\acsfs\profiles$\henriqueco\Downloads\4cdf61d5-6f97-4d18-b072-3be27a6f2545.tmp</t>
  </si>
  <si>
    <t>http:///batch?%24ct=multipart%2Fmixed%3B%20boundary%3D%22%3D%3D%3D%3D%3Dciiicpaffa2f%3D%3D%3D%3D%3D%22&amp;key=AIzaSyAy9VVXHSpS2IJpptzYtGbLP3-3_l0aBk4</t>
  </si>
  <si>
    <t>http:///batch?%24ct=multipart%2Fmixed%3B%20boundary%3D%22%3D%3D%3D%3D%3D14wzsw46w3r7%3D%3D%3D%3D%3D%22&amp;key=AIzaSyAy9VVXHSpS2IJpptzYtGbLP3-3_l0aBk4</t>
  </si>
  <si>
    <t>http:///batch?%24ct=multipart%2Fmixed%3B%20boundary%3D%22%3D%3D%3D%3D%3Dvkwkqw29fyxp%3D%3D%3D%3D%3D%22&amp;key=AIzaSyAy9VVXHSpS2IJpptzYtGbLP3-3_l0aBk4</t>
  </si>
  <si>
    <t>http:///batch?%24ct=multipart%2Fmixed%3B%20boundary%3D%22%3D%3D%3D%3D%3Dfly344n8suxt%3D%3D%3D%3D%3D%22&amp;key=AIzaSyAy9VVXHSpS2IJpptzYtGbLP3-3_l0aBk4</t>
  </si>
  <si>
    <t>ancestorhasaugmentedpermi;ancestorhasaugmentedpermissions;containsunsubscribedchildren;displayname;domain;emailaddress;explicitlyt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,ancestorhasaugmentedpermissions,containsunsubscribedchildren,displayname,domain,emailaddress,explicitlyt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C:\Users\flaviacno\Downloads\NPS CRBV (12).xlsb\</t>
  </si>
  <si>
    <t>ancestorhasaugmentedpermi,ancestorhasaugmentedpermissions,containsunsubscribedchildren,displayname,domain,emailaddress,explicitlyt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NPS CRBV (12).xlsb</t>
  </si>
  <si>
    <t>http:///batch?%24ct=multipart%2Fmixed%3B%20boundary%3D%22%3D%3D%3D%3D%3D3xtrel3tbhlp%3D%3D%3D%3D%3D%22&amp;key=AIzaSyAy9VVXHSpS2IJpptzYtGbLP3-3_l0aBk4</t>
  </si>
  <si>
    <t>http:///batch?%24ct=multipart%2Fmixed%3B%20boundary%3D%22%3D%3D%3D%3D%3D6ro1rizecucv%3D%3D%3D%3D%3D%22&amp;key=AIzaSyAy9VVXHSpS2IJpptzYtGbLP3-3_l0aBk4</t>
  </si>
  <si>
    <t>http:///batch?%24ct=multipart%2Fmixed%3B%20boundary%3D%22%3D%3D%3D%3D%3D9socxg6k609j%3D%3D%3D%3D%3D%22&amp;key=AIzaSyAy9VVXHSpS2IJpptzYtGbLP3-3_l0aBk4</t>
  </si>
  <si>
    <t>e172bc11-8166-4191-add5-7b8902843a62.tmp</t>
  </si>
  <si>
    <t>\\acsfs\profiles$\andreapdsg\Downloads\e172bc11-8166-4191-add5-7b8902843a62.tmp</t>
  </si>
  <si>
    <t>b455fb9e-7bb7-4499-a8e6-ae17cf0aa21c.tmp</t>
  </si>
  <si>
    <t>\\acsfs\profiles$\andreapdsg\Downloads\b455fb9e-7bb7-4499-a8e6-ae17cf0aa21c.tmp</t>
  </si>
  <si>
    <t>10.200.67.183</t>
  </si>
  <si>
    <t>78-2B-CB-C1-06-22</t>
  </si>
  <si>
    <t>VOTORANT-GB009</t>
  </si>
  <si>
    <t>6e478bfb-fe9b-4f4e-af8e-80f156b28720.tmp</t>
  </si>
  <si>
    <t>\\acsfs\profiles$\marcosvnds\Downloads\6e478bfb-fe9b-4f4e-af8e-80f156b28720.tmp</t>
  </si>
  <si>
    <t>Q29udHJvbGxlci5XREUtQlZGLUNIQVQ- (18).ica</t>
  </si>
  <si>
    <t>\\acsfs\profiles$\marcosvnds\Downloads\Q29udHJvbGxlci5XREUtQlZGLUNIQVQ- (18).ica</t>
  </si>
  <si>
    <t>XLOG_marcosvnds_06012020_123730.log</t>
  </si>
  <si>
    <t>\\acsfs\profiles$\marcosvnds\My Documents\xworkcenter\logs\XLOG_marcosvnds_06012020_123730.log</t>
  </si>
  <si>
    <t>C:\suporte\Algar\Bordo\maio 2019\</t>
  </si>
  <si>
    <t>DiarioBordo Sustentação CTIC - LEANDRO ALBERTO DE LIMA -Maio_2019.xlsx</t>
  </si>
  <si>
    <t>mail.google.com/_/upload?authuser=0&amp;dcp=asu-n&amp;upload_id=AEnB2UqS0hjdWPVEQZIWwMUCvaxheMCN-Vb_cyqh-n1nbQsYFKyokzbhPl3mZi2SSK5w7kd6NRwNVdnWXHO5sFfQ9r7j0TRd1g&amp;upload_protocol=resumable</t>
  </si>
  <si>
    <t>445fb2d5-ddaf-4997-bfb0-fd3de701e235.tmp</t>
  </si>
  <si>
    <t>\\acsfs\profiles$\laurandos\Downloads\445fb2d5-ddaf-4997-bfb0-fd3de701e235.tmp</t>
  </si>
  <si>
    <t>bdaab4a3-60f5-4f9e-8ecb-f1b945b53d3c.tmp</t>
  </si>
  <si>
    <t>\\acsfs\profiles$\brendadsl\Downloads\bdaab4a3-60f5-4f9e-8ecb-f1b945b53d3c.tmp</t>
  </si>
  <si>
    <t>6184c0c9-2614-4a37-9e36-660b6a087bed.tmp</t>
  </si>
  <si>
    <t>\\acsfs\profiles$\inarajst\Downloads\6184c0c9-2614-4a37-9e36-660b6a087bed.tmp</t>
  </si>
  <si>
    <t>http:///batch?%24ct=multipart%2Fmixed%3B%20boundary%3D%22%3D%3D%3D%3D%3D586ddu67s3az%3D%3D%3D%3D%3D%22&amp;key=AIzaSyAy9VVXHSpS2IJpptzYtGbLP3-3_l0aBk4</t>
  </si>
  <si>
    <t>http:///batch?%24ct=multipart%2Fmixed%3B%20boundary%3D%22%3D%3D%3D%3D%3D1dra4dou7gg0%3D%3D%3D%3D%3D%22&amp;key=AIzaSyAy9VVXHSpS2IJpptzYtGbLP3-3_l0aBk4</t>
  </si>
  <si>
    <t>http:///batch?%24ct=multipart%2Fmixed%3B%20boundary%3D%22%3D%3D%3D%3D%3Db653pzvvzxut%3D%3D%3D%3D%3D%22&amp;key=AIzaSyAy9VVXHSpS2IJpptzYtGbLP3-3_l0aBk4</t>
  </si>
  <si>
    <t>http:///batch?%24ct=multipart%2Fmixed%3B%20boundary%3D%22%3D%3D%3D%3D%3Dv7ihdg9k9x7c%3D%3D%3D%3D%3D%22&amp;key=AIzaSyAy9VVXHSpS2IJpptzYtGbLP3-3_l0aBk4</t>
  </si>
  <si>
    <t>http:///batch?%24ct=multipart%2Fmixed%3B%20boundary%3D%22%3D%3D%3D%3D%3Dhjwi4j738hgf%3D%3D%3D%3D%3D%22&amp;key=AIzaSyAy9VVXHSpS2IJpptzYtGbLP3-3_l0aBk4</t>
  </si>
  <si>
    <t>http:///batch?%24ct=multipart%2Fmixed%3B%20boundary%3D%22%3D%3D%3D%3D%3Drxnaexn5xyjh%3D%3D%3D%3D%3D%22&amp;key=AIzaSyAy9VVXHSpS2IJpptzYtGbLP3-3_l0aBk4</t>
  </si>
  <si>
    <t>http:///batch?%24ct=multipart%2Fmixed%3B%20boundary%3D%22%3D%3D%3D%3D%3D8jjbpebobx40%3D%3D%3D%3D%3D%22&amp;key=AIzaSyAy9VVXHSpS2IJpptzYtGbLP3-3_l0aBk4</t>
  </si>
  <si>
    <t>http:///batch?%24ct=multipart%2Fmixed%3B%20boundary%3D%22%3D%3D%3D%3D%3Dwmkx3337ix4t%3D%3D%3D%3D%3D%22&amp;key=AIzaSyAy9VVXHSpS2IJpptzYtGbLP3-3_l0aBk4</t>
  </si>
  <si>
    <t>http:///batch?%24ct=multipart%2Fmixed%3B%20boundary%3D%22%3D%3D%3D%3D%3Dkcq2z7eqcdpn%3D%3D%3D%3D%3D%22&amp;key=AIzaSyAy9VVXHSpS2IJpptzYtGbLP3-3_l0aBk4</t>
  </si>
  <si>
    <t>ancest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ehn59pid66u9%3D%3D%3D%3D%3D%22&amp;key=AIzaSyAy9VVXHSpS2IJpptzYtGbLP3-3_l0aBk4</t>
  </si>
  <si>
    <t>http:///batch?%24ct=multipart%2Fmixed%3B%20boundary%3D%22%3D%3D%3D%3D%3Di4e36bym4r5i%3D%3D%3D%3D%3D%22&amp;key=AIzaSyAy9VVXHSpS2IJpptzYtGbLP3-3_l0aBk4</t>
  </si>
  <si>
    <t>http:///batch?%24ct=multipart%2Fmixed%3B%20boundary%3D%22%3D%3D%3D%3D%3D3van4td48ro0%3D%3D%3D%3D%3D%22&amp;key=AIzaSyAy9VVXHSpS2IJpptzYtGbLP3-3_l0aBk4</t>
  </si>
  <si>
    <t>http:///batch?%24ct=multipart%2Fmixed%3B%20boundary%3D%22%3D%3D%3D%3D%3Dg27jkbjn77xn%3D%3D%3D%3D%3D%22&amp;key=AIzaSyAy9VVXHSpS2IJpptzYtGbLP3-3_l0aBk4</t>
  </si>
  <si>
    <t>http:///batch?%24ct=multipart%2Fmixed%3B%20boundary%3D%22%3D%3D%3D%3D%3Dwha10iswzuok%3D%3D%3D%3D%3D%22&amp;key=AIzaSyAy9VVXHSpS2IJpptzYtGbLP3-3_l0aBk4</t>
  </si>
  <si>
    <t>http:///batch?%24ct=multipart%2Fmixed%3B%20boundary%3D%22%3D%3D%3D%3D%3Dk4j2omjrhnja%3D%3D%3D%3D%3D%22&amp;key=AIzaSyAy9VVXHSpS2IJpptzYtGbLP3-3_l0aBk4</t>
  </si>
  <si>
    <t>http:///batch?%24ct=multipart%2Fmixed%3B%20boundary%3D%22%3D%3D%3D%3D%3Drisheskbi8of%3D%3D%3D%3D%3D%22&amp;key=AIzaSyAy9VVXHSpS2IJpptzYtGbLP3-3_l0aBk4</t>
  </si>
  <si>
    <t>http:///batch?%24ct=multipart%2Fmixed%3B%20boundary%3D%22%3D%3D%3D%3D%3Da4yd40d9v9ta%3D%3D%3D%3D%3D%22&amp;key=AIzaSyAy9VVXHSpS2IJpptzYtGbLP3-3_l0aBk4</t>
  </si>
  <si>
    <t>http:///batch?%24ct=multipart%2Fmixed%3B%20boundary%3D%22%3D%3D%3D%3D%3Dlnqlbrjrzf81%3D%3D%3D%3D%3D%22&amp;key=AIzaSyAy9VVXHSpS2IJpptzYtGbLP3-3_l0aBk4</t>
  </si>
  <si>
    <t>http:///batch?%24ct=multipart%2Fmixed%3B%20boundary%3D%22%3D%3D%3D%3D%3Dgeiq3d5cn1x1%3D%3D%3D%3D%3D%22&amp;key=AIzaSyAy9VVXHSpS2IJpptzYtGbLP3-3_l0aBk4</t>
  </si>
  <si>
    <t>http:///batch?%24ct=multipart%2Fmixed%3B%20boundary%3D%22%3D%3D%3D%3D%3Dkalb2zy1t1xi%3D%3D%3D%3D%3D%22&amp;key=AIzaSyAy9VVXHSpS2IJpptzYtGbLP3-3_l0aBk4</t>
  </si>
  <si>
    <t>http:///batch?%24ct=multipart%2Fmixed%3B%20boundary%3D%22%3D%3D%3D%3D%3Do0q4hj4io3yh%3D%3D%3D%3D%3D%22&amp;key=AIzaSyAy9VVXHSpS2IJpptzYtGbLP3-3_l0aBk4</t>
  </si>
  <si>
    <t>http:///batch?%24ct=multipart%2Fmixed%3B%20boundary%3D%22%3D%3D%3D%3D%3Dy4uveu64gm93%3D%3D%3D%3D%3D%22&amp;key=AIzaSyAy9VVXHSpS2IJpptzYtGbLP3-3_l0aBk4</t>
  </si>
  <si>
    <t>http:///batch?%24ct=multipart%2Fmixed%3B%20boundary%3D%22%3D%3D%3D%3D%3D6beqp5bfsmse%3D%3D%3D%3D%3D%22&amp;key=AIzaSyAy9VVXHSpS2IJpptzYtGbLP3-3_l0aBk4</t>
  </si>
  <si>
    <t>ances;ancest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;pictu;picture;rpermissions;shared;sharedwithmedate;thumbnailversion;title;userpermission(role);workspaceids;</t>
  </si>
  <si>
    <t>http://ances,ancest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,pictu,picture,rpermissions,shared,sharedwithmedate,thumbnailversion,title,userpermission(role),workspaceids</t>
  </si>
  <si>
    <t>http:///batch?%24ct=multipart%2Fmixed%3B%20boundary%3D%22%3D%3D%3D%3D%3Do2wl67l97khs%3D%3D%3D%3D%3D%22&amp;key=AIzaSyAy9VVXHSpS2IJpptzYtGbLP3-3_l0aBk4</t>
  </si>
  <si>
    <t>http:///batch?%24ct=multipart%2Fmixed%3B%20boundary%3D%22%3D%3D%3D%3D%3Da7fizb1beis%3D%3D%3D%3D%3D%22&amp;key=AIzaSyAy9VVXHSpS2IJpptzYtGbLP3-3_l0aBk4</t>
  </si>
  <si>
    <t>http:///batch?%24ct=multipart%2Fmixed%3B%20boundary%3D%22%3D%3D%3D%3D%3D7mstzgl5guk2%3D%3D%3D%3D%3D%22&amp;key=AIzaSyAy9VVXHSpS2IJpptzYtGbLP3-3_l0aBk4</t>
  </si>
  <si>
    <t>http:///batch?%24ct=multipart%2Fmixed%3B%20boundary%3D%22%3D%3D%3D%3D%3Djmj4ynz7qa5%3D%3D%3D%3D%3D%22&amp;key=AIzaSyAy9VVXHSpS2IJpptzYtGbLP3-3_l0aBk4</t>
  </si>
  <si>
    <t>http:///batch?%24ct=multipart%2Fmixed%3B%20boundary%3D%22%3D%3D%3D%3D%3Df70qoqb5lv56%3D%3D%3D%3D%3D%22&amp;key=AIzaSyAy9VVXHSpS2IJpptzYtGbLP3-3_l0aBk4</t>
  </si>
  <si>
    <t>http:///batch?%24ct=multipart%2Fmixed%3B%20boundary%3D%22%3D%3D%3D%3D%3Dqlp6rjdmght7%3D%3D%3D%3D%3D%22&amp;key=AIzaSyAy9VVXHSpS2IJpptzYtGbLP3-3_l0aBk4</t>
  </si>
  <si>
    <t>http:///batch?%24ct=multipart%2Fmixed%3B%20boundary%3D%22%3D%3D%3D%3D%3Diqxdifcadcm1%3D%3D%3D%3D%3D%22&amp;key=AIzaSyAy9VVXHSpS2IJpptzYtGbLP3-3_l0aBk4</t>
  </si>
  <si>
    <t>http:///batch?%24ct=multipart%2Fmixed%3B%20boundary%3D%22%3D%3D%3D%3D%3Db9e9v7cl4pbx%3D%3D%3D%3D%3D%22&amp;key=AIzaSyAy9VVXHSpS2IJpptzYtGbLP3-3_l0aBk4</t>
  </si>
  <si>
    <t>http:///batch?%24ct=multipart%2Fmixed%3B%20boundary%3D%22%3D%3D%3D%3D%3Dcgd6enhm5icl%3D%3D%3D%3D%3D%22&amp;key=AIzaSyAy9VVXHSpS2IJpptzYtGbLP3-3_l0aBk4</t>
  </si>
  <si>
    <t>http:///batch?%24ct=multipart%2Fmixed%3B%20boundary%3D%22%3D%3D%3D%3D%3D6izqahgmoekt%3D%3D%3D%3D%3D%22&amp;key=AIzaSyAy9VVXHSpS2IJpptzYtGbLP3-3_l0aBk4</t>
  </si>
  <si>
    <t>http:///batch?%24ct=multipart%2Fmixed%3B%20boundary%3D%22%3D%3D%3D%3D%3Df9f3d7guq0a6%3D%3D%3D%3D%3D%22&amp;key=AIzaSyAy9VVXHSpS2IJpptzYtGbLP3-3_l0aBk4</t>
  </si>
  <si>
    <t>http:///batch?%24ct=multipart%2Fmixed%3B%20boundary%3D%22%3D%3D%3D%3D%3Dehie0yln6fq5%3D%3D%3D%3D%3D%22&amp;key=AIzaSyAy9VVXHSpS2IJpptzYtGbLP3-3_l0aBk4</t>
  </si>
  <si>
    <t>http:///batch?%24ct=multipart%2Fmixed%3B%20boundary%3D%22%3D%3D%3D%3D%3Dtv1l33z8vui6%3D%3D%3D%3D%3D%22&amp;key=AIzaSyAy9VVXHSpS2IJpptzYtGbLP3-3_l0aBk4</t>
  </si>
  <si>
    <t>http:///batch?%24ct=multipart%2Fmixed%3B%20boundary%3D%22%3D%3D%3D%3D%3D402k0874odmv%3D%3D%3D%3D%3D%22&amp;key=AIzaSyAy9VVXHSpS2IJpptzYtGbLP3-3_l0aBk4</t>
  </si>
  <si>
    <t>http:///batch?%24ct=multipart%2Fmixed%3B%20boundary%3D%22%3D%3D%3D%3D%3D90kryqiu6z0b%3D%3D%3D%3D%3D%22&amp;key=AIzaSyAy9VVXHSpS2IJpptzYtGbLP3-3_l0aBk4</t>
  </si>
  <si>
    <t>http:///batch?%24ct=multipart%2Fmixed%3B%20boundary%3D%22%3D%3D%3D%3D%3Dmggh8h2o566y%3D%3D%3D%3D%3D%22&amp;key=AIzaSyAy9VVXHSpS2IJpptzYtGbLP3-3_l0aBk4</t>
  </si>
  <si>
    <t>http:///batch?%24ct=multipart%2Fmixed%3B%20boundary%3D%22%3D%3D%3D%3D%3Df9n1nlhlifdc%3D%3D%3D%3D%3D%22&amp;key=AIzaSyAy9VVXHSpS2IJpptzYtGbLP3-3_l0aBk4</t>
  </si>
  <si>
    <t>http:///batch?%24ct=multipart%2Fmixed%3B%20boundary%3D%22%3D%3D%3D%3D%3Dyb3ufzrzm009%3D%3D%3D%3D%3D%22&amp;key=AIzaSyAy9VVXHSpS2IJpptzYtGbLP3-3_l0aBk4</t>
  </si>
  <si>
    <t>http:///batch?%24ct=multipart%2Fmixed%3B%20boundary%3D%22%3D%3D%3D%3D%3D32p9vggrb9e3%3D%3D%3D%3D%3D%22&amp;key=AIzaSyAy9VVXHSpS2IJpptzYtGbLP3-3_l0aBk4</t>
  </si>
  <si>
    <t>http:///batch?%24ct=multipart%2Fmixed%3B%20boundary%3D%22%3D%3D%3D%3D%3Djn2mu6do3p2c%3D%3D%3D%3D%3D%22&amp;key=AIzaSyAy9VVXHSpS2IJpptzYtGbLP3-3_l0aBk4</t>
  </si>
  <si>
    <t>http:///batch?%24ct=multipart%2Fmixed%3B%20boundary%3D%22%3D%3D%3D%3D%3D9lc7nniee6m%3D%3D%3D%3D%3D%22&amp;key=AIzaSyAy9VVXHSpS2IJpptzYtGbLP3-3_l0aBk4</t>
  </si>
  <si>
    <t>eb983e6d-dace-4357-a3f2-b52a0e34fb39.tmp</t>
  </si>
  <si>
    <t>\\acsfs\profiles$\isabellegtds\Downloads\eb983e6d-dace-4357-a3f2-b52a0e34fb39.tmp</t>
  </si>
  <si>
    <t>7895a2ba-ca65-4902-a235-dacd47587adf.tmp</t>
  </si>
  <si>
    <t>\\acsfs\profiles$\laurandos\Downloads\7895a2ba-ca65-4902-a235-dacd47587adf.tmp</t>
  </si>
  <si>
    <t>XLOG_anacdos_07012020_064434.log</t>
  </si>
  <si>
    <t>\\acsfs\profiles$\anacdos\My Documents\xworkcenter\logs\XLOG_anacdos_07012020_064434.log</t>
  </si>
  <si>
    <t>\\acsfs\profiles$\anacdos\My Documents\xworkcenter\logs\wrapper.log</t>
  </si>
  <si>
    <t>auditoriate@algartech.com.br;elencassiapo@algartech.com.br;priscilalb@algartech.com.br;</t>
  </si>
  <si>
    <t>'Exibição de Localização Avançada de Ocorrência.xlsx</t>
  </si>
  <si>
    <t>auditoriate@algartech.com.br,elencassiapo@algartech.com.br,priscilalb@algartech.com.br</t>
  </si>
  <si>
    <t>XLOG_ellencds_07012020_103706.log</t>
  </si>
  <si>
    <t>\\acsfs\profiles$\ellencds\My Documents\xworkcenter\logs\XLOG_ellencds_07012020_103706.log</t>
  </si>
  <si>
    <t>\\acsfs\deptos\cei - coordenação de engenharia e infraestrutura\cei – manutenção\48 - pcm\manutenção\10. controle\2019\</t>
  </si>
  <si>
    <t>360563e8-a42b-4d85-83ec-c0842569a826.tmp</t>
  </si>
  <si>
    <t>\\acsfs\profiles$\cintiadjl\Downloads\360563e8-a42b-4d85-83ec-c0842569a826.tmp</t>
  </si>
  <si>
    <t>8be68acc-2ddc-49b8-8b70-28df8adf6243.tmp</t>
  </si>
  <si>
    <t>\\acsfs\profiles$\nayarasds\Downloads\8be68acc-2ddc-49b8-8b70-28df8adf6243.tmp</t>
  </si>
  <si>
    <t>fa6fea26-30a4-4329-9340-52356e81d373.tmp</t>
  </si>
  <si>
    <t>\\acsfs\profiles$\inarajst\Downloads\fa6fea26-30a4-4329-9340-52356e81d373.tmp</t>
  </si>
  <si>
    <t>c86d5149-5459-40a3-a398-0ffef7ff0d44.tmp</t>
  </si>
  <si>
    <t>\\acsfs\profiles$\luanaagl\Downloads\c86d5149-5459-40a3-a398-0ffef7ff0d44.tmp</t>
  </si>
  <si>
    <t>http:///batch?%24ct=multipart%2Fmixed%3B%20boundary%3D%22%3D%3D%3D%3D%3D8to7jc1ihqqd%3D%3D%3D%3D%3D%22&amp;key=AIzaSyAy9VVXHSpS2IJpptzYtGbLP3-3_l0aBk4</t>
  </si>
  <si>
    <t>7jc1ihqqd=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7jc1ihqqd=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aprg5hg3fiax%3D%3D%3D%3D%3D%22&amp;key=AIzaSyAy9VVXHSpS2IJpptzYtGbLP3-3_l0aBk4</t>
  </si>
  <si>
    <t>http:///batch?%24ct=multipart%2Fmixed%3B%20boundary%3D%22%3D%3D%3D%3D%3Ddecv50blatv3%3D%3D%3D%3D%3D%22&amp;key=AIzaSyAy9VVXHSpS2IJpptzYtGbLP3-3_l0aBk4</t>
  </si>
  <si>
    <t>http:///batch?%24ct=multipart%2Fmixed%3B%20boundary%3D%22%3D%3D%3D%3D%3Dcxc7fzpf6c9z%3D%3D%3D%3D%3D%22&amp;key=AIzaSyAy9VVXHSpS2IJpptzYtGbLP3-3_l0aBk4</t>
  </si>
  <si>
    <t>http:///batch?%24ct=multipart%2Fmixed%3B%20boundary%3D%22%3D%3D%3D%3D%3Dm9yvnbqcsglu%3D%3D%3D%3D%3D%22&amp;key=AIzaSyAy9VVXHSpS2IJpptzYtGbLP3-3_l0aBk4</t>
  </si>
  <si>
    <t>http:///batch?%24ct=multipart%2Fmixed%3B%20boundary%3D%22%3D%3D%3D%3D%3D7kwel26aoj5i%3D%3D%3D%3D%3D%22&amp;key=AIzaSyAy9VVXHSpS2IJpptzYtGbLP3-3_l0aBk4</t>
  </si>
  <si>
    <t>http://play.google.com/log?format=json&amp;hasfast=true&amp;u=0&amp;authuser=0</t>
  </si>
  <si>
    <t>http:///batch?%24ct=multipart%2Fmixed%3B%20boundary%3D%22%3D%3D%3D%3D%3Dvl1c0oiyfcl1%3D%3D%3D%3D%3D%22&amp;key=AIzaSyAy9VVXHSpS2IJpptzYtGbLP3-3_l0aBk4</t>
  </si>
  <si>
    <t>http:///batch?%24ct=multipart%2Fmixed%3B%20boundary%3D%22%3D%3D%3D%3D%3D1be1fzklzouy%3D%3D%3D%3D%3D%22&amp;key=AIzaSyAy9VVXHSpS2IJpptzYtGbLP3-3_l0aBk4</t>
  </si>
  <si>
    <t>http:///batch?%24ct=multipart%2Fmixed%3B%20boundary%3D%22%3D%3D%3D%3D%3Dvjb3jgvckozk%3D%3D%3D%3D%3D%22&amp;key=AIzaSyAy9VVXHSpS2IJpptzYtGbLP3-3_l0aBk4</t>
  </si>
  <si>
    <t>"mozilla/5.0 (windows nt 6.1; win64; x64) applewebkit/537.36 (khtml;0;1;13700014;13700109;13700167;13700185;13700235;13700451;13700563;13700607;13700883;13700946;13700951;13700982;13701078;13701139;13701207;13701214;13701235;13701239;13701262;13701298]]];13701418;13701422;13701430;13701450;13701458;13701486;13701506;13701510;1370153;13701534;13701537;13701573;13701577;13701589;13701609;13701614;13701621;13701625;13701657;13701693;13701709;13701749;13701825;13701833;13701901;13701906;13701909;13701921;13701948;13701952;13701953;13701957;13701969;13702064;13702068;2700];28;4;5701393;6.1;[1;[[13701653;[[null;[];[false;[null;ancestorhasaugmentedpermissions;containsunsubscribedchildren;displayname;domain;drive.web-frontend_20191211.00_p1;emailaddress;false;false];false]];file(kind;fileid;filesize;hasthumbnail;hasvisitorpermissions;id;id);items(deleted;ken;ken=ac4w5vgruzdzlny0-cuq07q2vctn06kiha:1578418180374&amp;buildlabel=drive.web-frontend_20191211.00_p1cfalse];kind;lastmodifyinguser(kind;lastviewedbymedate;like geck</t>
  </si>
  <si>
    <t>http://"mozilla/5.0 (windows nt 6.1; win64; x64) applewebkit/537.36 (khtml,0,1,13700014,13700109,13700167,13700185,13700235,13700451,13700563,13700607,13700883,13700946,13700951,13700982,13701078,13701139,13701207,13701214,13701235,13701239,13701262,13701298]]],13701418,13701422,13701430,13701450,13701458,13701486,13701506,13701510,1370153,13701534,13701537,13701573,13701577,13701589,13701609,13701614,13701621,13701625,13701657,13701693,13701709,13701749,13701825,13701833,13701901,13701906,13701909,13701921,13701948,13701952,13701953,13701957,13701969,13702064,13702068,2700],28,4,5701393,6.1,[1,[[13701653,[[null,[],[false,[null,ancestorhasaugmentedpermissions,containsunsubscribedchildren,displayname,domain,drive.web-frontend_20191211.00_p1,emailaddress,false,false],false]],file(kind,fileid,filesize,hasthumbnail,hasvisitorpermissions,id,id),items(deleted,ken,ken=ac4w5vgruzdzlny0-cuq07q2vctn06kiha:1578418180374&amp;buildlabel=drive.web-frontend_20191211.00_p1cfalse],kind,lastmodifyinguser(kind,lastviewedbymedate,li</t>
  </si>
  <si>
    <t>http:///batch?%24ct=multipart%2Fmixed%3B%20boundary%3D%22%3D%3D%3D%3D%3Dowmi4suzixq4%3D%3D%3D%3D%3D%22&amp;key=AIzaSyAy9VVXHSpS2IJpptzYtGbLP3-3_l0aBk4</t>
  </si>
  <si>
    <t>http:///batch?%24ct=multipart%2Fmixed%3B%20boundary%3D%22%3D%3D%3D%3D%3Do6vj9bj0qg17%3D%3D%3D%3D%3D%22&amp;key=AIzaSyAy9VVXHSpS2IJpptzYtGbLP3-3_l0aBk4</t>
  </si>
  <si>
    <t>ancestorhasaugmentedpermission;ancestorhasaugmentedpermissions;containsunsubscribedchildren;displayname;domain;emailaddress;explicitlytrashe;filesize;hasthumbnail;hasvisitorpermissions;id;id);items(kind;ken;lastmodifyinguser(kind;lastviewedbymedate;modifiedbymedate;modifieddate;ontainsunsubscribedchildren;owners(kind;permissionid;picture;shared;sharedwithmedate;thumbnailversion;title;userpermission(role);workspaceids;</t>
  </si>
  <si>
    <t>http://ancestorhasaugmentedpermission,ancestorhasaugmentedpermissions,containsunsubscribedchildren,displayname,domain,emailaddress,explicitlytrashe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C:\Users\flaviacno\Downloads\NPS CRBV_Leve.xlsb\</t>
  </si>
  <si>
    <t>ancestorhasaugmentedpermission,ancestorhasaugmentedpermissions,containsunsubscribedchildren,displayname,domain,emailaddress,explicitlytrashe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cvhpd1tovwz0%3D%3D%3D%3D%3D%22&amp;key=AIzaSyAy9VVXHSpS2IJpptzYtGbLP3-3_l0aBk4</t>
  </si>
  <si>
    <t>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vwz0===== cont;workspaceids;</t>
  </si>
  <si>
    <t>http://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vwz0===== cont,workspaceids</t>
  </si>
  <si>
    <t>http:///batch?%24ct=multipart%2Fmixed%3B%20boundary%3D%22%3D%3D%3D%3D%3De9t6a9vzhhal%3D%3D%3D%3D%3D%22&amp;key=AIzaSyAy9VVXHSpS2IJpptzYtGbLP3-3_l0aBk4</t>
  </si>
  <si>
    <t>http:///batch?%24ct=multipart%2Fmixed%3B%20boundary%3D%22%3D%3D%3D%3D%3Dnfzcjj7h8mt6%3D%3D%3D%3D%3D%22&amp;key=AIzaSyAy9VVXHSpS2IJpptzYtGbLP3-3_l0aBk4</t>
  </si>
  <si>
    <t>http:///batch?%24ct=multipart%2Fmixed%3B%20boundary%3D%22%3D%3D%3D%3D%3D6mpurhwdku1d%3D%3D%3D%3D%3D%22&amp;key=AIzaSyAy9VVXHSpS2IJpptzYtGbLP3-3_l0aBk4</t>
  </si>
  <si>
    <t>http:///batch?%24ct=multipart%2Fmixed%3B%20boundary%3D%22%3D%3D%3D%3D%3Diheabicy7q9s%3D%3D%3D%3D%3D%22&amp;key=AIzaSyAy9VVXHSpS2IJpptzYtGbLP3-3_l0aBk4</t>
  </si>
  <si>
    <t>http:///batch?%24ct=multipart%2Fmixed%3B%20boundary%3D%22%3D%3D%3D%3D%3Dgee2c34saqtm%3D%3D%3D%3D%3D%22&amp;key=AIzaSyAy9VVXHSpS2IJpptzYtGbLP3-3_l0aBk4</t>
  </si>
  <si>
    <t>/o=exchangelabs/ou=exchange administrative group (fydibohf23spdlt)/cn=recipients/cn=4f1c81c2e16143f68596016ac3b45ef1-gustavo dam;/o=exchangelabs/ou=exchange administrative group (fydibohf23spdlt)/cn=recipients/cn=cf023be226744f8a9c38076dbccfd020-flavia cons;</t>
  </si>
  <si>
    <t>ENC: NPS e Transferência, CRBV - Janeiro</t>
  </si>
  <si>
    <t>/o=exchangelabs/ou=exchange administrative group (fydibohf23spdlt)/cn=recipients/cn=4f1c81c2e16143f68596016ac3b45ef1-gustavo dam,/o=exchangelabs/ou=exchange administrative group (fydibohf23spdlt)/cn=recipients/cn=cf023be226744f8a9c38076dbccfd020-flavia cons</t>
  </si>
  <si>
    <t>7ca7a40f-6a3f-40b6-9d61-a2a1397a8ece.tmp</t>
  </si>
  <si>
    <t>\\acsfs\profiles$\inarajst\Downloads\7ca7a40f-6a3f-40b6-9d61-a2a1397a8ece.tmp</t>
  </si>
  <si>
    <t>ad94ab0d-d456-4f61-a82a-9dbfbf72642b.tmp</t>
  </si>
  <si>
    <t>\\acsfs\profiles$\francislayneads\Downloads\ad94ab0d-d456-4f61-a82a-9dbfbf72642b.tmp</t>
  </si>
  <si>
    <t>271bd76b-aad6-4d24-9bfb-fee3da906ac2.tmp</t>
  </si>
  <si>
    <t>\\acsfs\profiles$\henriqueco\Downloads\271bd76b-aad6-4d24-9bfb-fee3da906ac2.tmp</t>
  </si>
  <si>
    <t>1f27ba9b-9d94-480f-8d50-e9ccb4b85fa1.tmp</t>
  </si>
  <si>
    <t>\\acsfs\profiles$\andreapdsg\Downloads\1f27ba9b-9d94-480f-8d50-e9ccb4b85fa1.tmp</t>
  </si>
  <si>
    <t>http:///batch?%24ct=multipart%2Fmixed%3B%20boundary%3D%22%3D%3D%3D%3D%3D335gqc8lq15z%3D%3D%3D%3D%3D%22&amp;key=AIzaSyAy9VVXHSpS2IJpptzYtGbLP3-3_l0aBk4</t>
  </si>
  <si>
    <t>C:\Users\gustavodsil\Downloads\NPS CRBV_Leve.xlsb\</t>
  </si>
  <si>
    <t>http://drive.google.com/upload/drive/v2internal/files?uploadType=multipart&amp;supportsTeamDrives=true&amp;pinned=true&amp;convert=tru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</t>
  </si>
  <si>
    <t>http:///batch?%24ct=multipart%2Fmixed%3B%20boundary%3D%22%3D%3D%3D%3D%3Dyemz1mwa2zil%3D%3D%3D%3D%3D%22&amp;key=AIzaSyAy9VVXHSpS2IJpptzYtGbLP3-3_l0aBk4</t>
  </si>
  <si>
    <t>http:///batch?%24ct=multipart%2Fmixed%3B%20boundary%3D%22%3D%3D%3D%3D%3Dae22snfrp6vt%3D%3D%3D%3D%3D%22&amp;key=AIzaSyAy9VVXHSpS2IJpptzYtGbLP3-3_l0aBk4</t>
  </si>
  <si>
    <t>http:///batch?%24ct=multipart%2Fmixed%3B%20boundary%3D%22%3D%3D%3D%3D%3D1l11dix5srvq%3D%3D%3D%3D%3D%22&amp;key=AIzaSyAy9VVXHSpS2IJpptzYtGbLP3-3_l0aBk4</t>
  </si>
  <si>
    <t>ancest;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408kcl10eyyw%3D%3D%3D%3D%3D%22&amp;key=AIzaSyAy9VVXHSpS2IJpptzYtGbLP3-3_l0aBk4</t>
  </si>
  <si>
    <t>http:///batch?%24ct=multipart%2Fmixed%3B%20boundary%3D%22%3D%3D%3D%3D%3D92lz1jwvn3qj%3D%3D%3D%3D%3D%22&amp;key=AIzaSyAy9VVXHSpS2IJpptzYtGbLP3-3_l0aBk4</t>
  </si>
  <si>
    <t>http:///batch?%24ct=multipart%2Fmixed%3B%20boundary%3D%22%3D%3D%3D%3D%3Dym0aztadvch6%3D%3D%3D%3D%3D%22&amp;key=AIzaSyAy9VVXHSpS2IJpptzYtGbLP3-3_l0aBk4</t>
  </si>
  <si>
    <t>http:///batch?%24ct=multipart%2Fmixed%3B%20boundary%3D%22%3D%3D%3D%3D%3Ddh2ivjubti4a%3D%3D%3D%3D%3D%22&amp;key=AIzaSyAy9VVXHSpS2IJpptzYtGbLP3-3_l0aBk4</t>
  </si>
  <si>
    <t>http:///batch?%24ct=multipart%2Fmixed%3B%20boundary%3D%22%3D%3D%3D%3D%3Dxk657xymh0ut%3D%3D%3D%3D%3D%22&amp;key=AIzaSyAy9VVXHSpS2IJpptzYtGbLP3-3_l0aBk4</t>
  </si>
  <si>
    <t>http:///batch?%24ct=multipart%2Fmixed%3B%20boundary%3D%22%3D%3D%3D%3D%3Dn6ax5eyw3b8t%3D%3D%3D%3D%3D%22&amp;key=AIzaSyAy9VVXHSpS2IJpptzYtGbLP3-3_l0aBk4</t>
  </si>
  <si>
    <t>http:///batch?%24ct=multipart%2Fmixed%3B%20boundary%3D%22%3D%3D%3D%3D%3D4to2gzo1mnvm%3D%3D%3D%3D%3D%22&amp;key=AIzaSyAy9VVXHSpS2IJpptzYtGbLP3-3_l0aBk4</t>
  </si>
  <si>
    <t>2gzo1mnvm=;ancest;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2gzo1mnvm=,ancest,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,picture,rpermissions,shared,sharedwithmedate,thumbnailversion,title,userpermission(role),workspaceids</t>
  </si>
  <si>
    <t>100014122394468;catianalv@algartech.com;cpc-controldeskavon@algartech.com;joseasn@algartech.com;lucianarsantos@algartech.com;marianadjc@algartech.com;senildapdo@algartecnologia.com.br;</t>
  </si>
  <si>
    <t>https://100014122394468,catianalv@algartech.com,cpc-controldeskavon@algartech.com,joseasn@algartech.com,lucianarsantos@algartech.com,marianadjc@algartech.com,senildapdo@algartecnologia.com.br</t>
  </si>
  <si>
    <t>mail.google.com/sync/u/0/i/s?hl=pt-BR&amp;c=948</t>
  </si>
  <si>
    <t>fa83bf9a-d48e-40b7-a202-ce151295fd97.tmp</t>
  </si>
  <si>
    <t>\\acsfs\profiles$\gabrielamdp\Downloads\fa83bf9a-d48e-40b7-a202-ce151295fd97.tmp</t>
  </si>
  <si>
    <t>fernandaab@algartech.com;larisacc@algartech.com;marianerdo@algartech.com;talmaiardo@algartech.com;thiagordu@algartech.com;</t>
  </si>
  <si>
    <t>fernandaab@algartech.com,larisacc@algartech.com,marianerdo@algartech.com,talmaiardo@algartech.com,thiagordu@algartech.com</t>
  </si>
  <si>
    <t>lu9680aq48x.tmp</t>
  </si>
  <si>
    <t>\\acsfs\profiles$\jalilebds\Downloads\lu9680aq48x.tmp</t>
  </si>
  <si>
    <t>99ea7c64-3985-4c8c-b067-f1094e68366b.tmp</t>
  </si>
  <si>
    <t>\\acsfs\profiles$\gabrielsma\Downloads\99ea7c64-3985-4c8c-b067-f1094e68366b.tmp</t>
  </si>
  <si>
    <t>\\acsfs\ACS\Gabriel da Silva\Contemporânea\Acessos\Evidências\Q29udHJvbGxlci5JRS1Qb3J0YWw-.ica.crdownload</t>
  </si>
  <si>
    <t>\\acsfs\ACS\Gabriel da Silva\Contemporânea\NPS\NPS CRBV_Leve.xlsx\</t>
  </si>
  <si>
    <t>\\acsfs\ACS\Gabriel da Silva\Contemporânea\NPS\NPS CRBV_Leve.xlsx</t>
  </si>
  <si>
    <t>NPS CRBV_Leve.xlsx</t>
  </si>
  <si>
    <t>mail.google.com/sync/u/0/i/s?hl=pt-BR&amp;c=951</t>
  </si>
  <si>
    <t>mail.google.com/sync/u/0/i/s?hl=pt-BR&amp;c=953</t>
  </si>
  <si>
    <t>100014122394468;100014239771614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100014122394468,100014239771614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958</t>
  </si>
  <si>
    <t>10001423977161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23977161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962</t>
  </si>
  <si>
    <t>af531de9-3bb4-4605-b4df-d101c9793249.tmp</t>
  </si>
  <si>
    <t>\\acsfs\profiles$\geovannasm\Downloads\af531de9-3bb4-4605-b4df-d101c9793249.tmp</t>
  </si>
  <si>
    <t>\\acsfs\profiles$\maxmillianosv\My Documents\xworkcenter\logs\</t>
  </si>
  <si>
    <t>XLOG_maxmillianosv_06012020_091922.log</t>
  </si>
  <si>
    <t>\\acsfs\profiles$\maxmillianosv\My Documents\xworkcenter\logs\XLOG_maxmillianosv_06012020_091922.log</t>
  </si>
  <si>
    <t>XLOG_maxmillianosv_06012020_091623.log</t>
  </si>
  <si>
    <t>\\acsfs\profiles$\maxmillianosv\My Documents\xworkcenter\logs\XLOG_maxmillianosv_06012020_091623.log</t>
  </si>
  <si>
    <t>LUCAS GUBERT PEREIRA_1_6776212560597292253_1_32.wav</t>
  </si>
  <si>
    <t>\\acsfs\Deptos\EDUCACAO EMPRESARIAL\KÉSIA\Ligações 1º Ciclo - Janeiro 2020\LUCAS GUBERT PEREIRA_1_6776212560597292253_1_32.wav</t>
  </si>
  <si>
    <t>ac85fb10-b1be-45a2-a4cc-129455afcbeb.tmp</t>
  </si>
  <si>
    <t>\\acsfs\profiles$\joycemmdl\Downloads\ac85fb10-b1be-45a2-a4cc-129455afcbeb.tmp</t>
  </si>
  <si>
    <t>0aefbae8-c93c-4b33-94af-f136b879af5e.tmp</t>
  </si>
  <si>
    <t>\\acsfs\profiles$\regisadsa\Downloads\0aefbae8-c93c-4b33-94af-f136b879af5e.tmp</t>
  </si>
  <si>
    <t>74f511bc-817b-4449-b3f1-fc51e90c6233.tmp</t>
  </si>
  <si>
    <t>\\acsfs\profiles$\alinepp\Downloads\74f511bc-817b-4449-b3f1-fc51e90c6233.tmp</t>
  </si>
  <si>
    <t>c9db6221-6067-4f8c-a3f6-24160ddb6aaa.tmp</t>
  </si>
  <si>
    <t>\\acsfs\profiles$\gabrielamdp\Downloads\c9db6221-6067-4f8c-a3f6-24160ddb6aaa.tmp</t>
  </si>
  <si>
    <t>2f300faf-27ef-46f7-92fb-dce223d5b615.tmp</t>
  </si>
  <si>
    <t>\\acsfs\profiles$\KARLABDS\Downloads\2f300faf-27ef-46f7-92fb-dce223d5b615.tmp</t>
  </si>
  <si>
    <t>dbdcf566-9404-449b-a1dd-5855cf404f3c.tmp</t>
  </si>
  <si>
    <t>\\acsfs\profiles$\KARLABDS\Downloads\dbdcf566-9404-449b-a1dd-5855cf404f3c.tmp</t>
  </si>
  <si>
    <t>Unconfirmed 144342.crdownload</t>
  </si>
  <si>
    <t>\\acsfs\profiles$\KARLABDS\Downloads\Unconfirmed 144342.crdownload</t>
  </si>
  <si>
    <t>f2a142ba-5f3f-4a2a-8ab9-a441f55d4147.tmp</t>
  </si>
  <si>
    <t>\\acsfs\profiles$\KARLABDS\Downloads\f2a142ba-5f3f-4a2a-8ab9-a441f55d4147.tmp</t>
  </si>
  <si>
    <t>fbd9950c-6056-43c4-9c06-b99f75d338c8.tmp</t>
  </si>
  <si>
    <t>\\acsfs\profiles$\sarahbal\Downloads\fbd9950c-6056-43c4-9c06-b99f75d338c8.tmp</t>
  </si>
  <si>
    <t>mail.google.com/_/upload?authuser=2&amp;dcp=asu-n&amp;upload_id=AEnB2UqLsoMTueKRbDuPqzMA0BFVi0zkBL6G3pn9FNyFZONsje_Z6nrA2rCsTgPppcUYnZU6v-sL9t-g3UGf5dJ2txY0bM7Ycw&amp;upload_protocol=resumable</t>
  </si>
  <si>
    <t>\\acsfs\Deptos\CAS - Coordenação de Arquitetura de Soluções\Projetos\2019\VALE\193301 - NOC_Rate Card\04 Financeiro\</t>
  </si>
  <si>
    <t>Vale_Plan Precificacao C017 B017 19_11_2019 NOC r6 (b1).xlsb</t>
  </si>
  <si>
    <t>\\acsfs\Deptos\CAS - Coordenação de Arquitetura de Soluções\Projetos\2019\VALE\193301 - NOC_Rate Card\04 Financeiro\Vale_Plan Precificacao C017 B017 19_11_2019 NOC r6 (b1).xlsb\</t>
  </si>
  <si>
    <t>8eb15a4f-8a35-4b35-87a3-36416bd5b034.tmp</t>
  </si>
  <si>
    <t>\\acsfs\profiles$\THYAGOSP\Downloads\8eb15a4f-8a35-4b35-87a3-36416bd5b034.tmp</t>
  </si>
  <si>
    <t>\\acsfs\ACS\Gabriel da Silva\Contemporânea\BDBV\11F5A621.tmp\</t>
  </si>
  <si>
    <t>\\acsfs\ACS\Gabriel da Silva\Contemporânea\BDBV\11F5A621.tmp\:Zone.Identifier:$DATA</t>
  </si>
  <si>
    <t>ae221548-1c62-41dd-b6a5-ec8a8cae9b07.tmp</t>
  </si>
  <si>
    <t>\\acsfs\profiles$\gabrielsma\Downloads\ae221548-1c62-41dd-b6a5-ec8a8cae9b07.tmp</t>
  </si>
  <si>
    <t>Não confirmado 51070.crdownload</t>
  </si>
  <si>
    <t>\\acsfs\ACS\Gabriel da Silva\Contemporânea\Acessos\Não confirmado 51070.crdownload</t>
  </si>
  <si>
    <t>mail.google.com/sync/u/0/i/s?hl=pt-BR&amp;c=972</t>
  </si>
  <si>
    <t>mail.google.com/sync/u/0/i/s?hl=pt-BR&amp;c=974</t>
  </si>
  <si>
    <t>811b310c-cc4f-43c5-a7a7-e0ea2f60732e.tmp</t>
  </si>
  <si>
    <t>\\acsfs\profiles$\welidicdj\Downloads\811b310c-cc4f-43c5-a7a7-e0ea2f60732e.tmp</t>
  </si>
  <si>
    <t>6790b69f-4f09-4ab9-8c80-5d85e3104627.tmp</t>
  </si>
  <si>
    <t>\\acsfs\profiles$\maxmillianosv\Downloads\6790b69f-4f09-4ab9-8c80-5d85e3104627.tmp</t>
  </si>
  <si>
    <t>2eefdfb0-800b-42a0-9652-96b70fd92ab9.tmp</t>
  </si>
  <si>
    <t>\\acsfs\profiles$\maxmillianosv\Downloads\2eefdfb0-800b-42a0-9652-96b70fd92ab9.tmp</t>
  </si>
  <si>
    <t>01568b0f-0b83-4ce8-95d2-6b3eac3a73b1.tmp</t>
  </si>
  <si>
    <t>\\acsfs\profiles$\maxmillianosv\Downloads\01568b0f-0b83-4ce8-95d2-6b3eac3a73b1.tmp</t>
  </si>
  <si>
    <t>d50b4383-e3e3-4eaa-b41f-8e355f1a1515.tmp</t>
  </si>
  <si>
    <t>\\acsfs\profiles$\maxmillianosv\Downloads\d50b4383-e3e3-4eaa-b41f-8e355f1a1515.tmp</t>
  </si>
  <si>
    <t>ecaffe0d-8dcc-49dd-a475-203a67762eb2.tmp</t>
  </si>
  <si>
    <t>\\acsfs\profiles$\maxmillianosv\Downloads\ecaffe0d-8dcc-49dd-a475-203a67762eb2.tmp</t>
  </si>
  <si>
    <t>02078a5f-826b-4f5a-8301-728ba8acfa27.tmp</t>
  </si>
  <si>
    <t>\\acsfs\profiles$\maxmillianosv\Downloads\02078a5f-826b-4f5a-8301-728ba8acfa27.tmp</t>
  </si>
  <si>
    <t>PAULO VICTOR ALCANTARA DE CASTRO_1_6776241865159159589_1_32.wav</t>
  </si>
  <si>
    <t>\\acsfs\Deptos\EDUCACAO EMPRESARIAL\KÉSIA\Ligações 1º Ciclo - Janeiro 2020\PAULO VICTOR ALCANTARA DE CASTRO_1_6776241865159159589_1_32.wav</t>
  </si>
  <si>
    <t>8a86d5e5-e78b-4db1-911f-c3be2a66e4e5.tmp</t>
  </si>
  <si>
    <t>\\acsfs\profiles$\KARLABDS\Downloads\8a86d5e5-e78b-4db1-911f-c3be2a66e4e5.tmp</t>
  </si>
  <si>
    <t>1b7154de-7c8a-4e0f-a829-61ad6de0858f.tmp</t>
  </si>
  <si>
    <t>\\acsfs\profiles$\fabianafv\Downloads\1b7154de-7c8a-4e0f-a829-61ad6de0858f.tmp</t>
  </si>
  <si>
    <t>e14a4a30-0671-49c0-973b-581b901ac892.tmp</t>
  </si>
  <si>
    <t>\\acsfs\profiles$\larissaad\Downloads\e14a4a30-0671-49c0-973b-581b901ac892.tmp</t>
  </si>
  <si>
    <t>mail.google.com/sync/u/0/i/s?hl=pt-BR&amp;c=983</t>
  </si>
  <si>
    <t>mail.google.com/sync/u/0/i/s?hl=pt-BR&amp;c=985</t>
  </si>
  <si>
    <t>100014122394468,catianalv@algartech.com,cpc-controldeskavon@algartech.com,joseasn@algartech.com,lucianarsantos@algartech.com,marianadjc@algartech.com,senildapdo@algartecnologia.com.br</t>
  </si>
  <si>
    <t>mail.google.com/sync/u/0/i/s?hl=pt-BR&amp;c=998</t>
  </si>
  <si>
    <t>mail.google.com/sync/u/0/i/s?hl=pt-BR&amp;c=1001</t>
  </si>
  <si>
    <t>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https://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017</t>
  </si>
  <si>
    <t>bde29381-b83c-447a-9766-7390b6efca29.tmp</t>
  </si>
  <si>
    <t>\\acsfs\profiles$\jhonatadss\Downloads\bde29381-b83c-447a-9766-7390b6efca29.tmp</t>
  </si>
  <si>
    <t>542a43b6-9b12-4bec-857e-7f0dceb3aac6.tmp</t>
  </si>
  <si>
    <t>\\acsfs\profiles$\jhonatadss\Downloads\542a43b6-9b12-4bec-857e-7f0dceb3aac6.tmp</t>
  </si>
  <si>
    <t>cbef463e-6ef2-434c-a7b4-73f6db3199f7.tmp</t>
  </si>
  <si>
    <t>\\acsfs\profiles$\jhonatadss\Downloads\cbef463e-6ef2-434c-a7b4-73f6db3199f7.tmp</t>
  </si>
  <si>
    <t>bac073b3-03e0-4511-b789-c47d2e3578e6.tmp</t>
  </si>
  <si>
    <t>\\acsfs\profiles$\jhonatadss\Downloads\bac073b3-03e0-4511-b789-c47d2e3578e6.tmp</t>
  </si>
  <si>
    <t>bdf79ded-7e3b-42c4-b579-37f0d340cacd.tmp</t>
  </si>
  <si>
    <t>\\acsfs\profiles$\paulohaf\Downloads\bdf79ded-7e3b-42c4-b579-37f0d340cacd.tmp</t>
  </si>
  <si>
    <t>d11cf120-fd5c-47c7-9a85-8a2b62331f04.tmp</t>
  </si>
  <si>
    <t>\\acsfs\profiles$\welidicdj\Downloads\d11cf120-fd5c-47c7-9a85-8a2b62331f04.tmp</t>
  </si>
  <si>
    <t>0493d330-84d3-4736-9daf-79d5ec6d2ec3.tmp</t>
  </si>
  <si>
    <t>\\acsfs\profiles$\antoniosva\Downloads\0493d330-84d3-4736-9daf-79d5ec6d2ec3.tmp</t>
  </si>
  <si>
    <t>54465cd6-963f-45bd-b12d-29b665336169.tmp</t>
  </si>
  <si>
    <t>\\acsfs\profiles$\antoniosva\Downloads\54465cd6-963f-45bd-b12d-29b665336169.tmp</t>
  </si>
  <si>
    <t>e9852528-4601-4ce1-a0ab-520f3b1fa94d.tmp</t>
  </si>
  <si>
    <t>\\acsfs\profiles$\gabrielarb\Downloads\e9852528-4601-4ce1-a0ab-520f3b1fa94d.tmp</t>
  </si>
  <si>
    <t>1cd3b2fb-a6d7-451c-b8f9-806fbd45ed7c.tmp</t>
  </si>
  <si>
    <t>\\acsfs\profiles$\gabrielarb\Downloads\1cd3b2fb-a6d7-451c-b8f9-806fbd45ed7c.tmp</t>
  </si>
  <si>
    <t>b208c90f-30e2-437e-9516-b62a39203e5c.tmp</t>
  </si>
  <si>
    <t>\\acsfs\profiles$\maxmillianosv\Downloads\b208c90f-30e2-437e-9516-b62a39203e5c.tmp</t>
  </si>
  <si>
    <t>81631932-fd10-472f-9d8c-10b2e8542648.tmp</t>
  </si>
  <si>
    <t>\\acsfs\profiles$\maxmillianosv\Downloads\81631932-fd10-472f-9d8c-10b2e8542648.tmp</t>
  </si>
  <si>
    <t>79f73ac5-d313-4e05-99e1-192ccd53cdc1.tmp</t>
  </si>
  <si>
    <t>\\acsfs\profiles$\maxmillianosv\Downloads\79f73ac5-d313-4e05-99e1-192ccd53cdc1.tmp</t>
  </si>
  <si>
    <t>e0ebfafe-c17c-4778-9fce-09bf9a474976.tmp</t>
  </si>
  <si>
    <t>\\acsfs\profiles$\maxmillianosv\Downloads\e0ebfafe-c17c-4778-9fce-09bf9a474976.tmp</t>
  </si>
  <si>
    <t>a4047bb3-62c0-490c-96b0-37c1d984ca79.tmp</t>
  </si>
  <si>
    <t>\\acsfs\profiles$\maxmillianosv\Downloads\a4047bb3-62c0-490c-96b0-37c1d984ca79.tmp</t>
  </si>
  <si>
    <t>1d54fd69-fb56-409b-b1be-ea82d3ea9271.tmp</t>
  </si>
  <si>
    <t>\\acsfs\profiles$\maxmillianosv\Downloads\1d54fd69-fb56-409b-b1be-ea82d3ea9271.tmp</t>
  </si>
  <si>
    <t>332d0b19-50e8-43b4-9e34-f552771ea965.tmp</t>
  </si>
  <si>
    <t>\\acsfs\profiles$\laylaams\Downloads\332d0b19-50e8-43b4-9e34-f552771ea965.tmp</t>
  </si>
  <si>
    <t>4f6f5bee-e724-4267-98e7-a76e4e06c7f5.tmp</t>
  </si>
  <si>
    <t>\\acsfs\profiles$\myllenardl\Downloads\4f6f5bee-e724-4267-98e7-a76e4e06c7f5.tmp</t>
  </si>
  <si>
    <t>e9196301-d48b-4bfa-92be-a4691c06fffb.tmp</t>
  </si>
  <si>
    <t>\\acsfs\profiles$\myllenardl\Downloads\e9196301-d48b-4bfa-92be-a4691c06fffb.tmp</t>
  </si>
  <si>
    <t>lu123400v7s3r5.tmp</t>
  </si>
  <si>
    <t>\\acsfs\DEPTOS\Operacao\Banco_Votorantim\Supervisao\SUPERS BV CARTÕES\ANA VITORIA\APOIO\lu123400v7s3r5.tmp</t>
  </si>
  <si>
    <t>\\acsfs\DEPTOS\Operacao\Banco_Votorantim\Supervisao\SUPERS BV CARTÕES\ANA VITORIA\APOIO\lu123400v7s3r5.tmp\</t>
  </si>
  <si>
    <t>\\acsfs\DEPTOS\Operacao\Banco_Votorantim\Supervisao\SUPERS BV CARTÕES\ANA VITORIA\APOIO\lu123400v7s3r5.tmp\META-INF\</t>
  </si>
  <si>
    <t>\\acsfs\DEPTOS\Operacao\Banco_Votorantim\Supervisao\SUPERS BV CARTÕES\ANA VITORIA\APOIO\lu123400v7s3r5.tmp\Thumbnails\</t>
  </si>
  <si>
    <t>26408f7a-07b2-4116-bbd4-0de7a2956d41.tmp</t>
  </si>
  <si>
    <t>\\acsfs\profiles$\brendadsl\Downloads\26408f7a-07b2-4116-bbd4-0de7a2956d41.tmp</t>
  </si>
  <si>
    <t>6632f0c8-8f5b-418d-994e-b952202e4fb6.tmp</t>
  </si>
  <si>
    <t>\\acsfs\profiles$\brendadsl\Downloads\6632f0c8-8f5b-418d-994e-b952202e4fb6.tmp</t>
  </si>
  <si>
    <t>6f6dab89-0de1-471e-b543-7d5e9fde6588.tmp</t>
  </si>
  <si>
    <t>\\acsfs\profiles$\brendadsl\Downloads\6f6dab89-0de1-471e-b543-7d5e9fde6588.tmp</t>
  </si>
  <si>
    <t>90a0f2bc-a6eb-4469-82dc-3df1b96b9616.tmp</t>
  </si>
  <si>
    <t>\\acsfs\profiles$\quindaizaagds\Downloads\90a0f2bc-a6eb-4469-82dc-3df1b96b9616.tmp</t>
  </si>
  <si>
    <t>http:///batch?%24ct=multipart%2Fmixed%3B%20boundary%3D%22%3D%3D%3D%3D%3Dz4wqnk2mu05a%3D%3D%3D%3D%3D%22&amp;key=AIzaSyAy9VVXHSpS2IJpptzYtGbLP3-3_l0aBk4</t>
  </si>
  <si>
    <t>http:///batch?%24ct=multipart%2Fmixed%3B%20boundary%3D%22%3D%3D%3D%3D%3Dt7itvkdp19b3%3D%3D%3D%3D%3D%22&amp;key=AIzaSyAy9VVXHSpS2IJpptzYtGbLP3-3_l0aBk4</t>
  </si>
  <si>
    <t>/o=exchangelabs/ou=exchange administrative group (fydibohf23spdlt)/cn=recipients/cn=4f1c81c2e16143f68596016ac3b45ef1-gustavo dam;/o=exchangelabs/ou=exchange administrative group (fydibohf23spdlt)/cn=recipients/cn=cf023be226744f8a9c38076dbccfd020-flavia cons;/o=exchangelabs/ou=exchange administrative group (fydibohf23spdlt)/cn=recipients/cn=f23199a9eb1c4dab9b7d7d0688901f52-marta lucia;</t>
  </si>
  <si>
    <t>/o=exchangelabs/ou=exchange administrative group (fydibohf23spdlt)/cn=recipients/cn=4f1c81c2e16143f68596016ac3b45ef1-gustavo dam,/o=exchangelabs/ou=exchange administrative group (fydibohf23spdlt)/cn=recipients/cn=cf023be226744f8a9c38076dbccfd020-flavia cons,/o=exchangelabs/ou=exchange administrative group (fydibohf23spdlt)/cn=recipients/cn=f23199a9eb1c4dab9b7d7d0688901f52-marta lucia</t>
  </si>
  <si>
    <t>mail.google.com/sync/u/0/i/s?hl=pt-BR&amp;c=1024</t>
  </si>
  <si>
    <t>mail.google.com/sync/u/0/i/s?hl=pt-BR&amp;c=1027</t>
  </si>
  <si>
    <t>mail.google.com/sync/u/0/i/s?hl=pt-BR&amp;c=1035</t>
  </si>
  <si>
    <t>mail.google.com/sync/u/0/i/s?hl=pt-BR&amp;c=1045</t>
  </si>
  <si>
    <t>mail.google.com/_/upload?authuser=0&amp;dcp=asu-n&amp;upload_id=AEnB2UrmPP--1CeNKN1BpA2qF7FmR8abipMf93_yBTLvUbLMh4hNPcrQFHmuNfQTgR_5beZAJ6qtqvqBOLcMS_wxvlcNNp3SBjV4Fq2ig5vG2tuNao-p7Qs&amp;upload_protocol=resumable</t>
  </si>
  <si>
    <t>\\acsfs\engeset\ASA_ULA\NUCLEO_SUPRIMENTOS\Objetivos\2019 - 2º Semestre\Apuração\Natal\</t>
  </si>
  <si>
    <t>Invetário Cíclico Estoque_Janeiro_Natal.xlsx</t>
  </si>
  <si>
    <t>19ae7a38-a7cb-4bab-ba59-fcedbaabc806.tmp</t>
  </si>
  <si>
    <t>\\acsfs\profiles$\jhonatadss\Downloads\19ae7a38-a7cb-4bab-ba59-fcedbaabc806.tmp</t>
  </si>
  <si>
    <t>e87b6563-a5f3-474e-aa97-27df46fadf2f.tmp</t>
  </si>
  <si>
    <t>\\acsfs\profiles$\antoniosva\Downloads\e87b6563-a5f3-474e-aa97-27df46fadf2f.tmp</t>
  </si>
  <si>
    <t>42d2e47f-1bc4-4140-8d43-d0830bd25435.tmp</t>
  </si>
  <si>
    <t>\\acsfs\profiles$\henriqueco\Downloads\42d2e47f-1bc4-4140-8d43-d0830bd25435.tmp</t>
  </si>
  <si>
    <t>46377d63-9da5-43c3-adef-1341cd42f5e7.tmp</t>
  </si>
  <si>
    <t>\\acsfs\profiles$\luanaagl\Downloads\46377d63-9da5-43c3-adef-1341cd42f5e7.tmp</t>
  </si>
  <si>
    <t>LAURA NICOLAU DE OLIVEIRA SANTOS_1_6776324367185938943_1_32.wav</t>
  </si>
  <si>
    <t>\\acsfs\Deptos\EDUCACAO EMPRESARIAL\KÉSIA\Ligações 1º Ciclo - Janeiro 2020\LAURA NICOLAU DE OLIVEIRA SANTOS_1_6776324367185938943_1_32.wav</t>
  </si>
  <si>
    <t>gabrielly@algartech.com;gabriellycc@algartech.com;josycoa@algartech.com;lucianapdre@algartech.com;lucianasg@algartech.com;nubiafrsp@algartech.com;virginiamb@algartech.com;</t>
  </si>
  <si>
    <t>\\acsfs\DEPTOS\Governança da Estratégia\Governança\Holding\2020\Gerenciais\1ª REUGER Fevereiro\Recebido Holding\</t>
  </si>
  <si>
    <t>1a Reuger 2020 - template tabelas.xlsx</t>
  </si>
  <si>
    <t>gabrielly@algartech.com,gabriellycc@algartech.com,josycoa@algartech.com,lucianapdre@algartech.com,lucianasg@algartech.com,nubiafrsp@algartech.com,virginiamb@algartech.com</t>
  </si>
  <si>
    <t>334f6041-52c9-44fd-befe-57479df50f99.tmp</t>
  </si>
  <si>
    <t>\\acsfs\profiles$\andreapdsg\Downloads\334f6041-52c9-44fd-befe-57479df50f99.tmp</t>
  </si>
  <si>
    <t>31d1bd5d-c54a-4e71-a3ac-d85005ca821f.tmp</t>
  </si>
  <si>
    <t>\\acsfs\profiles$\brendadsl\Downloads\31d1bd5d-c54a-4e71-a3ac-d85005ca821f.tmp</t>
  </si>
  <si>
    <t>309bf771-3192-4531-8182-ad0ffcd72da8.tmp</t>
  </si>
  <si>
    <t>\\acsfs\profiles$\quindaizaagds\Downloads\309bf771-3192-4531-8182-ad0ffcd72da8.tmp</t>
  </si>
  <si>
    <t>f142e0c2-eaa6-4799-a60d-1b1d0873236d.tmp</t>
  </si>
  <si>
    <t>\\acsfs\profiles$\jhonatadss\Downloads\f142e0c2-eaa6-4799-a60d-1b1d0873236d.tmp</t>
  </si>
  <si>
    <t>48d40f10-93db-4ebc-a224-a0b751cf7e24.tmp</t>
  </si>
  <si>
    <t>\\acsfs\profiles$\jhonatadss\Downloads\48d40f10-93db-4ebc-a224-a0b751cf7e24.tmp</t>
  </si>
  <si>
    <t>5dd936d3-bbe7-418f-9df0-b04e25677178.tmp</t>
  </si>
  <si>
    <t>\\acsfs\profiles$\jhonatadss\Downloads\5dd936d3-bbe7-418f-9df0-b04e25677178.tmp</t>
  </si>
  <si>
    <t>4b10282b-0ff2-41a0-83ae-f00a4d8ffbbf.tmp</t>
  </si>
  <si>
    <t>\\acsfs\profiles$\paulohaf\Downloads\4b10282b-0ff2-41a0-83ae-f00a4d8ffbbf.tmp</t>
  </si>
  <si>
    <t>\\acsfs\Deptos\EDUCACAO EMPRESARIAL\FERNANDA MONIT\Fernanda\MONITORIA JANEIRO\</t>
  </si>
  <si>
    <t>\\acsfs\Deptos\EDUCACAO EMPRESARIAL\FERNANDA MONIT\Fernanda\MONITORIA JANEIRO\Thumbs.db</t>
  </si>
  <si>
    <t>fernandaab@algartech.com;</t>
  </si>
  <si>
    <t>mail.google.com/sync/u/0/i/s?hl=pt-BR&amp;c=386</t>
  </si>
  <si>
    <t>307ad456-c77b-41d5-9e19-a8f62bd8ab79.tmp</t>
  </si>
  <si>
    <t>\\acsfs\profiles$\fabianobmf\Downloads\307ad456-c77b-41d5-9e19-a8f62bd8ab79.tmp</t>
  </si>
  <si>
    <t>5b7fc13b-6598-42dc-b73d-b7a8cb72d1de.tmp</t>
  </si>
  <si>
    <t>\\acsfs\profiles$\fabianobmf\Downloads\5b7fc13b-6598-42dc-b73d-b7a8cb72d1de.tmp</t>
  </si>
  <si>
    <t>f9e6f175-28ce-4df3-a656-a0c0047b4dd2.tmp</t>
  </si>
  <si>
    <t>\\acsfs\profiles$\fabianobmf\Downloads\f9e6f175-28ce-4df3-a656-a0c0047b4dd2.tmp</t>
  </si>
  <si>
    <t>lu123400v7s3re.tmp</t>
  </si>
  <si>
    <t>\\acsfs\DEPTOS\Operacao\Banco_Votorantim\Supervisao\SUPERS BV CARTÕES\ANA VITORIA\APOIO\lu123400v7s3re.tmp</t>
  </si>
  <si>
    <t>1fa61e55-c39e-4288-a735-7bb9087dd624.tmp</t>
  </si>
  <si>
    <t>\\acsfs\profiles$\jhonatadss\Downloads\1fa61e55-c39e-4288-a735-7bb9087dd624.tmp</t>
  </si>
  <si>
    <t>676af348-379f-4f7b-9dae-584f742ce920.tmp</t>
  </si>
  <si>
    <t>\\acsfs\profiles$\jhonatadss\Downloads\676af348-379f-4f7b-9dae-584f742ce920.tmp</t>
  </si>
  <si>
    <t>346402e7-3f84-4d33-93f6-295430b772cb.tmp</t>
  </si>
  <si>
    <t>\\acsfs\profiles$\jhonatadss\Downloads\346402e7-3f84-4d33-93f6-295430b772cb.tmp</t>
  </si>
  <si>
    <t>e5dd9945-2bca-4b41-9413-8411d0196ad5.tmp</t>
  </si>
  <si>
    <t>\\acsfs\profiles$\jhonatadss\Downloads\e5dd9945-2bca-4b41-9413-8411d0196ad5.tmp</t>
  </si>
  <si>
    <t>MYLLENA RIBEIRO DE LIMA_1_6774053764005432318_1_32.wav</t>
  </si>
  <si>
    <t>\\acsfs\Deptos\EDUCACAO EMPRESARIAL\KÉSIA\Ligações 1º Ciclo - Janeiro 2020\MYLLENA RIBEIRO DE LIMA_1_6774053764005432318_1_32.wav</t>
  </si>
  <si>
    <t>lu123400v7s3rk.tmp</t>
  </si>
  <si>
    <t>\\acsfs\DEPTOS\Operacao\Banco_Votorantim\Supervisao\SUPERS BV CARTÕES\ANA VITORIA\APOIO\lu123400v7s3rk.tmp</t>
  </si>
  <si>
    <t>andrearp@algartech.com;jesssilva@deloitte.com;</t>
  </si>
  <si>
    <t>C:\Users\tatiane.rodrigues\Downloads\</t>
  </si>
  <si>
    <t>CONTROLE DIÁRIO TI.xlsx</t>
  </si>
  <si>
    <t>andrearp@algartech.com,jesssilva@deloitte.com</t>
  </si>
  <si>
    <t>leonoraat@algartech.com.br;</t>
  </si>
  <si>
    <t>Carteiras</t>
  </si>
  <si>
    <t>NOVO VOL. CARTEIRAS.xlsx</t>
  </si>
  <si>
    <t>anapscl@algartech.com;annalfg@algartech.com;celianasdn@algartech.com.br;elencassiapo@algartech.com;fabiolacc@algartecnologia.com.br;fredericobs@algartecnologia.com.br;micheless@algartech.com.br;priscilalb@algartech.com;rafaelaas@algartech.com;</t>
  </si>
  <si>
    <t>Painel de Auditoria - Ligações Transferidas Ilha de Especialistas</t>
  </si>
  <si>
    <t>MIS Auditoria Ilha Especialistas.xlsx</t>
  </si>
  <si>
    <t>anapscl@algartech.com,annalfg@algartech.com,celianasdn@algartech.com.br,elencassiapo@algartech.com,fabiolacc@algartecnologia.com.br,fredericobs@algartecnologia.com.br,micheless@algartech.com.br,priscilalb@algartech.com,rafaelaas@algartech.com</t>
  </si>
  <si>
    <t>DEZEMBRO.txt</t>
  </si>
  <si>
    <t>\\acsfs\profiles$\LUCASNS\DEZEMBRO.txt</t>
  </si>
  <si>
    <t>mail.google.com/sync/u/0/i/s?hl=pt-BR&amp;c=1070</t>
  </si>
  <si>
    <t>b5fa2c2d-6482-4df3-ab5d-a6c6d1257521.tmp</t>
  </si>
  <si>
    <t>\\acsfs\profiles$\jhonatadss\Downloads\b5fa2c2d-6482-4df3-ab5d-a6c6d1257521.tmp</t>
  </si>
  <si>
    <t>325050e0-7b93-4817-a3e0-3accf7f9b683.tmp</t>
  </si>
  <si>
    <t>\\acsfs\profiles$\antoniosva\Downloads\325050e0-7b93-4817-a3e0-3accf7f9b683.tmp</t>
  </si>
  <si>
    <t>2fd0db8b-25eb-4651-9e11-d1bab3f2d2c2.tmp</t>
  </si>
  <si>
    <t>\\acsfs\profiles$\andreapdsg\Downloads\2fd0db8b-25eb-4651-9e11-d1bab3f2d2c2.tmp</t>
  </si>
  <si>
    <t>12 - ADERENCIA FEVEREIRO - Leonora - Copia.xlsx</t>
  </si>
  <si>
    <t>C:\Users\robertacmf\Desktop\Auditoria Notas\</t>
  </si>
  <si>
    <t>29211.xlsx</t>
  </si>
  <si>
    <t>29076.xlsx</t>
  </si>
  <si>
    <t>mail.google.com/_/upload?authuser=0&amp;dcp=asu-n&amp;upload_id=AEnB2UrbJr9g76ynYsjCwJpV8EPqNws-9KOBzPj-2-RM63KhsNhFq7naQjhf1ErzFGeMXCxNFpJ7eCtMWu0E9SU8VzwJrNEc9g&amp;upload_protocol=resumable</t>
  </si>
  <si>
    <t>28886.xlsx</t>
  </si>
  <si>
    <t>mail.google.com/_/upload?authuser=0&amp;dcp=asu-n&amp;upload_id=AEnB2Up0pMdA3lHezLrRpFB5bpRRhwso6aTVmGhpaEKOCfIMRKxamBhVI6nJPWksK54M2HPJpw5mhF3h1mPHyUkE2ouVN4a-VRVDG4aglCXLaCWBbzw2nD0&amp;upload_protocol=resumable</t>
  </si>
  <si>
    <t>28970.xlsx</t>
  </si>
  <si>
    <t>\\acsfs\ACS\Gabriel da Silva\Contemporânea\BDBV\D92CD0CB.tmp\</t>
  </si>
  <si>
    <t>\\acsfs\ACS\Gabriel da Silva\Contemporânea\BDBV\D92CD0CB.tmp\:Zone.Identifier:$DATA</t>
  </si>
  <si>
    <t>mail.google.com/sync/u/0/i/s?hl=pt-BR&amp;c=1075</t>
  </si>
  <si>
    <t>mail.google.com/sync/u/0/i/s?hl=pt-BR&amp;c=1079</t>
  </si>
  <si>
    <t>mail.google.com/sync/u/0/i/s?hl=pt-BR&amp;c=1081</t>
  </si>
  <si>
    <t>mail.google.com/sync/u/0/i/s?hl=pt-BR&amp;c=1087</t>
  </si>
  <si>
    <t>mail.google.com/sync/u/0/i/s?hl=pt-BR&amp;c=1089</t>
  </si>
  <si>
    <t>mail.google.com/sync/u/0/i/s?hl=pt-BR&amp;c=1091</t>
  </si>
  <si>
    <t>mail.google.com/sync/u/0/i/s?hl=pt-BR&amp;c=1096</t>
  </si>
  <si>
    <t>mail.google.com/sync/u/0/i/s?hl=pt-BR&amp;c=1100</t>
  </si>
  <si>
    <t>flaviom@algartech.com;</t>
  </si>
  <si>
    <t>C:\Users\denisevca\Desktop\</t>
  </si>
  <si>
    <t>Viagens NOV DEZ.xlsx</t>
  </si>
  <si>
    <t>flaviom@algartech.com</t>
  </si>
  <si>
    <t>\\acsfs\Deptos\EDUCACAO EMPRESARIAL\FERNANDA MONIT\Fernanda\MONITORIA JANEIRO\Ligaçoes para MUTANT primeiro ciclo janeiro\</t>
  </si>
  <si>
    <t>JESSICA FERREIRA CARVALHO_1_6776289002425221825_1_32.wav</t>
  </si>
  <si>
    <t>\\acsfs\Deptos\EDUCACAO EMPRESARIAL\FERNANDA MONIT\Fernanda\MONITORIA JANEIRO\Ligaçoes para MUTANT primeiro ciclo janeiro\JESSICA FERREIRA CARVALHO_1_6776289002425221825_1_32.wav</t>
  </si>
  <si>
    <t>ancestorhasaugmentedpermissions;containsunsubscribedchildren;displayname;domain;emailaddress;exp;file(kind;fileid;filesize;hasthumbnail;hasvisitorpermissions;id;id);items(deleted;ken;kind;lastmodifyinguser(kind;lastviewedbymedate;modifiedbymedate;modifieddate;ontainsunsubscribedchildren;owners(kind;permi;permissionid;picture;shared;sharedwithmedate;thumbnailversion;title;userpermission(role);workspaceids;</t>
  </si>
  <si>
    <t>C:\Users\edilsonrb\Documents\02.Trabalho\86.ANO.2020\02.NIMBUS\01.JANEIRO\02.RECEITA\</t>
  </si>
  <si>
    <t>Executivo Receita Liquida Infra TI 2017, 2018 e 2019.xlsx</t>
  </si>
  <si>
    <t>ancestorhasaugmentedpermissions,containsunsubscribedchildren,displayname,domain,emailaddress,exp,file(kind,fileid,filesize,hasthumbnail,hasvisitorpermissions,id,id),items(deleted,ken,kind,lastmodifyinguser(kind,lastviewedbymedate,modifiedbymedate,modifieddate,ontainsunsubscribedchildren,owners(kind,permi,permissionid,picture,shared,sharedwithmedate,thumbnailversion,title,userpermission(role),workspaceids</t>
  </si>
  <si>
    <t>a49552f2-bba5-49cc-bcbd-296382b930b1.tmp</t>
  </si>
  <si>
    <t>\\acsfs\profiles$\georgendsq\Downloads\a49552f2-bba5-49cc-bcbd-296382b930b1.tmp</t>
  </si>
  <si>
    <t>\\acsfs\ACS\Gabriel da Silva\Contemporânea\Acessos\5EC7669C.tmp\</t>
  </si>
  <si>
    <t>\\acsfs\ACS\Gabriel da Silva\Contemporânea\Acessos\5EC7669C.tmp\:Zone.Identifier:$DATA</t>
  </si>
  <si>
    <t>ead7c913-cc30-4d62-9544-57cace6abcea.tmp</t>
  </si>
  <si>
    <t>\\acsfs\profiles$\alinepp\Downloads\ead7c913-cc30-4d62-9544-57cace6abcea.tmp</t>
  </si>
  <si>
    <t>778bc04f-a14f-401c-927c-c5a41a3bddd3.tmp</t>
  </si>
  <si>
    <t>\\acsfs\profiles$\maxmillianosv\Downloads\778bc04f-a14f-401c-927c-c5a41a3bddd3.tmp</t>
  </si>
  <si>
    <t>7543cae4-0553-469b-be06-98d03a186112.tmp</t>
  </si>
  <si>
    <t>\\acsfs\profiles$\georgendsq\Downloads\7543cae4-0553-469b-be06-98d03a186112.tmp</t>
  </si>
  <si>
    <t>f64da9d9-0be3-4dd8-9ce7-3bdb3490194d.tmp</t>
  </si>
  <si>
    <t>\\acsfs\profiles$\georgendsq\Downloads\f64da9d9-0be3-4dd8-9ce7-3bdb3490194d.tmp</t>
  </si>
  <si>
    <t>\\acsfs\deptos\Operacao\PCP\5 - Comum\Mariana De Jesus\</t>
  </si>
  <si>
    <t>\\acsfs\deptos\Operacao\PCP\5 - Comum\Mariana De Jesus\Passo a Passo relatórios.xlsx</t>
  </si>
  <si>
    <t>e2f6a3d0-6d9c-4d5e-84c3-b7f3bf45f30e.tmp</t>
  </si>
  <si>
    <t>\\acsfs\profiles$\alinepp\Downloads\e2f6a3d0-6d9c-4d5e-84c3-b7f3bf45f30e.tmp</t>
  </si>
  <si>
    <t>\\acsfs\profiles$\larissapdr\Contacts\</t>
  </si>
  <si>
    <t>LARISSA PEREIRA DA ROCHA (22223).contact</t>
  </si>
  <si>
    <t>\\acsfs\profiles$\larissapdr\Contacts\LARISSA PEREIRA DA ROCHA (22223).contact</t>
  </si>
  <si>
    <t>\\acsfs\profiles$\larissapdr\My Documents\My Videos\</t>
  </si>
  <si>
    <t>\\acsfs\profiles$\larissapdr\My Documents\My Videos\desktop.ini</t>
  </si>
  <si>
    <t>\\acsfs\profiles$\larissapdr\My Documents\My Pictures\</t>
  </si>
  <si>
    <t>\\acsfs\profiles$\larissapdr\My Documents\My Pictures\desktop.ini</t>
  </si>
  <si>
    <t>\\acsfs\profiles$\larissapdr\Contacts\desktop.ini</t>
  </si>
  <si>
    <t>\\acsfs\profiles$\larissapdr\Favorites\</t>
  </si>
  <si>
    <t>\\acsfs\profiles$\larissapdr\Favorites\desktop.ini</t>
  </si>
  <si>
    <t>\\acsfs\profiles$\larissapdr\My Documents\My Music\</t>
  </si>
  <si>
    <t>\\acsfs\profiles$\larissapdr\My Documents\My Music\desktop.ini</t>
  </si>
  <si>
    <t>\\acsfs\profiles$\larissapdr\Searches\</t>
  </si>
  <si>
    <t>\\acsfs\profiles$\larissapdr\Searches\desktop.ini</t>
  </si>
  <si>
    <t>\\acsfs\profiles$\larissapdr\Downloads\desktop.ini</t>
  </si>
  <si>
    <t>\\acsfs\profiles$\larissapdr\My Documents\</t>
  </si>
  <si>
    <t>\\acsfs\profiles$\larissapdr\My Documents\desktop.ini</t>
  </si>
  <si>
    <t>\\acsfs\profiles$\larissapdr\Saved Games\</t>
  </si>
  <si>
    <t>\\acsfs\profiles$\larissapdr\Saved Games\desktop.ini</t>
  </si>
  <si>
    <t>\\acsfs\profiles$\larissapdr\Favorites\Links for Brasil\</t>
  </si>
  <si>
    <t>\\acsfs\profiles$\larissapdr\Favorites\Links for Brasil\desktop.ini</t>
  </si>
  <si>
    <t>\\acsfs\profiles$\larissapdr\Favorites\Links for Brasil\Microsoft Brasil.url</t>
  </si>
  <si>
    <t>\\acsfs\profiles$\larissapdr\Favorites\Links for Brasil\Windows Brasil.url</t>
  </si>
  <si>
    <t>\\acsfs\profiles$\larissapdr\Favorites\Links for Brasil\MSN Brasil.url</t>
  </si>
  <si>
    <t>9e3b6c16-af15-4189-a56f-dde3342cfe33.tmp</t>
  </si>
  <si>
    <t>\\acsfs\profiles$\marcosvnds\Downloads\9e3b6c16-af15-4189-a56f-dde3342cfe33.tmp</t>
  </si>
  <si>
    <t>efc9d55c-d381-4e62-85e6-33a05c91a4f1.tmp</t>
  </si>
  <si>
    <t>\\acsfs\profiles$\KARENDSR\Downloads\efc9d55c-d381-4e62-85e6-33a05c91a4f1.tmp</t>
  </si>
  <si>
    <t>78d59fae-ad40-4128-95c3-07e33291bebf.tmp</t>
  </si>
  <si>
    <t>\\acsfs\profiles$\fabianafv\Downloads\78d59fae-ad40-4128-95c3-07e33291bebf.tmp</t>
  </si>
  <si>
    <t>Resultados Qualidade Dezembro - Cópia.xlsx</t>
  </si>
  <si>
    <t>\\acsfs\Deptos\Operacao\Banco_Votorantim\Supervisao\Flávia Constantina Nogueira\Resultados Qualidade Dezembro - Cópia.xlsx</t>
  </si>
  <si>
    <t>https://udpwfmniceap02/web/guest/home?p_auth=nbu4ezas&amp;p_p_id=58&amp;p_p_lifecycle=1&amp;p_p_state=maximized&amp;p_p_mode=view&amp;savelastpath=0&amp;_58_struts_action=/login/forgot_password</t>
  </si>
  <si>
    <t>9ad7eecd-bbfb-4a24-a75c-88832aa8204f.tmp</t>
  </si>
  <si>
    <t>\\acsfs\profiles$\gabrielsma\Downloads\9ad7eecd-bbfb-4a24-a75c-88832aa8204f.tmp</t>
  </si>
  <si>
    <t>\\acsfs\ACS\Gabriel da Silva\Contemporânea\Acessos\Q29udHJvbGxlci5BQ09NLVNvdUJWXzE-.ica.crdownload</t>
  </si>
  <si>
    <t>DESLIGAMENTO GABRIELLA BARREIRO.pdf</t>
  </si>
  <si>
    <t>kesiadof@algartech.com;talmaiardo@algartech.com;</t>
  </si>
  <si>
    <t>kesiadof@algartech.com,talmaiardo@algartech.com</t>
  </si>
  <si>
    <t>6294c0ba-4a5a-4e00-a97b-a5af28170f8f.tmp</t>
  </si>
  <si>
    <t>\\acsfs\profiles$\rosileiam\Downloads\6294c0ba-4a5a-4e00-a97b-a5af28170f8f.tmp</t>
  </si>
  <si>
    <t>93d193e8-e3b2-4fbc-ab21-5d6bd9ee802e.tmp</t>
  </si>
  <si>
    <t>\\acsfs\profiles$\joycemmdl\Downloads\93d193e8-e3b2-4fbc-ab21-5d6bd9ee802e.tmp</t>
  </si>
  <si>
    <t>c73530a8-d46f-4676-b704-485c5454f0dc.tmp</t>
  </si>
  <si>
    <t>\\acsfs\profiles$\joycemmdl\Downloads\c73530a8-d46f-4676-b704-485c5454f0dc.tmp</t>
  </si>
  <si>
    <t>09397ebb-6a57-435a-a065-a0ea42f05764.tmp</t>
  </si>
  <si>
    <t>\\acsfs\profiles$\joycemmdl\Downloads\09397ebb-6a57-435a-a065-a0ea42f05764.tmp</t>
  </si>
  <si>
    <t>0f66bd70-5912-4e5f-a449-f46a7cf34cc7.tmp</t>
  </si>
  <si>
    <t>\\acsfs\profiles$\KARENDSR\Downloads\0f66bd70-5912-4e5f-a449-f46a7cf34cc7.tmp</t>
  </si>
  <si>
    <t>8380d668-ef3c-419a-80d0-e2ad63d08630.tmp</t>
  </si>
  <si>
    <t>\\acsfs\profiles$\alinepp\Downloads\8380d668-ef3c-419a-80d0-e2ad63d08630.tmp</t>
  </si>
  <si>
    <t>10.200.58.74</t>
  </si>
  <si>
    <t>5C-C9-D3-33-32-61</t>
  </si>
  <si>
    <t>NB-CAMILAAMMM</t>
  </si>
  <si>
    <t>camilaammm</t>
  </si>
  <si>
    <t>mail.google.com/_/upload?authuser=0&amp;dcp=asu-n&amp;upload_id=AEnB2UozqH40_z8aofV0sCFVIQUnMCThAUH3MZhHYz63lM4vqWEOBU3X5OeBomfHUpF5kgv_zl2bEwAcmQPd_3J7c6V1XH6NrgyTDbNkFgUDnLP0nEh7t2E&amp;upload_protocol=resumable</t>
  </si>
  <si>
    <t>\\acsfs\DEPTOS\EDUCACAO EMPRESARIAL\4 - Gestão de Educação\4.4 Analistas\Camila Maia\Jhonata Tavares\NOVATOS\Agosto 2018\</t>
  </si>
  <si>
    <t>Lista de Presença CAPACITAÇÃO NR17.xlsx</t>
  </si>
  <si>
    <t>Resultados Qualidade Janeiro.xlsx</t>
  </si>
  <si>
    <t>\\acsfs\Deptos\Operacao\Banco_Votorantim\Supervisao\Flávia Constantina Nogueira\Resultados Qualidade Janeiro.xlsx</t>
  </si>
  <si>
    <t>bce102d2-ce69-4490-8c18-9b33c45ad984.tmp</t>
  </si>
  <si>
    <t>\\acsfs\profiles$\LAISLG\Downloads\bce102d2-ce69-4490-8c18-9b33c45ad984.tmp</t>
  </si>
  <si>
    <t>19358be9-e928-4717-9145-5ac9a0284f84.tmp</t>
  </si>
  <si>
    <t>\\acsfs\profiles$\regisadsa\Downloads\19358be9-e928-4717-9145-5ac9a0284f84.tmp</t>
  </si>
  <si>
    <t>C:\Users\adrielefc\Downloads\</t>
  </si>
  <si>
    <t>Atendimento_Pool_2020.xlsb</t>
  </si>
  <si>
    <t>_pool_2020' and title contains 'xlsb' and trashed = false and '0ag3z8ttclmcduk9pva' in parents&amp;fields=kind,ancestorhasaugmentedpermissions,containsun,containsunsubscribedchildren,displayname,domain,emailaddress,explicitlytrashed,file(kind,fileid,filesize,hasthumbnail,hasvisitorpermissions,id,id),items(deleted,items(kind,ken,kind,lastmodifyinguser(kind,lastviewedbymedate,modifiedbymedate,modifieddate,nextpagetoken,ontainsunsubscribedchildren,owners(kind,perm,permission,permissionid,picture,picture�,shared,sharedwithmedate,thumbnailversion,title,userpermission(role),workspaceids</t>
  </si>
  <si>
    <t>Atendimento_Pool_2020_.xlsx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</t>
  </si>
  <si>
    <t>NYCOLLE EDUARDA MARTINS DE JESUS_1_6774830736474183335_1_32.wav</t>
  </si>
  <si>
    <t>\\acsfs\Deptos\EDUCACAO EMPRESARIAL\KÉSIA\Ligações 1º Ciclo - Janeiro 2020\NYCOLLE EDUARDA MARTINS DE JESUS_1_6774830736474183335_1_32.wav</t>
  </si>
  <si>
    <t>lu9680aq49g.tmp</t>
  </si>
  <si>
    <t>\\acsfs\profiles$\jalilebds\Downloads\lu9680aq49g.tmp</t>
  </si>
  <si>
    <t>964f5fef-d24a-4f02-9b98-2b4645d8aecb.tmp</t>
  </si>
  <si>
    <t>\\acsfs\profiles$\brendadsl\Downloads\964f5fef-d24a-4f02-9b98-2b4645d8aecb.tmp</t>
  </si>
  <si>
    <t>f0fac09c-44de-407e-8734-438dad38dcbc.tmp</t>
  </si>
  <si>
    <t>\\acsfs\profiles$\LAISLG\Downloads\f0fac09c-44de-407e-8734-438dad38dcbc.tmp</t>
  </si>
  <si>
    <t>LAYOUT BV Cartoes.xlsx</t>
  </si>
  <si>
    <t>\\acsfs\DEPTOS\Operacao\Banco_Votorantim\Supervisao\SUPERS BV CARTÕES\LAYOUT BV Cartoes.xlsx</t>
  </si>
  <si>
    <t>thaisdss</t>
  </si>
  <si>
    <t>\\acsfs\profiles$\thaisdss\My Documents\xworkcenter\lex\</t>
  </si>
  <si>
    <t>\\acsfs\profiles$\thaisdss\My Documents\xworkcenter\lex\temp.tlx</t>
  </si>
  <si>
    <t>C:\Users\lauanecca\Desktop\</t>
  </si>
  <si>
    <t>Supervisores Caixa Seguradora.xlsx</t>
  </si>
  <si>
    <t>10.211.3.53</t>
  </si>
  <si>
    <t>D8-9C-67-6F-31-4D</t>
  </si>
  <si>
    <t>SPTI-340009450</t>
  </si>
  <si>
    <t>leonardo.caetano</t>
  </si>
  <si>
    <t>C:\Users\leonardo.caetano\Desktop\Repasse Renata x Leonardo\KPMG\</t>
  </si>
  <si>
    <t>Informações KPMG - 07-01-2020 - v5 (Comercial).xlsx</t>
  </si>
  <si>
    <t>\\acsfs\ACS\Gabriel da Silva\Contemporânea\Acessos\E5113DA2.tmp\</t>
  </si>
  <si>
    <t>\\acsfs\ACS\Gabriel da Silva\Contemporânea\Acessos\E5113DA2.tmp\:Zone.Identifier:$DATA</t>
  </si>
  <si>
    <t>PAMELA MARIA CRISTINA MACEDO DA SILVA GUEDES_1_6774706822372736144_1_32.wav</t>
  </si>
  <si>
    <t>\\acsfs\Deptos\EDUCACAO EMPRESARIAL\KÉSIA\Ligações 1º Ciclo - Janeiro 2020\PAMELA MARIA CRISTINA MACEDO DA SILVA GUEDES_1_6774706822372736144_1_32.wav</t>
  </si>
  <si>
    <t>Fechamento Dezembro_ Formalização VISA e AMEX</t>
  </si>
  <si>
    <t>Dezembro_ Formalização.xlsm</t>
  </si>
  <si>
    <t>mail.google.com/sync/u/0/i/s?hl=pt-BR&amp;c=492</t>
  </si>
  <si>
    <t>andrelpsa@algartech.com;gabrielsma@bv.algartech.com;leonardoao@algartech.com;maristelavodq@bv.algartech.com;rafaelggs@algartech.com;supervisaobancovotorantim@algartech.com;thiagolrc@bv.algartech.com;</t>
  </si>
  <si>
    <t>andrelpsa@algartech.com,gabrielsma@bv.algartech.com,leonardoao@algartech.com,maristelavodq@bv.algartech.com,rafaelggs@algartech.com,supervisaobancovotorantim@algartech.com,thiagolrc@bv.algartech.com</t>
  </si>
  <si>
    <t>gabrielsma@bv.algartech.com;maristelavodq@bv.algartech.com;robsonams@algartech.com;supervisaobancovotorantim@algartech.com;thiagolrc@bv.algartech.com;</t>
  </si>
  <si>
    <t>gabrielsma@bv.algartech.com,maristelavodq@bv.algartech.com,robsonams@algartech.com,supervisaobancovotorantim@algartech.com,thiagolrc@bv.algartech.com</t>
  </si>
  <si>
    <t>mail.google.com/sync/u/0/i/s?hl=pt-BR&amp;c=497</t>
  </si>
  <si>
    <t>gabrielsma@bv.algartech.com;maristelavodq@bv.algartech.com;supervisaobancovotorantim@algartech.com;thiagolrc@bv.algartech.com;</t>
  </si>
  <si>
    <t>gabrielsma@bv.algartech.com,maristelavodq@bv.algartech.com,supervisaobancovotorantim@algartech.com,thiagolrc@bv.algartech.com</t>
  </si>
  <si>
    <t>mail.google.com/sync/u/0/i/s?hl=pt-BR&amp;c=514</t>
  </si>
  <si>
    <t>http:///batch?%24ct=multipart%2Fmixed%3B%20boundary%3D%22%3D%3D%3D%3D%3D2uk2iewdjria%3D%3D%3D%3D%3D%22&amp;key=AIzaSyAy9VVXHSpS2IJpptzYtGbLP3-3_l0aBk4</t>
  </si>
  <si>
    <t>ancestorhasaugmen;containsunsubscribedchildren;displayname;domain;emaila;emailaddress;filesize;id);lastmodifyinguser(kind;lastviewedbymedate;modifiedbymedate;ontainsunsubscribedchildren;owners(kind;permissionid;picture;rpermissions;workspaceids;</t>
  </si>
  <si>
    <t>http://ancestorhasaugmen,containsunsubscribedchildren,displayname,domain,emaila,emailaddress,filesize,id),lastmodifyinguser(kind,lastviewedbymedate,modifiedbymedate,ontainsunsubscribedchildren,owners(kind,permissionid,picture,rpermissions,workspaceids</t>
  </si>
  <si>
    <t>http:///batch?%24ct=multipart%2Fmixed%3B%20boundary%3D%22%3D%3D%3D%3D%3D94gq4ol96bn0%3D%3D%3D%3D%3D%22&amp;key=AIzaSyAy9VVXHSpS2IJpptzYtGbLP3-3_l0aBk4</t>
  </si>
  <si>
    <t>http:///batch?%24ct=multipart%2Fmixed%3B%20boundary%3D%22%3D%3D%3D%3D%3Dozuj68mn9azq%3D%3D%3D%3D%3D%22&amp;key=AIzaSyAy9VVXHSpS2IJpptzYtGbLP3-3_l0aBk4</t>
  </si>
  <si>
    <t>http:///batch?%24ct=multipart%2Fmixed%3B%20boundary%3D%22%3D%3D%3D%3D%3Db4hvwbdgx0u5%3D%3D%3D%3D%3D%22&amp;key=AIzaSyAy9VVXHSpS2IJpptzYtGbLP3-3_l0aBk4</t>
  </si>
  <si>
    <t>\\acsfs\ACS\Gabriel da Silva\Contemporânea\BDBV\907028B7.tmp\</t>
  </si>
  <si>
    <t>\\acsfs\ACS\Gabriel da Silva\Contemporânea\BDBV\907028B7.tmp\:Zone.Identifier:$DATA</t>
  </si>
  <si>
    <t>C:\Users\robsonams\Pictures\</t>
  </si>
  <si>
    <t>Capturar.JPG</t>
  </si>
  <si>
    <t>715b2293-a1f1-4d18-89b4-7faef1f371c7.tmp</t>
  </si>
  <si>
    <t>\\acsfs\profiles$\leticiala\Downloads\715b2293-a1f1-4d18-89b4-7faef1f371c7.tmp</t>
  </si>
  <si>
    <t>lu9680aq49n.tmp</t>
  </si>
  <si>
    <t>\\acsfs\profiles$\jalilebds\Downloads\lu9680aq49n.tmp</t>
  </si>
  <si>
    <t>ANA FLAVIA ALVES E SILVA (26358).contact</t>
  </si>
  <si>
    <t>\\acsfs\profiles$\anafaes\Contacts\ANA FLAVIA ALVES E SILVA (26358).contact</t>
  </si>
  <si>
    <t>10.200.60.153</t>
  </si>
  <si>
    <t>FC-01-7C-B3-88-F5</t>
  </si>
  <si>
    <t>crcevmc@algartech.com.br;deboralddg@algartech.com.br;</t>
  </si>
  <si>
    <t>BOFA</t>
  </si>
  <si>
    <t>Cópia de New Card Bana - Matheus Pissinato.xls</t>
  </si>
  <si>
    <t>crcevmc@algartech.com.br,deboralddg@algartech.com.br</t>
  </si>
  <si>
    <t>lu40340a5bwja.tmp</t>
  </si>
  <si>
    <t>\\acsfs\profiles$\LORRAYNEVAM\lu40340a5bwja.tmp</t>
  </si>
  <si>
    <t>\\acsfs\profiles$\LORRAYNEVAM\lu40340a5bwja.tmp\</t>
  </si>
  <si>
    <t>\\acsfs\profiles$\LORRAYNEVAM\lu40340a5bwja.tmp\META-INF\</t>
  </si>
  <si>
    <t>\\acsfs\profiles$\LORRAYNEVAM\lu40340a5bwja.tmp\Thumbnails\</t>
  </si>
  <si>
    <t>b434fc4c-80d9-459a-8889-952d65f2015c.tmp</t>
  </si>
  <si>
    <t>\\acsfs\profiles$\lorraynevam\Downloads\b434fc4c-80d9-459a-8889-952d65f2015c.tmp</t>
  </si>
  <si>
    <t>3aa42b49-149b-4221-915d-a9b093443e5b.tmp</t>
  </si>
  <si>
    <t>\\acsfs\profiles$\lorraynevam\Downloads\3aa42b49-149b-4221-915d-a9b093443e5b.tmp</t>
  </si>
  <si>
    <t>e0cc7fc2-1fcb-4935-83a5-594c25abe6ab.tmp</t>
  </si>
  <si>
    <t>\\acsfs\profiles$\jhonatadss\Downloads\e0cc7fc2-1fcb-4935-83a5-594c25abe6ab.tmp</t>
  </si>
  <si>
    <t>10.200.32.216</t>
  </si>
  <si>
    <t>EC-F4-BB-F7-2B-95</t>
  </si>
  <si>
    <t>base redes 19-20.xlsx</t>
  </si>
  <si>
    <t>base telecom 19-20.xlsx</t>
  </si>
  <si>
    <t>Layla Aparecida Macedo Silveira_1_6776288229331123939_1_32.wav</t>
  </si>
  <si>
    <t>\\acsfs\Deptos\EDUCACAO EMPRESARIAL\FERNANDA MONIT\Fernanda\MONITORIA JANEIRO\Ligaçoes para MUTANT primeiro ciclo janeiro\Layla Aparecida Macedo Silveira_1_6776288229331123939_1_32.wav</t>
  </si>
  <si>
    <t>274ae890-ed2e-41bc-b60a-d9738c4b5f57.tmp</t>
  </si>
  <si>
    <t>\\acsfs\profiles$\georgendsq\Downloads\274ae890-ed2e-41bc-b60a-d9738c4b5f57.tmp</t>
  </si>
  <si>
    <t>80816b64-0239-48c9-a909-add6b03de9a5.tmp</t>
  </si>
  <si>
    <t>\\acsfs\profiles$\georgendsq\Downloads\80816b64-0239-48c9-a909-add6b03de9a5.tmp</t>
  </si>
  <si>
    <t>6f95135a-1880-496e-9b8a-5d8fd8649144.tmp</t>
  </si>
  <si>
    <t>\\acsfs\profiles$\georgendsq\Downloads\6f95135a-1880-496e-9b8a-5d8fd8649144.tmp</t>
  </si>
  <si>
    <t>Ajuste ponto Roberta dez.xlsx</t>
  </si>
  <si>
    <t>25003a10-437e-48fe-800e-2d32bc4a9c42.tmp</t>
  </si>
  <si>
    <t>\\acsfs\profiles$\anafaes\Downloads\25003a10-437e-48fe-800e-2d32bc4a9c42.tmp</t>
  </si>
  <si>
    <t>025593b5-8ecc-4c14-b2f5-f846b047c8dd.tmp</t>
  </si>
  <si>
    <t>\\acsfs\profiles$\anafaes\Downloads\025593b5-8ecc-4c14-b2f5-f846b047c8dd.tmp</t>
  </si>
  <si>
    <t>6cf897aa-8331-44bf-ad76-1399bfc95b5c.tmp</t>
  </si>
  <si>
    <t>\\acsfs\profiles$\anafaes\Downloads\6cf897aa-8331-44bf-ad76-1399bfc95b5c.tmp</t>
  </si>
  <si>
    <t>\\acsfs\Deptos\Operacao\Banco_Votorantim\Supervisao\Flávia Constantina Nogueira\Emails.xlsx</t>
  </si>
  <si>
    <t>d53491af-33fe-4bb5-bb4c-06a5b43bb94b.tmp</t>
  </si>
  <si>
    <t>\\acsfs\profiles$\brendadsl\Downloads\d53491af-33fe-4bb5-bb4c-06a5b43bb94b.tmp</t>
  </si>
  <si>
    <t>joaquimefr@algartech.com;</t>
  </si>
  <si>
    <t>C:\Users\denisevca\Desktop\GOVERNANÇA PAULO CRU\</t>
  </si>
  <si>
    <t>Planilha telefone padrão acompanhamento desligamentos mês DEZ19.xlsx</t>
  </si>
  <si>
    <t>joaquimefr@algartech.com</t>
  </si>
  <si>
    <t>5ae0e1bb-3795-46d7-b911-5a0cfad330a1.tmp</t>
  </si>
  <si>
    <t>\\acsfs\profiles$\georgendsq\Downloads\5ae0e1bb-3795-46d7-b911-5a0cfad330a1.tmp</t>
  </si>
  <si>
    <t>d7c4ac76-c455-4040-8995-0cc1a1f5fbe8.tmp</t>
  </si>
  <si>
    <t>\\acsfs\profiles$\georgendsq\Downloads\d7c4ac76-c455-4040-8995-0cc1a1f5fbe8.tmp</t>
  </si>
  <si>
    <t>566deb06-1ed6-4f70-988f-58055dc65f9d.tmp</t>
  </si>
  <si>
    <t>\\acsfs\profiles$\georgendsq\Downloads\566deb06-1ed6-4f70-988f-58055dc65f9d.tmp</t>
  </si>
  <si>
    <t>f65791d1-a94f-45cc-a895-99e9ee2f6c18.tmp</t>
  </si>
  <si>
    <t>\\acsfs\profiles$\anafaes\Downloads\f65791d1-a94f-45cc-a895-99e9ee2f6c18.tmp</t>
  </si>
  <si>
    <t>OS's criadas entre OUT e DEZ.xlsx</t>
  </si>
  <si>
    <t>0e2dbe84-2f57-4038-9494-e6d7476f703f.tmp</t>
  </si>
  <si>
    <t>\\acsfs\profiles$\georgendsq\Downloads\0e2dbe84-2f57-4038-9494-e6d7476f703f.tmp</t>
  </si>
  <si>
    <t>RAFAELA CRISTINA DE OLIVEIRA CLEMENTINO_1_6775660081774148714_1_32.wav</t>
  </si>
  <si>
    <t>\\acsfs\Deptos\EDUCACAO EMPRESARIAL\KÉSIA\Ligações 1º Ciclo - Janeiro 2020\RAFAELA CRISTINA DE OLIVEIRA CLEMENTINO_1_6775660081774148714_1_32.wav</t>
  </si>
  <si>
    <t>5f820524-0fab-479c-93dc-6334552d1ae1.tmp</t>
  </si>
  <si>
    <t>\\acsfs\profiles$\myllenardl\Downloads\5f820524-0fab-479c-93dc-6334552d1ae1.tmp</t>
  </si>
  <si>
    <t>c:\users\lauanecca\appdata\local\microsoft\windows\inetcache\ie\e1q0ea0u\</t>
  </si>
  <si>
    <t>C:\Users\marinasf\OneDrive - Grupo Algar\DOCS\RH\CADASTRO ASSOCIADOS\</t>
  </si>
  <si>
    <t>082018 - CADASTRO GERAL ASSOCIADOS .xlsx</t>
  </si>
  <si>
    <t>b9a201ba-a29b-4c9e-bc4a-1a6edf2664a9.tmp</t>
  </si>
  <si>
    <t>\\acsfs\profiles$\andressamf\Downloads\b9a201ba-a29b-4c9e-bc4a-1a6edf2664a9.tmp</t>
  </si>
  <si>
    <t>Não confirmado 848081.crdownload</t>
  </si>
  <si>
    <t>\\acsfs\profiles$\andressamf\Downloads\Não confirmado 848081.crdownload</t>
  </si>
  <si>
    <t>64bbbc73-eba6-4ff2-b4bd-67c075907f03.tmp</t>
  </si>
  <si>
    <t>\\acsfs\profiles$\andressamf\Downloads\64bbbc73-eba6-4ff2-b4bd-67c075907f03.tmp</t>
  </si>
  <si>
    <t>Q29udHJvbGxlci5JRS1JbmZvQlY- (46).ica</t>
  </si>
  <si>
    <t>\\acsfs\profiles$\andressamf\Downloads\Q29udHJvbGxlci5JRS1JbmZvQlY- (46).ica</t>
  </si>
  <si>
    <t>8ad04f95-d3c2-490d-bf6c-6843788f2049.tmp</t>
  </si>
  <si>
    <t>\\acsfs\profiles$\andressamf\Downloads\8ad04f95-d3c2-490d-bf6c-6843788f2049.tmp</t>
  </si>
  <si>
    <t>030634c4-3e10-4c39-bc17-cb4fe5045a21.tmp</t>
  </si>
  <si>
    <t>\\acsfs\profiles$\georgendsq\Downloads\030634c4-3e10-4c39-bc17-cb4fe5045a21.tmp</t>
  </si>
  <si>
    <t>58faf198-de04-42c9-9b1d-763164e34f5a.tmp</t>
  </si>
  <si>
    <t>\\acsfs\profiles$\georgendsq\Downloads\58faf198-de04-42c9-9b1d-763164e34f5a.tmp</t>
  </si>
  <si>
    <t>7cd696fa-f1fc-4a1f-bb18-733de60010c0.tmp</t>
  </si>
  <si>
    <t>\\acsfs\profiles$\georgendsq\Downloads\7cd696fa-f1fc-4a1f-bb18-733de60010c0.tmp</t>
  </si>
  <si>
    <t>4f2de413-9941-49a4-b80a-0e31cba2d99a.tmp</t>
  </si>
  <si>
    <t>\\acsfs\profiles$\georgendsq\Downloads\4f2de413-9941-49a4-b80a-0e31cba2d99a.tmp</t>
  </si>
  <si>
    <t>c476245c-c176-4915-8cf4-480017d6c716.tmp</t>
  </si>
  <si>
    <t>\\acsfs\profiles$\andreapdsg\Downloads\c476245c-c176-4915-8cf4-480017d6c716.tmp</t>
  </si>
  <si>
    <t>75c11403-598e-459b-8c60-7a0de71beec8.tmp</t>
  </si>
  <si>
    <t>\\acsfs\profiles$\laurandos\Downloads\75c11403-598e-459b-8c60-7a0de71beec8.tmp</t>
  </si>
  <si>
    <t>C:\Users\leonardo.caetano\Desktop\Repasse Renata x Leonardo\Estrutura Nova\</t>
  </si>
  <si>
    <t>Nova Estrutura.xlsx</t>
  </si>
  <si>
    <t>brunodaf@algartech.com;cirobtdm@algartech.com;nathaliafa@algartech.com;rafaellm@algartech.com;saviortj@algartech.com;zayracan@algartech.com;</t>
  </si>
  <si>
    <t>brunodaf@algartech.com,cirobtdm@algartech.com,nathaliafa@algartech.com,rafaellm@algartech.com,saviortj@algartech.com,zayracan@algartech.com</t>
  </si>
  <si>
    <t>mail.google.com/_/upload?authuser=0&amp;dcp=asu-n&amp;upload_id=AEnB2UqNw3G05X97UysHEAodao-MisLrpWCNVRGSTxiCw6wbVmpE_kzT0IdctlNxK3lchx0zya5B_MMteAFFDUvqispVk3pVtQ&amp;upload_protocol=resumable</t>
  </si>
  <si>
    <t>Associados Sustentação Prudential - Final.Sem.Salario.PAs.RJ.xlsx</t>
  </si>
  <si>
    <t>\\acsfs\ACS\Gabriel da Silva\Contemporânea\BDBV\B6490FD5.tmp\</t>
  </si>
  <si>
    <t>\\acsfs\ACS\Gabriel da Silva\Contemporânea\BDBV\B6490FD5.tmp\:Zone.Identifier:$DATA</t>
  </si>
  <si>
    <t>mail.google.com/sync/u/0/i/s?hl=pt-BR&amp;c=1122</t>
  </si>
  <si>
    <t>8c448c11-bd7f-4382-a9ae-c0735ccce920.tmp</t>
  </si>
  <si>
    <t>\\acsfs\profiles$\rosileiam\Downloads\8c448c11-bd7f-4382-a9ae-c0735ccce920.tmp</t>
  </si>
  <si>
    <t>a180e017-03cc-46c3-8e2e-6441d67f57d2.tmp</t>
  </si>
  <si>
    <t>\\acsfs\profiles$\rosileiam\Downloads\a180e017-03cc-46c3-8e2e-6441d67f57d2.tmp</t>
  </si>
  <si>
    <t>skil 07-01.xlsx</t>
  </si>
  <si>
    <t>\\acsfs\Deptos\EDUCACAO EMPRESARIAL\FERNANDA MONIT\Fernanda\MONITORIA JANEIRO\skil 07-01.xlsx</t>
  </si>
  <si>
    <t>skil 06-01.xlsx</t>
  </si>
  <si>
    <t>\\acsfs\Deptos\EDUCACAO EMPRESARIAL\FERNANDA MONIT\Fernanda\MONITORIA JANEIRO\skil 06-01.xlsx</t>
  </si>
  <si>
    <t>40f2e7ed-3fd0-4265-bc36-99194b697567.tmp</t>
  </si>
  <si>
    <t>\\acsfs\profiles$\joycemmdl\Downloads\40f2e7ed-3fd0-4265-bc36-99194b697567.tmp</t>
  </si>
  <si>
    <t>b6b06616-4bc4-43e5-bd8c-8cd04f618f95.tmp</t>
  </si>
  <si>
    <t>\\acsfs\profiles$\fabianafv\Downloads\b6b06616-4bc4-43e5-bd8c-8cd04f618f95.tmp</t>
  </si>
  <si>
    <t>\\acsfs\ACS\Gabriel da Silva\Contemporânea\BDBV\29334BB0.tmp\</t>
  </si>
  <si>
    <t>\\acsfs\ACS\Gabriel da Silva\Contemporânea\BDBV\29334BB0.tmp\:Zone.Identifier:$DATA</t>
  </si>
  <si>
    <t>mail.google.com/sync/u/0/i/s?hl=pt-BR&amp;c=1130</t>
  </si>
  <si>
    <t>mail.google.com/sync/u/0/i/s?hl=pt-BR&amp;c=1133</t>
  </si>
  <si>
    <t>mail.google.com/sync/u/0/i/s?hl=pt-BR&amp;c=1135</t>
  </si>
  <si>
    <t>mail.google.com/sync/u/0/i/s?hl=pt-BR&amp;c=1139</t>
  </si>
  <si>
    <t>mail.google.com/sync/u/0/i/s?hl=pt-BR&amp;c=1141</t>
  </si>
  <si>
    <t>mail.google.com/sync/u/0/i/s?hl=pt-BR&amp;c=1143</t>
  </si>
  <si>
    <t>mail.google.com/sync/u/0/i/s?hl=pt-BR&amp;c=1146</t>
  </si>
  <si>
    <t>mail.google.com/sync/u/0/i/s?hl=pt-BR&amp;c=1148</t>
  </si>
  <si>
    <t>mail.google.com/sync/u/0/i/s?hl=pt-BR&amp;c=1150</t>
  </si>
  <si>
    <t>mail.google.com/sync/u/0/i/s?hl=pt-BR&amp;c=1152</t>
  </si>
  <si>
    <t>mail.google.com/sync/u/0/i/s?hl=pt-BR&amp;c=1154</t>
  </si>
  <si>
    <t>mail.google.com/sync/u/0/i/s?hl=pt-BR&amp;c=1156</t>
  </si>
  <si>
    <t>mail.google.com/sync/u/0/i/s?hl=pt-BR&amp;c=1158</t>
  </si>
  <si>
    <t>mail.google.com/sync/u/0/i/s?hl=pt-BR&amp;c=1160</t>
  </si>
  <si>
    <t>90469814-d161-4e36-b1f1-53e57abfb203.tmp</t>
  </si>
  <si>
    <t>\\acsfs\profiles$\nathaliaos\Downloads\90469814-d161-4e36-b1f1-53e57abfb203.tmp</t>
  </si>
  <si>
    <t>franciscoebf@algartech.com;</t>
  </si>
  <si>
    <t>MIGRAÇÃO VIVO PARA ALGAR TELECOM.xlsx</t>
  </si>
  <si>
    <t>franciscoebf@algartech.com</t>
  </si>
  <si>
    <t>http:///batch?%24ct=multipart%2Fmixed%3B%20boundary%3D%22%3D%3D%3D%3D%3D30y7bwlot7wj%3D%3D%3D%3D%3D%22&amp;key=AIzaSyAy9VVXHSpS2IJpptzYtGbLP3-3_l0aBk4</t>
  </si>
  <si>
    <t>ancestorhasaugmen;containsunsubscribedchildren;displayname;domain;emaila;emailaddress;filesize;id);ken=ac4w5vgircxzhzyis1-mff-e6hk1pbkvtg:1578415859549&amp;buildlabel=drive.web-frontend_20191211.00_p1;lastmodifyinguser(kind;lastviewedbymedate;modifiedbymedate;ontainsunsubscribedchildren;owners(kind;permissionid;picture;rpermissions;workspaceids;</t>
  </si>
  <si>
    <t>http://ancestorhasaugmen,containsunsubscribedchildren,displayname,domain,emaila,emailaddress,filesize,id),ken=ac4w5vgircxzhzyis1-mff-e6hk1pbkvtg:1578415859549&amp;buildlabel=drive.web-frontend_20191211.00_p1,lastmodifyinguser(kind,lastviewedbymedate,modifiedbymedate,ontainsunsubscribedchildren,owners(kind,permissionid,picture,rpermissions,workspaceids</t>
  </si>
  <si>
    <t>Pasta4.xlsx</t>
  </si>
  <si>
    <t>mail.google.com/_/upload?authuser=0&amp;dcp=asu-n&amp;upload_id=AEnB2UqSWEJFdwAEaieCxPtBKI8TOxCEfsC_igNYEXIbxlmrnbAssREpFIwfhLyOHK530jhfo541oAWQG6lAyAP_0GuGroAvaA&amp;upload_protocol=resumable</t>
  </si>
  <si>
    <t>\\acsfs\engeset\ASA_ULA\NUCLEO_SUPRIMENTOS\Objetivos\2019 - 2º Semestre\Apuração\Goiania\</t>
  </si>
  <si>
    <t>Invetário Cíclico Estoque_Janeiro_Goiania.xlsx</t>
  </si>
  <si>
    <t>a15b17dc-a15f-496a-91f0-0e8570fcecff.tmp</t>
  </si>
  <si>
    <t>\\acsfs\profiles$\nathaliaos\Downloads\a15b17dc-a15f-496a-91f0-0e8570fcecff.tmp</t>
  </si>
  <si>
    <t>52675685-f021-4b3b-bb96-a588f0d2d8a7.tmp</t>
  </si>
  <si>
    <t>\\acsfs\profiles$\nathaliaos\Downloads\52675685-f021-4b3b-bb96-a588f0d2d8a7.tmp</t>
  </si>
  <si>
    <t>043054ee-1396-44d3-bfb4-f1251944ef1a.tmp</t>
  </si>
  <si>
    <t>\\acsfs\profiles$\georgendsq\Downloads\043054ee-1396-44d3-bfb4-f1251944ef1a.tmp</t>
  </si>
  <si>
    <t>RES: Acompanhamento CRC Amex e CRC VMC - Parcial Dezembro</t>
  </si>
  <si>
    <t>Acompanhamento CRC Amex e CRC VMC - Parcial Janeiro.msg\s1\</t>
  </si>
  <si>
    <t>Acompanhament0 CRC Amex e CRC VMC - Janeiro.xlsb</t>
  </si>
  <si>
    <t>\\acsfs\ACS\Gabriel da Silva\Contemporânea\BDBV\F851B027.tmp\</t>
  </si>
  <si>
    <t>\\acsfs\ACS\Gabriel da Silva\Contemporânea\BDBV\F851B027.tmp\:Zone.Identifier:$DATA</t>
  </si>
  <si>
    <t>\\acsfs\ACS\Gabriel da Silva\Contemporânea\BDBV\B3DDCF6A.tmp\</t>
  </si>
  <si>
    <t>\\acsfs\ACS\Gabriel da Silva\Contemporânea\BDBV\B3DDCF6A.tmp\:Zone.Identifier:$DATA</t>
  </si>
  <si>
    <t>4bd32599-2f66-4b7a-b941-bc9fe3f9a8aa.tmp</t>
  </si>
  <si>
    <t>\\acsfs\profiles$\cintiadjl\Downloads\4bd32599-2f66-4b7a-b941-bc9fe3f9a8aa.tmp</t>
  </si>
  <si>
    <t>\\acsfs\deptos\operacao\banco_votorantim\supervisao\supers bv cartÕes\</t>
  </si>
  <si>
    <t>layout bv cartoes.xlsx</t>
  </si>
  <si>
    <t>Kamilla Carolina Rodrigues_1_6774736904323665942_1_32.wav</t>
  </si>
  <si>
    <t>\\acsfs\Deptos\EDUCACAO EMPRESARIAL\FERNANDA MONIT\Fernanda\MONITORIA JANEIRO\Ligaçoes para MUTANT primeiro ciclo janeiro\Kamilla Carolina Rodrigues_1_6774736904323665942_1_32.wav</t>
  </si>
  <si>
    <t>1da06313-4a86-41b8-b9a6-a0791e7805af.tmp</t>
  </si>
  <si>
    <t>\\acsfs\profiles$\taylaedoa\Downloads\1da06313-4a86-41b8-b9a6-a0791e7805af.tmp</t>
  </si>
  <si>
    <t>\\acsfs\ACS\Gabriel da Silva\Contemporânea\BDBV\CBF9F69.tmp\</t>
  </si>
  <si>
    <t>\\acsfs\ACS\Gabriel da Silva\Contemporânea\BDBV\CBF9F69.tmp\:Zone.Identifier:$DATA</t>
  </si>
  <si>
    <t>\\acsfs\ACS\Gabriel da Silva\Contemporânea\BDBV\3B04A4D4.tmp\</t>
  </si>
  <si>
    <t>\\acsfs\ACS\Gabriel da Silva\Contemporânea\BDBV\3B04A4D4.tmp\:Zone.Identifier:$DATA</t>
  </si>
  <si>
    <t>\\acsfs\ACS\Gabriel da Silva\Contemporânea\BDBV\8BE9FA1B.tmp\</t>
  </si>
  <si>
    <t>\\acsfs\ACS\Gabriel da Silva\Contemporânea\BDBV\8BE9FA1B.tmp\:Zone.Identifier:$DATA</t>
  </si>
  <si>
    <t>17f719f1-f70d-4a4c-90b1-421b5310b3be.tmp</t>
  </si>
  <si>
    <t>\\acsfs\profiles$\mariajaf\Downloads\17f719f1-f70d-4a4c-90b1-421b5310b3be.tmp</t>
  </si>
  <si>
    <t>a8ffccff-4d94-48f2-a9d1-bf59b7f704cb.tmp</t>
  </si>
  <si>
    <t>\\acsfs\profiles$\taylaedoa\Downloads\a8ffccff-4d94-48f2-a9d1-bf59b7f704cb.tmp</t>
  </si>
  <si>
    <t>2833310b-0869-4478-86f7-c49ca7a46a28.tmp</t>
  </si>
  <si>
    <t>\\acsfs\profiles$\KARLABDS\Downloads\2833310b-0869-4478-86f7-c49ca7a46a28.tmp</t>
  </si>
  <si>
    <t>cd6556fd-85bf-4d91-ab2d-7e8bfbc665c6.tmp</t>
  </si>
  <si>
    <t>\\acsfs\profiles$\fabianobmf\Downloads\cd6556fd-85bf-4d91-ab2d-7e8bfbc665c6.tmp</t>
  </si>
  <si>
    <t>http:///batch?%24ct=multipart%2Fmixed%3B%20boundary%3D%22%3D%3D%3D%3D%3Dwc95d4cixlpk%3D%3D%3D%3D%3D%22&amp;key=AIzaSyAy9VVXHSpS2IJpptzYtGbLP3-3_l0aBk4</t>
  </si>
  <si>
    <t>http:///batch?%24ct=multipart%2Fmixed%3B%20boundary%3D%22%3D%3D%3D%3D%3Demshjnr31mv8%3D%3D%3D%3D%3D%22&amp;key=AIzaSyAy9VVXHSpS2IJpptzYtGbLP3-3_l0aBk4</t>
  </si>
  <si>
    <t>http:///batch?%24ct=multipart%2Fmixed%3B%20boundary%3D%22%3D%3D%3D%3D%3Dl0twht8asnfm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ure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http:///batch?%24ct=multipart%2Fmixed%3B%20boundary%3D%22%3D%3D%3D%3D%3Drsi26cl8bae5%3D%3D%3D%3D%3D%22&amp;key=AIzaSyAy9VVXHSpS2IJpptzYtGbLP3-3_l0aBk4</t>
  </si>
  <si>
    <t>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u;picture;rpermissions;shared;sharedwithmedate;thumbnailversion;title;userpermission(role);workspaceids;</t>
  </si>
  <si>
    <t>http://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,picture,rpermissions,shared,sharedwithmedate,thumbnailversion,title,userpermission(role),workspaceids</t>
  </si>
  <si>
    <t>http:///batch?%24ct=multipart%2Fmixed%3B%20boundary%3D%22%3D%3D%3D%3D%3D7ve3dhxw9g55%3D%3D%3D%3D%3D%22&amp;key=AIzaSyAy9VVXHSpS2IJpptzYtGbLP3-3_l0aBk4</t>
  </si>
  <si>
    <t>ances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;pictu;picture;rpermissions;shared;sharedwithmedate;thumbnailversion;title;userpermission(role);workspaceids;</t>
  </si>
  <si>
    <t>http://ances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,pictu,picture,rpermissions,shared,sharedwithmedate,thumbnailversion,title,userpermission(role),workspaceids</t>
  </si>
  <si>
    <t>http:///batch?%24ct=multipart%2Fmixed%3B%20boundary%3D%22%3D%3D%3D%3D%3Dn9tv2vo88e6d%3D%3D%3D%3D%3D%22&amp;key=AIzaSyAy9VVXHSpS2IJpptzYtGbLP3-3_l0aBk4</t>
  </si>
  <si>
    <t>http:///batch?%24ct=multipart%2Fmixed%3B%20boundary%3D%22%3D%3D%3D%3D%3Dn8u8gi7o0h1%3D%3D%3D%3D%3D%22&amp;key=AIzaSyAy9VVXHSpS2IJpptzYtGbLP3-3_l0aBk4</t>
  </si>
  <si>
    <t>http:///batch?%24ct=multipart%2Fmixed%3B%20boundary%3D%22%3D%3D%3D%3D%3D7j4nysirgbgz%3D%3D%3D%3D%3D%22&amp;key=AIzaSyAy9VVXHSpS2IJpptzYtGbLP3-3_l0aBk4</t>
  </si>
  <si>
    <t>http:///batch?%24ct=multipart%2Fmixed%3B%20boundary%3D%22%3D%3D%3D%3D%3D7h57mdt0bm8b%3D%3D%3D%3D%3D%22&amp;key=AIzaSyAy9VVXHSpS2IJpptzYtGbLP3-3_l0aBk4</t>
  </si>
  <si>
    <t>http:///batch?%24ct=multipart%2Fmixed%3B%20boundary%3D%22%3D%3D%3D%3D%3Du94koy5uk5gp%3D%3D%3D%3D%3D%22&amp;key=AIzaSyAy9VVXHSpS2IJpptzYtGbLP3-3_l0aBk4</t>
  </si>
  <si>
    <t>http:///batch?%24ct=multipart%2Fmixed%3B%20boundary%3D%22%3D%3D%3D%3D%3Dv0doer1q82o7%3D%3D%3D%3D%3D%22&amp;key=AIzaSyAy9VVXHSpS2IJpptzYtGbLP3-3_l0aBk4</t>
  </si>
  <si>
    <t>http:///batch?%24ct=multipart%2Fmixed%3B%20boundary%3D%22%3D%3D%3D%3D%3Dep8vi0o1p2y1%3D%3D%3D%3D%3D%22&amp;key=AIzaSyAy9VVXHSpS2IJpptzYtGbLP3-3_l0aBk4</t>
  </si>
  <si>
    <t>http:///batch?%24ct=multipart%2Fmixed%3B%20boundary%3D%22%3D%3D%3D%3D%3D7t5pfkmm1ijw%3D%3D%3D%3D%3D%22&amp;key=AIzaSyAy9VVXHSpS2IJpptzYtGbLP3-3_l0aBk4</t>
  </si>
  <si>
    <t>0;0.241;0.241];0.668;0];12.854];137.449;13700451;13700563;13700883;13701239;13701262;13701298]];13701418;13701534;13701537;13701573;13701614;13701621;13701906;13701909;13702064;13702068;15.344;15.344];21.089999994728714;21.464;21.464];29.174999974202365;29.445000051055104;3;30.11499997228384;32.81000000424683;32.869999995455146;33.212;33.212];39.745000016409904;4;4.843;40.24499998195097;522.110000019893;534.4199999817647;5701393;58.465000009164214;6.009];61.105000029783696;641.7399999918416;642.5349999917671;642.7350000012666;642.9399999906309;643.0399999953806;694.7050000308082;695.5999999772757;696.1100000189617;696.6300000203773;697.4649999756366;700";73.34499998250976;735.365000;735.3650000295602;75.44500002404675;890.048];:400;["mozilla/5.0 (windows nt 6.1; win64; x64) applewebkit/537.36 (khtml;css;false;false];first-contentful-paint;first-paint;https://apis.google.com/js/api.js;https://drive.google.com/_/drive_fe/_/ss/k=drive_fe.main.-gmtuyfb358zg.l.w.o/am=mbrqmnyi_cx4iqam/d=0/ct=zgms/rs=afb8gszu7phqchi</t>
  </si>
  <si>
    <t>http://0,0.241,0.241],0.668,0],12.854],137.449,13700451,13700563,13700883,13701239,13701262,13701298]],13701418,13701534,13701537,13701573,13701614,13701621,13701906,13701909,13702064,13702068,15.344,15.344],21.089999994728714,21.464,21.464],29.174999974202365,29.445000051055104,3,30.11499997228384,32.81000000424683,32.869999995455146,33.212,33.212],39.745000016409904,4,4.843,40.24499998195097,522.110000019893,534.4199999817647,5701393,58.465000009164214,6.009],61.105000029783696,641.7399999918416,642.5349999917671,642.7350000012666,642.9399999906309,643.0399999953806,694.7050000308082,695.5999999772757,696.1100000189617,696.6300000203773,697.4649999756366,700",73.34499998250976,735.365000,735.3650000295602,75.44500002404675,890.048],:400,["mozilla/5.0 (windows nt 6.1; win64; x64) applewebkit/537.36 (khtml,css,false,false],first-contentful-paint,first-paint,https://apis.google.com/js/api.js,https://drive.google.com/_/drive_fe/_/ss/k=drive_fe.main.-gmtuyfb358zg.l.w.o/am=mbrqmnyi_cx4iqam/d=0/ct=zgms/rs=afb8gszu</t>
  </si>
  <si>
    <t>0;0.241;0.241];0.668;0];1027.7399999904446;103.60500001115724;12.854];1254.2350000003353;1266.8500000145286;13.636;137.449;13700451;13700563;13700883;13701239;13701262;13701298]];13701418;13701534;13701537;13701573;13701614;13701621;13701906;13701909;13702064;13702068;15.344;15.344];15.552;15.552];1590.64];173.21999999694526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21.089999994728714;21.464;21.464];21.7;21.7];29.174999974202365;29.445000051055104;3;30.11499997228384;30.32999997958541;30.72999999858439;32.81000000424683;32.869999995455146;33.212;33.212];33.9549999916926;38.434];39.745000016409904;4;4.765000019688159;4.843;40.24499998195097;455.5050000199117;5;508.</t>
  </si>
  <si>
    <t>http://0,0.241,0.241],0.668,0],1027.7399999904446,103.60500001115724,12.854],1254.2350000003353,1266.8500000145286,13.636,137.449,13700451,13700563,13700883,13701239,13701262,13701298]],13701418,13701534,13701537,13701573,13701614,13701621,13701906,13701909,13702064,13702068,15.344,15.344],15.552,15.552],1590.64],173.21999999694526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21.089999994728714,21.464,21.464],21.7,21.7],29.174999974202365,29.445000051055104,3,30.11499997228384,30.32999997958541,30.72999999858439,32.81000000424683,32.869999995455146,33.212,33.212],33.9549999916926,38.434],39.745000016409904,4,4.765000019688159,4.843,40.24499998195097,455.5050000199117</t>
  </si>
  <si>
    <t>0;0.241;0.241];0.668;0];1027.7399999904446;103.60500001115724;12.854];1254.2350000003353;1266.8500000145286;1270.3650000039488;1274.619999981951;13.636;137.449;13700451;13700563;13700883;13701239;13701262;13701298]];13701418;13701534;13701537;13701573;13701614;13701621;13701906;13701909;13702064;13702068;139.00999998440966;1406.3650000025518;1408.0350000294857;15.344;15.344];15.552;15.552];1513.0099999951199;159.879999991972;1590.64];1601.1900000157766;173.21999999694526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196.83999998960644;21.089999994728714;21.464;21.464];21.7;21.7];29.174999974202365;29.445000051055104;3;30.114999972</t>
  </si>
  <si>
    <t>http://0,0.241,0.241],0.668,0],1027.7399999904446,103.60500001115724,12.854],1254.2350000003353,1266.8500000145286,1270.3650000039488,1274.619999981951,13.636,137.449,13700451,13700563,13700883,13701239,13701262,13701298]],13701418,13701534,13701537,13701573,13701614,13701621,13701906,13701909,13702064,13702068,139.00999998440966,1406.3650000025518,1408.0350000294857,15.344,15.344],15.552,15.552],1513.0099999951199,159.879999991972,1590.64],1601.1900000157766,173.21999999694526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196.83999998960644,21.089999994728714,21.464,21.464],21.7,21.7],29.174999974202365,29.445000051055104,3,30.11</t>
  </si>
  <si>
    <t>0;0.241;0.241];0.668;0];1027.7399999904446;103.60500001115724;12.854];1254.2350000003353;1266.8500000145286;127.128;1270.3650000039488;1274.619999981951;13.636;137.449;13700451;13700563;13700883;13701239;13701262;13701298]];13701418;13701534;13701537;13701573;13701614;13701621;13701906;13701909;13702064;13702068;139.00999998440966;1406.3650000025518;1408.0350000294857;15.344;15.344];15.552;15.552];1513.0099999951199;152.18500001356006;1571.1299999966286;159.879999991972;1590.64];1601.1900000157766;1620.249999978114;1643.0600000312552;173.21999999694526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196.83999998960644;2009.655000001</t>
  </si>
  <si>
    <t>http://0,0.241,0.241],0.668,0],1027.7399999904446,103.60500001115724,12.854],1254.2350000003353,1266.8500000145286,127.128,1270.3650000039488,1274.619999981951,13.636,137.449,13700451,13700563,13700883,13701239,13701262,13701298]],13701418,13701534,13701537,13701573,13701614,13701621,13701906,13701909,13702064,13702068,139.00999998440966,1406.3650000025518,1408.0350000294857,15.344,15.344],15.552,15.552],1513.0099999951199,152.18500001356006,1571.1299999966286,159.879999991972,1590.64],1601.1900000157766,1620.249999978114,1643.0600000312552,173.21999999694526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196.83999998960644,2009.65</t>
  </si>
  <si>
    <t>0;0.241;0.241];0.668;0];1.553;1027.7399999904446;103.60500001115724;12.854];1254.2350000003353;1266.8500000145286;127.128;1270.3650000039488;1274.619999981951;13.636;137.449;13700451;13700563;13700883;13701239;13701262;13701298]];13701418;13701534;13701537;13701573;13701614;13701621;13701906;13701909;13702064;13702068;139.00999998440966;1406.3650000025518;1408.0350000294857;15.344;15.344];15.552;15.552];1513.0099999951199;152.18500001356006;1554.085000010673;1571.1299999966286;159.879999991972;1590.64];1601.1900000157766;1620.249999978114;1643.0600000312552;173.21999999694526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196.83999</t>
  </si>
  <si>
    <t>http://0,0.241,0.241],0.668,0],1.553,1027.7399999904446,103.60500001115724,12.854],1254.2350000003353,1266.8500000145286,127.128,1270.3650000039488,1274.619999981951,13.636,137.449,13700451,13700563,13700883,13701239,13701262,13701298]],13701418,13701534,13701537,13701573,13701614,13701621,13701906,13701909,13702064,13702068,139.00999998440966,1406.3650000025518,1408.0350000294857,15.344,15.344],15.552,15.552],1513.0099999951199,152.18500001356006,1554.085000010673,1571.1299999966286,159.879999991972,1590.64],1601.1900000157766,1620.249999978114,1643.0600000312552,173.21999999694526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19</t>
  </si>
  <si>
    <t>0;0.241;0.241];0.333;0.668;0.683];0];1.553;1027.7399999904446;103.60500001115724;12.854];1254.2350000003353;1266.8500000145286;127.128;1270.3650000039488;1274.619999981951;13.636;13.846;13.846];137.449;13700451;13700563;13700883;13701239;13701262;13701298]];13701418;13701534;13701537;13701573;13701614;13701621;13701906;13701909;13702064;13702068;139.00999998440966;1406.3650000025518;1408.0350000294857;15.344;15.344];15.552;15.552];1513.0099999951199;152.18500001356006;1554.085000010673;1571.1299999966286;159.879999991972;1590.64];1601.1900000157766;1620.249999978114;1643.0600000312552;173.21999999694526;175.5600000033155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</t>
  </si>
  <si>
    <t>http://0,0.241,0.241],0.333,0.668,0.683],0],1.553,1027.7399999904446,103.60500001115724,12.854],1254.2350000003353,1266.8500000145286,127.128,1270.3650000039488,1274.619999981951,13.636,13.846,13.846],137.449,13700451,13700563,13700883,13701239,13701262,13701298]],13701418,13701534,13701537,13701573,13701614,13701621,13701906,13701909,13702064,13702068,139.00999998440966,1406.3650000025518,1408.0350000294857,15.344,15.344],15.552,15.552],1513.0099999951199,152.18500001356006,1554.085000010673,1571.1299999966286,159.879999991972,1590.64],1601.1900000157766,1620.249999978114,1643.0600000312552,173.21999999694526,175.5600000033155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</t>
  </si>
  <si>
    <t>0;0.241;0.241];0.328;0.333;0.462];0.481;0.668;0.683];0.929;0.938];0];1.146];1.553;1027.7399999904446;103.60500001115724;11.011;11.011];12.364;12.854];1254.2350000003353;1266.8500000145286;127.128;1270.3650000039488;1274.619999981951;13.636;13.846;13.846];137.449;13700451;13700563;13700883;13701239;13701262;13701298]];13701418;13701534;13701537;13701573;13701614;13701621;13701906;13701909;13702064;13702068;139.00999998440966;14.979999978095293;1406.3650000025518;1408.0350000294857;15.344;15.344];15.552;15.552];1513.0099999951199;152.18500001356006;1554.085000010673;1571.1299999966286;159.879999991972;1590.64];1601.1900000157766;1620.249999978114;1643.0600000312552;173.21999999694526;175.5600000033155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</t>
  </si>
  <si>
    <t>http://0,0.241,0.241],0.328,0.333,0.462],0.481,0.668,0.683],0.929,0.938],0],1.146],1.553,1027.7399999904446,103.60500001115724,11.011,11.011],12.364,12.854],1254.2350000003353,1266.8500000145286,127.128,1270.3650000039488,1274.619999981951,13.636,13.846,13.846],137.449,13700451,13700563,13700883,13701239,13701262,13701298]],13701418,13701534,13701537,13701573,13701614,13701621,13701906,13701909,13702064,13702068,139.00999998440966,14.979999978095293,1406.3650000025518,1408.0350000294857,15.344,15.344],15.552,15.552],1513.0099999951199,152.18500001356006,1554.085000010673,1571.1299999966286,159.879999991972,1590.64],1601.1900000157766,1620.249999978114,1643.0600000312552,173.21999999694526,175.5600000033155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</t>
  </si>
  <si>
    <t>0;0.241;0.241];0.328;0.333;0.462];0.481;0.668;0.683];0.929;0.938];0];1.146];1.553;10.448;10.448];1027.7399999904446;103.60500001115724;11.011;11.011];11.027;11.027];11.531;12.364;12.854];124.55500004580244;1254.2350000003353;1266.8500000145286;127.128;1270.3650000039488;1274.619999981951;13.154999993275851;13.636;13.846;13.846];137.449;13700451;13700563;13700883;13701239;13701262;13701298]];13701418;13701534;13701537;13701573;13701614;13701621;13701906;13701909;13702064;13702068;139.00999998440966;14.979999978095293;1406.3650000025518;1408.0350000294857;15.344;15.344];15.552;15.552];1513.0099999951199;152.18500001356006;1554.085000010673;1571.1299999966286;159.879999991972;1590.64];1601.1900000157766;1620.249999978114;1643.0600000312552;17.641;17.641];173.21999999694526;175.5600000033155;18.887;18.887];189.23499999800697;191.48999999742955;196.83999998960/_/scs/mail-static/_/js/k=gmail.main.pt_br.fom9ygdg1xm.o/am=x9p_s3la8bl4tjoagsagg0ike_g9kyxykoflaf8xi4qfujfoawaaaaaaaaaaaaaaaaaagd3qwak/d=1/im=1/dg=0/ct=zgms</t>
  </si>
  <si>
    <t>http://0,0.241,0.241],0.328,0.333,0.462],0.481,0.668,0.683],0.929,0.938],0],1.146],1.553,10.448,10.448],1027.7399999904446,103.60500001115724,11.011,11.011],11.027,11.027],11.531,12.364,12.854],124.55500004580244,1254.2350000003353,1266.8500000145286,127.128,1270.3650000039488,1274.619999981951,13.154999993275851,13.636,13.846,13.846],137.449,13700451,13700563,13700883,13701239,13701262,13701298]],13701418,13701534,13701537,13701573,13701614,13701621,13701906,13701909,13702064,13702068,139.00999998440966,14.979999978095293,1406.3650000025518,1408.0350000294857,15.344,15.344],15.552,15.552],1513.0099999951199,152.18500001356006,1554.085000010673,1571.1299999966286,159.879999991972,1590.64],1601.1900000157766,1620.249999978114,1643.0600000312552,17.641,17.641],173.21999999694526,175.5600000033155,18.887,18.887],189.23499999800697,191.48999999742955,196.83999998960/_/scs/mail-static/_/js/k=gmail.main.pt_br.fom9ygdg1xm.o/am=x9p_s3la8bl4tjoagsagg0ike_g9kyxykoflaf8xi4qfujfoawaaaaaaaaaaaaaaaaaagd3qwak/d=1/im=1/dg=0/</t>
  </si>
  <si>
    <t>0;0.241;0.241];0.273;0.328;0.333;0.371];0.384;0.441;0.462];0.481;0.526;0.562;0.668;0.675];0.683];0.697];0.908];0.929;0.938];0.964];0];1.146];1.553;10.448;10.448];1027.7399999904446;103.60500001115724;11.011;11.011];11.027;11.027];11.237;11.531;12.364;12.854];124.55500004580244;1254.2350000003353;1266.8500000145286;127.128;1270.3650000039488;1274.619999981951;13.154999993275851;13.636;13.846;13.846];137.449;13700451;13700563;13700883;13701239;13701262;13701298]];13701418;13701534;13701537;13701573;13701614;13701621;13701906;13701909;13702064;13702068;139.00999998440966;14.979999978095293;140.7049999688752;1406.3650000025518;1408.0350000294857;15.344;15.344];15.552;15.552];1513.0099999951199;152.18500001356006;1554.085000010673;1571.1299999966286;159.879999991972;1590.64];1601.1900000157766;1620.249999978114;1643.0600000312552;17.641;17.641];173.21999999694526;175.5600000033155;18.887;18.887];189.23499999800697;189.9499999708496;191.48999999742955;196.83999998960/_/scs/mail-static/_/js/k=gmail.main.pt_br.fom9yg</t>
  </si>
  <si>
    <t>http://0,0.241,0.241],0.273,0.328,0.333,0.371],0.384,0.441,0.462],0.481,0.526,0.562,0.668,0.675],0.683],0.697],0.908],0.929,0.938],0.964],0],1.146],1.553,10.448,10.448],1027.7399999904446,103.60500001115724,11.011,11.011],11.027,11.027],11.237,11.531,12.364,12.854],124.55500004580244,1254.2350000003353,1266.8500000145286,127.128,1270.3650000039488,1274.619999981951,13.154999993275851,13.636,13.846,13.846],137.449,13700451,13700563,13700883,13701239,13701262,13701298]],13701418,13701534,13701537,13701573,13701614,13701621,13701906,13701909,13702064,13702068,139.00999998440966,14.979999978095293,140.7049999688752,1406.3650000025518,1408.0350000294857,15.344,15.344],15.552,15.552],1513.0099999951199,152.18500001356006,1554.085000010673,1571.1299999966286,159.879999991972,1590.64],1601.1900000157766,1620.249999978114,1643.0600000312552,17.641,17.641],173.21999999694526,175.5600000033155,18.887,18.887],189.23499999800697,189.9499999708496,191.48999999742955,196.83999998960/_/scs/mail-static/_/js/k=gmail.main.pt_br</t>
  </si>
  <si>
    <t>0;0.241;0.241];0.273;0.306;0.311;0.328;0.333;0.341;0.371];0.384;0.441;0.462];0.481;0.526;0.534];0.562;0.616];0.62];0.668;0.675];0.683];0.697];0.908];0.929;0.938];0.964];0];1.146];1.553;10.448;10.448];1027.7399999904446;103.60500001115724;11.011;11.011];11.027;11.027];11.237;11.531;12.364;12.854];124.55500004580244;1254.2350000003353;1266.8500000145286;127.128;1270.3650000039488;1274.619999981951;1280];1280]];13.154999993275851;13.636;13.846;13.846];137.449;13700451;13700563;13700883;13701239;13701262;13701298]];13701418;13701534;13701537;13701573;13701614;13701621;13701906;13701909;13702064;13702068;139.00999998440966;14.979999978095293;140.7049999688752;1406.3650000025518;1408.0350000294857;15.344;15.344];15.552;15.552];1513.0099999951199;152.18500001356006;1554.085000010673;1571.1299999966286;1578429579591000;159.879999991972;1590.64];16.029999998863786;1601.1900000157766;1620.249999978114;1643.0600000312552;17.641;17.641];173.21999999694526;175.5600000033155;18.887;18.887];189.23499999800697;189.9499999708</t>
  </si>
  <si>
    <t>http://0,0.241,0.241],0.273,0.306,0.311,0.328,0.333,0.341,0.371],0.384,0.441,0.462],0.481,0.526,0.534],0.562,0.616],0.62],0.668,0.675],0.683],0.697],0.908],0.929,0.938],0.964],0],1.146],1.553,10.448,10.448],1027.7399999904446,103.60500001115724,11.011,11.011],11.027,11.027],11.237,11.531,12.364,12.854],124.55500004580244,1254.2350000003353,1266.8500000145286,127.128,1270.3650000039488,1274.619999981951,1280],1280]],13.154999993275851,13.636,13.846,13.846],137.449,13700451,13700563,13700883,13701239,13701262,13701298]],13701418,13701534,13701537,13701573,13701614,13701621,13701906,13701909,13702064,13702068,139.00999998440966,14.979999978095293,140.7049999688752,1406.3650000025518,1408.0350000294857,15.344,15.344],15.552,15.552],1513.0099999951199,152.18500001356006,1554.085000010673,1571.1299999966286,1578429579591000,159.879999991972,1590.64],16.029999998863786,1601.1900000157766,1620.249999978114,1643.0600000312552,17.641,17.641],173.21999999694526,175.5600000033155,18.887,18.887],189.23499999800697,189.949</t>
  </si>
  <si>
    <t>0;0.241;0.241];0.273;0.306;0.311;0.328;0.333;0.341;0.371];0.384;0.441;0.462];0.481;0.526;0.534];0.562;0.5980861244019139]]];0.616];0.62];0.668;0.675];0.683];0.697];0.908];0.929;0.938];0.964];0];1.146];1.553;10;10.448;10.448];1027.7399999904446;103.60500001115724;11;11.011;11.011];11.027;11.027];11.237;11.531;1193;1193];12.364;12.854];124.55500004580244;1254.2350000003353;1266.8500000145286;127.128;1270.3650000039488;1274.619999981951;1280];1280]];13;13.154999993275851;13.636;13.846;13.846];137.449;13700451;13700563;13700883;13701239;13701262;13701298]];13701418;13701534;13701537;13701573;13701614;13701621;13701906;13701909;13702064;13702068;139.00999998440966;14.979999978095293;140.7049999688752;1406.3650000025518;1408.0350000294857;14];15;15.344;15.344];15.552;15.552];1513.0099999951199;152.18500001356006;1554.085000010673;1571.1299999966286;1578429579591000;1578429580309000;1578429581200000;1578429581351000;1578429581424000;159.879999991972;1590.64];16.029999998863786;1601.1900000157766;1620.249999978114;16</t>
  </si>
  <si>
    <t>http://0,0.241,0.241],0.273,0.306,0.311,0.328,0.333,0.341,0.371],0.384,0.441,0.462],0.481,0.526,0.534],0.562,0.5980861244019139]]],0.616],0.62],0.668,0.675],0.683],0.697],0.908],0.929,0.938],0.964],0],1.146],1.553,10,10.448,10.448],1027.7399999904446,103.60500001115724,11,11.011,11.011],11.027,11.027],11.237,11.531,1193,1193],12.364,12.854],124.55500004580244,1254.2350000003353,1266.8500000145286,127.128,1270.3650000039488,1274.619999981951,1280],1280]],13,13.154999993275851,13.636,13.846,13.846],137.449,13700451,13700563,13700883,13701239,13701262,13701298]],13701418,13701534,13701537,13701573,13701614,13701621,13701906,13701909,13702064,13702068,139.00999998440966,14.979999978095293,140.7049999688752,1406.3650000025518,1408.0350000294857,14],15,15.344,15.344],15.552,15.552],1513.0099999951199,152.18500001356006,1554.085000010673,1571.1299999966286,1578429579591000,1578429580309000,1578429581200000,1578429581351000,1578429581424000,159.879999991972,1590.64],16.029999998863786,1601.1900000157766,1620.24999997</t>
  </si>
  <si>
    <t>0;0.241;0.241];0.273;0.306;0.311;0.328;0.333;0.341;0.371];0.384;0.441;0.462];0.481;0.526;0.534];0.562;0.5980861244019139]]];0.616];0.62];0.668;0.675];0.683];0.697];0.908];0.929;0.938];0.964];0];1.146];1.553;10;10.448;10.448];1027.7399999904446;103.60500001115724;11;11.011;11.011];11.027;11.027];11.237;11.531;1193;1193];12;12.364;12.854];1213;1213];124.55500004580244;1254.2350000003353;1266.8500000145286;127.128;1270.3650000039488;1274.619999981951;1280];1280]];13;13.154999993275851;13.636;13.846;13.846];137.449;13700451;13700563;13700883;13701239;13701262;13701298]];13701418;13701534;13701537;13701573;13701614;13701621;13701906;13701909;13702064;13702068;139.00999998440966;14;14.979999978095293;140.7049999688752;1406.3650000025518;1408.0350000294857;14];15;15.344;15.344];15.552;15.552];1513.0099999951199;152.18500001356006;1554.085000010673;1571.1299999966286;1578429579591000;1578429580309000;1578429581200000;1578429581351000;1578429581355000;1578429581424000;1578429581758000];1578429582142000;157842958318200</t>
  </si>
  <si>
    <t>http://0,0.241,0.241],0.273,0.306,0.311,0.328,0.333,0.341,0.371],0.384,0.441,0.462],0.481,0.526,0.534],0.562,0.5980861244019139]]],0.616],0.62],0.668,0.675],0.683],0.697],0.908],0.929,0.938],0.964],0],1.146],1.553,10,10.448,10.448],1027.7399999904446,103.60500001115724,11,11.011,11.011],11.027,11.027],11.237,11.531,1193,1193],12,12.364,12.854],1213,1213],124.55500004580244,1254.2350000003353,1266.8500000145286,127.128,1270.3650000039488,1274.619999981951,1280],1280]],13,13.154999993275851,13.636,13.846,13.846],137.449,13700451,13700563,13700883,13701239,13701262,13701298]],13701418,13701534,13701537,13701573,13701614,13701621,13701906,13701909,13702064,13702068,139.00999998440966,14,14.979999978095293,140.7049999688752,1406.3650000025518,1408.0350000294857,14],15,15.344,15.344],15.552,15.552],1513.0099999951199,152.18500001356006,1554.085000010673,1571.1299999966286,1578429579591000,1578429580309000,1578429581200000,1578429581351000,1578429581355000,1578429581424000,1578429581758000],1578429582142000,15784295</t>
  </si>
  <si>
    <t>"mozilla/5.0 (windows nt 6.1; win64; x64) applewebkit/537.36 (khtml;0;0.241;0.241];0.273;0.306;0.311;0.328;0.333;0.341;0.371];0.384;0.441;0.462];0.481;0.526;0.534];0.562;0.5980861244019139]]];0.616];0.62];0.668;0.675];0.683];0.697];0.908];0.929;0.938];0.964];0];1;1.146];1.553;10;10.448;10.448];1027.7399999904446;103.60500001115724;11;11.011;11.011];11.027;11.027];11.237;11.531;1193;1193];12;12.364;12.854];1213;1213];124.55500004580244;1254.2350000003353;1266.8500000145286;127.128;1270.3650000039488;1274.619999981951;1280];1280]];13;13.154999993275851;13.636;13.846;13.846];137.449;13700014;13700109;13700167]]];13700185;13700235;13700451;13700563;13700607;13700883;13700946;13700951;13700982;13701078;13701139;13701207;13701214;13701235;13701239;13701262;13701298]];13701418;13701422;13701430;13701450;13701458;13701486;13701506;13701510;13701534;13701537;13701573;13701577;13701589;13701609;13701614;13701621;13701625;13701653;13701657;13701693;13701709;13701749;13701825;13701833;13701901;13701906;13701909;13701921;</t>
  </si>
  <si>
    <t>http://"mozilla/5.0 (windows nt 6.1; win64; x64) applewebkit/537.36 (khtml,0,0.241,0.241],0.273,0.306,0.311,0.328,0.333,0.341,0.371],0.384,0.441,0.462],0.481,0.526,0.534],0.562,0.5980861244019139]]],0.616],0.62],0.668,0.675],0.683],0.697],0.908],0.929,0.938],0.964],0],1,1.146],1.553,10,10.448,10.448],1027.7399999904446,103.60500001115724,11,11.011,11.011],11.027,11.027],11.237,11.531,1193,1193],12,12.364,12.854],1213,1213],124.55500004580244,1254.2350000003353,1266.8500000145286,127.128,1270.3650000039488,1274.619999981951,1280],1280]],13,13.154999993275851,13.636,13.846,13.846],137.449,13700014,13700109,13700167]]],13700185,13700235,13700451,13700563,13700607,13700883,13700946,13700951,13700982,13701078,13701139,13701207,13701214,13701235,13701239,13701262,13701298]],13701418,13701422,13701430,13701450,13701458,13701486,13701506,13701510,13701534,13701537,13701573,13701577,13701589,13701609,13701614,13701621,13701625,13701653,13701657,13701693,13701709,13701749,13701825,13701833,13701901,13701906,13701909,13</t>
  </si>
  <si>
    <t>"mozilla/5.0 (windows nt 6.1; win64; x64) applewebkit/537.36 (khtml;0;0.241;0.241];0.273;0.306;0.311;0.328;0.333;0.341;0.371];0.384;0.441;0.462];0.481;0.526;0.534];0.562;0.5980861244019139]]];0.616];0.62];0.668;0.675];0.683];0.697];0.908];0.929;0.938];0.964];0];1;1.146];1.553;10;10.448;10.448];1027.7399999904446;103.60500001115724;11;11.011;11.011];11.027;11.027];11.237;11.531;1193;1193];12;12.364;12.854];1213;1213];124.55500004580244;1254.2350000003353;1266.8500000145286;127.128;1270.3650000039488;1274.619999981951;1280];1280]];13;13.154999993275851;13.636;13.846;13.846];137.449;13700014;13700109;13700167]];13700167]]];13700185;13700235;13700451;13700563;13700607;13700883;13700946;13700951;13700982;13701078;13701139;13701207;13701214;13701235;13701239;13701262;13701298]];13701418;13701422;13701430;13701450;13701458;13701486;13701506;13701510;13701534;13701537;13701573;13701577;13701589;13701609;13701614;13701621;13701625;13701653;13701657;13701693;13701709;13701749;13701825;13701833;13701901;13701906;1370190</t>
  </si>
  <si>
    <t>http://"mozilla/5.0 (windows nt 6.1; win64; x64) applewebkit/537.36 (khtml,0,0.241,0.241],0.273,0.306,0.311,0.328,0.333,0.341,0.371],0.384,0.441,0.462],0.481,0.526,0.534],0.562,0.5980861244019139]]],0.616],0.62],0.668,0.675],0.683],0.697],0.908],0.929,0.938],0.964],0],1,1.146],1.553,10,10.448,10.448],1027.7399999904446,103.60500001115724,11,11.011,11.011],11.027,11.027],11.237,11.531,1193,1193],12,12.364,12.854],1213,1213],124.55500004580244,1254.2350000003353,1266.8500000145286,127.128,1270.3650000039488,1274.619999981951,1280],1280]],13,13.154999993275851,13.636,13.846,13.846],137.449,13700014,13700109,13700167]],13700167]]],13700185,13700235,13700451,13700563,13700607,13700883,13700946,13700951,13700982,13701078,13701139,13701207,13701214,13701235,13701239,13701262,13701298]],13701418,13701422,13701430,13701450,13701458,13701486,13701506,13701510,13701534,13701537,13701573,13701577,13701589,13701609,13701614,13701621,13701625,13701653,13701657,13701693,13701709,13701749,13701825,13701833,13701901,13701906,</t>
  </si>
  <si>
    <t>4f5a2602-a9ab-4b93-a161-940f581f9a4d.tmp</t>
  </si>
  <si>
    <t>\\acsfs\profiles$\leonardocb\Downloads\4f5a2602-a9ab-4b93-a161-940f581f9a4d.tmp</t>
  </si>
  <si>
    <t>049357cb-478d-4348-939f-dd34de20fcd1.tmp</t>
  </si>
  <si>
    <t>\\acsfs\profiles$\leonardocb\Downloads\049357cb-478d-4348-939f-dd34de20fcd1.tmp</t>
  </si>
  <si>
    <t>0ab3471d-a1f1-45cd-ba36-834e07592ac9.tmp</t>
  </si>
  <si>
    <t>\\acsfs\profiles$\edicarlosdl\Downloads\0ab3471d-a1f1-45cd-ba36-834e07592ac9.tmp</t>
  </si>
  <si>
    <t>8586b673-4420-47ea-bdc7-73b19b1686e1.tmp</t>
  </si>
  <si>
    <t>\\acsfs\profiles$\paulohaf\Downloads\8586b673-4420-47ea-bdc7-73b19b1686e1.tmp</t>
  </si>
  <si>
    <t>4db9aed5-b519-4a79-ad7c-eb0762931c30.tmp</t>
  </si>
  <si>
    <t>\\acsfs\profiles$\paulohaf\Downloads\4db9aed5-b519-4a79-ad7c-eb0762931c30.tmp</t>
  </si>
  <si>
    <t>d631d211-24bc-41ca-b526-472709a65690.tmp</t>
  </si>
  <si>
    <t>\\acsfs\profiles$\mariajaf\Downloads\d631d211-24bc-41ca-b526-472709a65690.tmp</t>
  </si>
  <si>
    <t>41288715-c293-4e22-8a33-ce3961390507.tmp</t>
  </si>
  <si>
    <t>\\acsfs\profiles$\Adrieledgc\Downloads\41288715-c293-4e22-8a33-ce3961390507.tmp</t>
  </si>
  <si>
    <t>a43bbe61-62cd-4ad6-a956-951a38984d3c.tmp</t>
  </si>
  <si>
    <t>\\acsfs\profiles$\leandromsa\Downloads\a43bbe61-62cd-4ad6-a956-951a38984d3c.tmp</t>
  </si>
  <si>
    <t>Lucas Nascimento Silva_1_6773637676163734510_1_32.wav</t>
  </si>
  <si>
    <t>\\acsfs\Deptos\EDUCACAO EMPRESARIAL\FERNANDA MONIT\Fernanda\MONITORIA JANEIRO\Ligaçoes para MUTANT primeiro ciclo janeiro\Lucas Nascimento Silva_1_6773637676163734510_1_32.wav</t>
  </si>
  <si>
    <t>C:\Users\raphaelfb\AppData\Roaming\Adobe\LogTransport2\Logs\</t>
  </si>
  <si>
    <t>ulog_AcroARM2_Reader_ef72e336-4fd1-4636-a2cf-361eed947f50_5f43c5f1-faac-40e9-b829-20e6b6400e1d_0.log</t>
  </si>
  <si>
    <t>C:\Users\raphaelfb\AppData\Roaming\Adobe\LogTransport2\Logs\ulog_AcroARM2_Reader_ef72e336-4fd1-4636-a2cf-361eed947f50_5f43c5f1-faac-40e9-b829-20e6b6400e1d_0.log\</t>
  </si>
  <si>
    <t>ulog_HeadlightsOptinProductFamily_HeadlightsOptinProduct_00000000-0000-0000-0000-000000000000_363d0a1c-496c-4597-ac18-bd1e1dead279.log</t>
  </si>
  <si>
    <t>C:\Users\raphaelfb\AppData\Roaming\Adobe\LogTransport2\Logs\ulog_HeadlightsOptinProductFamily_HeadlightsOptinProduct_00000000-0000-0000-0000-000000000000_363d0a1c-496c-4597-ac18-bd1e1dead279.log\</t>
  </si>
  <si>
    <t>1aaf4683-07ef-4bec-9418-e7f6e09e7ee0.tmp</t>
  </si>
  <si>
    <t>\\acsfs\profiles$\leonardocb\Downloads\1aaf4683-07ef-4bec-9418-e7f6e09e7ee0.tmp</t>
  </si>
  <si>
    <t>edda7675-b470-40c0-80e2-742b9b09e89c.tmp</t>
  </si>
  <si>
    <t>\\acsfs\profiles$\leonardocb\Downloads\edda7675-b470-40c0-80e2-742b9b09e89c.tmp</t>
  </si>
  <si>
    <t>894bd48a-9afa-4a89-baa8-06d3bf2126a5.tmp</t>
  </si>
  <si>
    <t>\\acsfs\profiles$\Adrieledgc\Downloads\894bd48a-9afa-4a89-baa8-06d3bf2126a5.tmp</t>
  </si>
  <si>
    <t>f250d4e5-240c-4a19-9d7d-31a637d96a18.tmp</t>
  </si>
  <si>
    <t>\\acsfs\profiles$\leandromsa\Downloads\f250d4e5-240c-4a19-9d7d-31a637d96a18.tmp</t>
  </si>
  <si>
    <t>7548ae78-756c-4b5f-9bed-75594e97512d.tmp</t>
  </si>
  <si>
    <t>\\acsfs\profiles$\rosileiam\Downloads\7548ae78-756c-4b5f-9bed-75594e97512d.tmp</t>
  </si>
  <si>
    <t>a9d82d19-69e7-4cc8-896e-20f3e29fd20e.tmp</t>
  </si>
  <si>
    <t>\\acsfs\profiles$\andreapdsg\Downloads\a9d82d19-69e7-4cc8-896e-20f3e29fd20e.tmp</t>
  </si>
  <si>
    <t>8e2a9a07-e211-4032-a92a-9c78a1b4e3f0.tmp</t>
  </si>
  <si>
    <t>\\acsfs\profiles$\paulohaf\Downloads\8e2a9a07-e211-4032-a92a-9c78a1b4e3f0.tmp</t>
  </si>
  <si>
    <t>010760fe-c87c-4083-a03f-28e55abb6739.tmp</t>
  </si>
  <si>
    <t>\\acsfs\profiles$\paulohaf\Downloads\010760fe-c87c-4083-a03f-28e55abb6739.tmp</t>
  </si>
  <si>
    <t>07b3b755-c69d-4b25-b5ae-b15d3fe3f9fe.tmp</t>
  </si>
  <si>
    <t>\\acsfs\profiles$\alinepp\Downloads\07b3b755-c69d-4b25-b5ae-b15d3fe3f9fe.tmp</t>
  </si>
  <si>
    <t>\\acsfs\Deptos\EDUCACAO EMPRESARIAL\FERNANDA MONIT\Fernanda\MONITORIA JANEIRO\monitoria 06-01.docx</t>
  </si>
  <si>
    <t>07890eef-f7ed-4ad5-becc-a223e98b8f1c.tmp</t>
  </si>
  <si>
    <t>\\acsfs\profiles$\alinepp\Downloads\07890eef-f7ed-4ad5-becc-a223e98b8f1c.tmp</t>
  </si>
  <si>
    <t>ca6aaebf-d3af-4f33-ace4-6cb791dd5c5a.tmp</t>
  </si>
  <si>
    <t>\\acsfs\profiles$\myllenardl\Downloads\ca6aaebf-d3af-4f33-ace4-6cb791dd5c5a.tmp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brunosr@algartech.com.br;claudiofm@algartech.com.br;evertonpdsr@algartech.com.br;franciscoeag@algartech.com.br;isabelaaf@algartech.com.br;janaina.arantes@bradesco.com.br;jhonatan.ventino@bradesco.com.br;joseebm@algartech.com.br;marciohpr@algartech.com.br;pauliniaacs@algartech.com.br;poliane.amaral@bradesco.com.br;renatass@algartech.com.br;suzane.b.rodrigues@bradesco.com.br;thaismo@algartech.com.br;vanusaos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brunosr@algartech.com.br,claudiofm@algartech.com.br,evertonpdsr@algartech.com.br,franciscoeag@algartech.com.br,isabelaaf@algartech.com.br,janaina.arantes@bradesco.com.br,jhonatan.ventino@bradesco.com.br,joseebm@algartech.com.br,marciohpr@algartech.com.br,pauliniaacs@algartech.com.br,poliane.amaral@bradesco.com.br,renatass@algartech.com.br,suzane.b.rodrigues@bradesco.com.br,thaismo@algartech.com.br,vanusaos@algartech.com.br</t>
  </si>
  <si>
    <t>646af3ab-e5fb-43d3-935d-268597022ff2.tmp</t>
  </si>
  <si>
    <t>\\acsfs\profiles$\gabrielsma\Downloads\646af3ab-e5fb-43d3-935d-268597022ff2.tmp</t>
  </si>
  <si>
    <t>\\acsfs\ACS\Gabriel da Silva\Contemporânea\Acessos\Q29udHJvbGxlci5FeHBsb3Jlcl8x.ica.crdownload</t>
  </si>
  <si>
    <t>mail.google.com/_/upload?authuser=0&amp;dcp=asu-n&amp;upload_id=AEnB2UpklOQRvUOA1xN44ONaCS-rE7mCjGfhngetZ96sV_JK6Ze4d0UsBox5pb_eFO8QwZH63qX1DPVHIOrb5XVsDskUVBmCuw&amp;upload_protocol=resumable</t>
  </si>
  <si>
    <t>\\acsfs\deptos\CAS - Coordenação de Arquitetura de Soluções\Projetos\2019\Boticário\204284 - Projeto Site Novo Curitiba\</t>
  </si>
  <si>
    <t>BP - 204284 (Consolidado) Pessoas + Infra - Estudo Marco.xlsb</t>
  </si>
  <si>
    <t>\\acsfs\deptos\CAS - Coordenação de Arquitetura de Soluções\Projetos\2019\Boticário\204284 - Projeto Site Novo Curitiba\BP - 204284 (Consolidado) Pessoas + Infra - Estudo Marco.xlsb\</t>
  </si>
  <si>
    <t>056b618c-7586-4f1d-9f09-550ff8f1d31b.tmp</t>
  </si>
  <si>
    <t>\\acsfs\profiles$\nathaliaos\Downloads\056b618c-7586-4f1d-9f09-550ff8f1d31b.tmp</t>
  </si>
  <si>
    <t>0732d146-c9eb-4361-b79c-9ac1e9c6bc81.tmp</t>
  </si>
  <si>
    <t>\\acsfs\profiles$\nathaliaos\Downloads\0732d146-c9eb-4361-b79c-9ac1e9c6bc81.tmp</t>
  </si>
  <si>
    <t>andrelpsa@algartech.com;robsonams@algartech.com;supervisaobancovotorantim@algartech.com;</t>
  </si>
  <si>
    <t>andrelpsa@algartech.com,robsonams@algartech.com,supervisaobancovotorantim@algartech.com</t>
  </si>
  <si>
    <t>\\acsfs\Deptos\Controladoria\2 - Business Performance\2019\1 - Precificacao\6 - Revisao da Metodologia\Consultoria Teros\05 - Fase Resolutiva\</t>
  </si>
  <si>
    <t>Cronograma KPI.xlsx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adrianofo@algartech.com.br;brunosr@algartech.com.br;claudiofm@algartech.com.br;isabelaaf@algartech.com.br;janaina.arantes@bradesco.com.br;jhonatan.ventino@bradesco.com.br;leonardoamf@algartech.com.br;marciohpr@algartech.com.br;pauliniaacs@algartech.com.br;poliane.amaral@bradesco.com.br;selmaasr@algartech.com.br;suzane.b.rodrigues@bradesco.com.br;thaismo@algartech.com.br;ueniargl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adrianofo@algartech.com.br,brunosr@algartech.com.br,claudiofm@algartech.com.br,isabelaaf@algartech.com.br,janaina.arantes@bradesco.com.br,jhonatan.ventino@bradesco.com.br,leonardoamf@algartech.com.br,marciohpr@algartech.com.br,pauliniaacs@algartech.com.br,poliane.amaral@bradesco.com.br,selmaasr@algartech.com.br,suzane.b.rodrigues@bradesco.com.br,thaismo@algartech.com.br,ueniargl@algartech.com.br</t>
  </si>
  <si>
    <t>e772b680-1d37-40ca-88b2-dfdf843fb49f.tmp</t>
  </si>
  <si>
    <t>\\acsfs\profiles$\Adrieledgc\Downloads\e772b680-1d37-40ca-88b2-dfdf843fb49f.tmp</t>
  </si>
  <si>
    <t>Q29udHJvbGxlci5QYXl3YXJlLU5vaXRl (2).ica</t>
  </si>
  <si>
    <t>\\acsfs\profiles$\Adrieledgc\Downloads\Q29udHJvbGxlci5QYXl3YXJlLU5vaXRl (2).ica</t>
  </si>
  <si>
    <t>bd439d7e-0a06-4bd3-9eb4-779dc23a5c99.tmp</t>
  </si>
  <si>
    <t>\\acsfs\profiles$\Adrieledgc\Downloads\bd439d7e-0a06-4bd3-9eb4-779dc23a5c99.tmp</t>
  </si>
  <si>
    <t>mail.google.com/_/upload?authuser=0&amp;dcp=asu-n&amp;upload_id=AEnB2UpLYdPNAElCNCsTAeKRuh_jhhjku30GGhR5tsa2uYgu6-3nzaNFI6qkd5ccAak8PF9v9Ydbq8th_s3sryUm9UfXuXQgyQ&amp;upload_protocol=resumable</t>
  </si>
  <si>
    <t>wesleysm@algartech.com;</t>
  </si>
  <si>
    <t>\\acsfs\engeset\ASA_ULA\NUCLEO_SUPRIMENTOS\Objetivos\2019 - 2º Semestre\Apuração\São Paulo\</t>
  </si>
  <si>
    <t>Invetário Cíclico Estoque_Janeiro_São Paulo.xlsx</t>
  </si>
  <si>
    <t>wesleysm@algartech.com</t>
  </si>
  <si>
    <t>9ea9f061-452b-43d6-a8cd-9d791fa6ed21.tmp</t>
  </si>
  <si>
    <t>\\acsfs\profiles$\rosileiam\Downloads\9ea9f061-452b-43d6-a8cd-9d791fa6ed21.tmp</t>
  </si>
  <si>
    <t>lu9680aq49y.tmp</t>
  </si>
  <si>
    <t>\\acsfs\profiles$\jalilebds\Downloads\lu9680aq49y.tmp</t>
  </si>
  <si>
    <t>843e1ffc-aa92-4773-ae1d-77d2e551baf1.tmp</t>
  </si>
  <si>
    <t>\\acsfs\profiles$\brendadsl\Downloads\843e1ffc-aa92-4773-ae1d-77d2e551baf1.tmp</t>
  </si>
  <si>
    <t>\\acsfs\Deptos\Controladoria\2 - Business Performance\2019\1 - Precificacao\6 - Revisao da Metodologia\Consultoria Teros\03 - Nova Ferramenta\Teste Abas da Planilha\</t>
  </si>
  <si>
    <t>Abas da planilha e funcionalidade.xlsx</t>
  </si>
  <si>
    <t>10.200.61.211</t>
  </si>
  <si>
    <t>5C-EA-1D-CF-BF-09</t>
  </si>
  <si>
    <t>NB-ROSILENEDLF</t>
  </si>
  <si>
    <t>rosilenedlf</t>
  </si>
  <si>
    <t>C:\Users\rosilenedlf\Desktop\WHP 27-05\PAS ECOHOUSE\</t>
  </si>
  <si>
    <t>PAS ECOHOUSE MIGRAR GENESYS PA DIGITAL E ATIVO.xlsx</t>
  </si>
  <si>
    <t>ad256261-7c3f-4144-a2cb-546d08a0dd3b.tmp</t>
  </si>
  <si>
    <t>\\acsfs\profiles$\mariajaf\Downloads\ad256261-7c3f-4144-a2cb-546d08a0dd3b.tmp</t>
  </si>
  <si>
    <t>182fb705-6165-463a-89de-8c9390749b9e.tmp</t>
  </si>
  <si>
    <t>\\acsfs\profiles$\fabianobmf\Downloads\182fb705-6165-463a-89de-8c9390749b9e.tmp</t>
  </si>
  <si>
    <t>b13da1a3-115c-4602-bf41-de9517678257.tmp</t>
  </si>
  <si>
    <t>\\acsfs\profiles$\fabianobmf\Downloads\b13da1a3-115c-4602-bf41-de9517678257.tmp</t>
  </si>
  <si>
    <t>fcd16afa-31e1-4bf7-8311-46a2078d2106.tmp</t>
  </si>
  <si>
    <t>\\acsfs\profiles$\cintiadjl\Downloads\fcd16afa-31e1-4bf7-8311-46a2078d2106.tmp</t>
  </si>
  <si>
    <t>802e4687-6d55-446c-a754-a5229ce53d0c.tmp</t>
  </si>
  <si>
    <t>\\acsfs\profiles$\andrezacapf\Downloads\802e4687-6d55-446c-a754-a5229ce53d0c.tmp</t>
  </si>
  <si>
    <t>41fe1821-0c6f-4918-a326-72d88f56093e.tmp</t>
  </si>
  <si>
    <t>\\acsfs\profiles$\andrezacapf\Downloads\41fe1821-0c6f-4918-a326-72d88f56093e.tmp</t>
  </si>
  <si>
    <t>fecc9684-c766-44aa-812a-f1e62646c479.tmp</t>
  </si>
  <si>
    <t>\\acsfs\profiles$\nathaliaos\Downloads\fecc9684-c766-44aa-812a-f1e62646c479.tmp</t>
  </si>
  <si>
    <t>XLOG_andrezacapf_07012020_135036.log</t>
  </si>
  <si>
    <t>\\acsfs\profiles$\andrezacapf\My Documents\xworkcenter\logs\XLOG_andrezacapf_07012020_135036.log</t>
  </si>
  <si>
    <t>\\acsfs\profiles$\andrezacapf\My Documents\xworkcenter\logs\wrapper.log</t>
  </si>
  <si>
    <t>ba9e348b-b1d4-442b-ada1-722eedbedbc1.tmp</t>
  </si>
  <si>
    <t>\\acsfs\profiles$\rafaelacdoc\Downloads\ba9e348b-b1d4-442b-ada1-722eedbedbc1.tmp</t>
  </si>
  <si>
    <t>7d4871be-3f7f-49eb-87ac-4abfd8c6484e.tmp</t>
  </si>
  <si>
    <t>\\acsfs\profiles$\andrezacapf\Downloads\7d4871be-3f7f-49eb-87ac-4abfd8c6484e.tmp</t>
  </si>
  <si>
    <t>mail.google.com/sync/u/0/i/s?hl=pt-BR&amp;c=599</t>
  </si>
  <si>
    <t>976621c9-e0bd-45eb-a21b-4eedce37ca30.tmp</t>
  </si>
  <si>
    <t>\\acsfs\profiles$\fabianobmf\Downloads\976621c9-e0bd-45eb-a21b-4eedce37ca30.tmp</t>
  </si>
  <si>
    <t>c81dd260-ae34-4a5f-ac9d-373c7b0d9aa1.tmp</t>
  </si>
  <si>
    <t>\\acsfs\profiles$\fabianobmf\Downloads\c81dd260-ae34-4a5f-ac9d-373c7b0d9aa1.tmp</t>
  </si>
  <si>
    <t>241a16ef-0389-4c29-b127-92138d32b619.tmp</t>
  </si>
  <si>
    <t>\\acsfs\profiles$\leandromsa\Downloads\241a16ef-0389-4c29-b127-92138d32b619.tmp</t>
  </si>
  <si>
    <t>bb9e100e-da0f-4a8c-8360-71557cb26357.tmp</t>
  </si>
  <si>
    <t>\\acsfs\profiles$\myllenardl\Downloads\bb9e100e-da0f-4a8c-8360-71557cb26357.tmp</t>
  </si>
  <si>
    <t>e6db3d31-f476-4d35-bb20-28c6afdbaddd.tmp</t>
  </si>
  <si>
    <t>\\acsfs\profiles$\rafaelacdoc\Downloads\e6db3d31-f476-4d35-bb20-28c6afdbaddd.tmp</t>
  </si>
  <si>
    <t>dc297953-7f58-47da-a56c-1cc2df7fe942.tmp</t>
  </si>
  <si>
    <t>\\acsfs\profiles$\alinepp\Downloads\dc297953-7f58-47da-a56c-1cc2df7fe942.tmp</t>
  </si>
  <si>
    <t>8248e07a-9620-4506-a29e-d9c86c8498b3.tmp</t>
  </si>
  <si>
    <t>\\acsfs\profiles$\andrezacapf\Downloads\8248e07a-9620-4506-a29e-d9c86c8498b3.tmp</t>
  </si>
  <si>
    <t>37107bc4-7482-4ee6-af40-8976b750bf06.tmp</t>
  </si>
  <si>
    <t>\\acsfs\profiles$\victorgl\Downloads\37107bc4-7482-4ee6-af40-8976b750bf06.tmp</t>
  </si>
  <si>
    <t>fcea85bf-ff07-4d0e-a162-12f5d8ff57b9.tmp</t>
  </si>
  <si>
    <t>\\acsfs\profiles$\rafaelacdoc\Downloads\fcea85bf-ff07-4d0e-a162-12f5d8ff57b9.tmp</t>
  </si>
  <si>
    <t>7e4f2364-7133-4436-8224-43d060d8df45.tmp</t>
  </si>
  <si>
    <t>\\acsfs\profiles$\leandromsa\Downloads\7e4f2364-7133-4436-8224-43d060d8df45.tmp</t>
  </si>
  <si>
    <t>f599e312-bd09-4670-ab82-0f4bd07f269a.tmp</t>
  </si>
  <si>
    <t>\\acsfs\profiles$\henriqueco\Downloads\f599e312-bd09-4670-ab82-0f4bd07f269a.tmp</t>
  </si>
  <si>
    <t>Karen Jane Santos Silva (22).contact</t>
  </si>
  <si>
    <t>\\acsfs\profiles$\KARENJSS\Contacts\Karen Jane Santos Silva (22).contact</t>
  </si>
  <si>
    <t>http:///batch?%24ct=multipart%2Fmixed%3B%20boundary%3D%22%3D%3D%3D%3D%3Drlr4ae28mp2t%3D%3D%3D%3D%3D%22&amp;key=AIzaSyAy9VVXHSpS2IJpptzYtGbLP3-3_l0aBk4</t>
  </si>
  <si>
    <t>89b49e8b-fbc6-4ad1-a8b2-8b03f2553840.tmp</t>
  </si>
  <si>
    <t>\\acsfs\profiles$\KARENJSS\Downloads\89b49e8b-fbc6-4ad1-a8b2-8b03f2553840.tmp</t>
  </si>
  <si>
    <t>9fb40657-51eb-4bf1-8d64-5712cee01cdf.tmp</t>
  </si>
  <si>
    <t>\\acsfs\profiles$\KARENJSS\Downloads\9fb40657-51eb-4bf1-8d64-5712cee01cdf.tmp</t>
  </si>
  <si>
    <t>NathaliaDesl.7z</t>
  </si>
  <si>
    <t>C:\Users\gustavodsil\Downloads\NathaliaDesl.7z\</t>
  </si>
  <si>
    <t>NathaliaDesl.pdf</t>
  </si>
  <si>
    <t>https://algar.folhasinergyrh.com.br/rescisao/upload?id=0&amp;idsolicitacao=19235&amp;idprerescisao=0</t>
  </si>
  <si>
    <t>https://07/01/2020</t>
  </si>
  <si>
    <t>6e42e5de-cea3-4cc4-9580-410d533cd7de.tmp</t>
  </si>
  <si>
    <t>\\acsfs\profiles$\nathaliaos\Downloads\6e42e5de-cea3-4cc4-9580-410d533cd7de.tmp</t>
  </si>
  <si>
    <t>http:///batch?%24ct=multipart%2Fmixed%3B%20boundary%3D%22%3D%3D%3D%3D%3Djfwl3es8bran%3D%3D%3D%3D%3D%22&amp;key=AIzaSyAy9VVXHSpS2IJpptzYtGbLP3-3_l0aBk4</t>
  </si>
  <si>
    <t>http:///batch?%24ct=multipart%2Fmixed%3B%20boundary%3D%22%3D%3D%3D%3D%3Diirfw9wiblpe%3D%3D%3D%3D%3D%22&amp;key=AIzaSyAy9VVXHSpS2IJpptzYtGbLP3-3_l0aBk4</t>
  </si>
  <si>
    <t>13701078;13701139;13701235]];13701262;13701450;13701486;13701614;13701749;13701825;13701969;5701393;["mozilla/5.0 (windows nt 6.1; win64; x64) applewebkit/537.36 (khtml;false;ken=ac4w5vgircxzhzyis1-mff-e6hk1pbkvtg:1578415859549&amp;buildlabel=drive.web-frontend_20191211.00_p1510;like gecko) chrome/79.0.3945.88 safari/537.36";null;pt-br;true;true];</t>
  </si>
  <si>
    <t>MicheleDesl.7z</t>
  </si>
  <si>
    <t>https://13701078,13701139,13701235]],13701262,13701450,13701486,13701614,13701749,13701825,13701969,5701393,["mozilla/5.0 (windows nt 6.1; win64; x64) applewebkit/537.36 (khtml,false,ken=ac4w5vgircxzhzyis1-mff-e6hk1pbkvtg:1578415859549&amp;buildlabel=drive.web-frontend_20191211.00_p1510,like gecko) chrome/79.0.3945.88 safari/537.36",null,pt-br,true,true]</t>
  </si>
  <si>
    <t>C:\Users\gustavodsil\Downloads\MicheleDesl.7z\</t>
  </si>
  <si>
    <t>MicheleDesl.pdf</t>
  </si>
  <si>
    <t>https://algar.folhasinergyrh.com.br/rescisao/upload?id=0&amp;idsolicitacao=19239&amp;idprerescisao=0</t>
  </si>
  <si>
    <t>06/01/2020;13701078;13701139;13701235]];13701262;13701450;13701486;13701614;13701749;13701825;13701969;5701393;["mozilla/5.0 (windows nt 6.1; win64; x64) applewebkit/537.36 (khtml;false;ken=ac4w5vgircxzhzyis1-mff-e6hk1pbkvtg:1578415859549&amp;buildlabel=drive.web-frontend_20191211.00_p1510;like gecko) chrome/79.0.3945.88 safari/537.36";null;pt-br;true;true];</t>
  </si>
  <si>
    <t>https://06/01/2020,13701078,13701139,13701235]],13701262,13701450,13701486,13701614,13701749,13701825,13701969,5701393,["mozilla/5.0 (windows nt 6.1; win64; x64) applewebkit/537.36 (khtml,false,ken=ac4w5vgircxzhzyis1-mff-e6hk1pbkvtg:1578415859549&amp;buildlabel=drive.web-frontend_20191211.00_p1510,like gecko) chrome/79.0.3945.88 safari/537.36",null,pt-br,true,true]</t>
  </si>
  <si>
    <t>e619a4ca-e35d-49d2-9b67-ea13613b7a6d.tmp</t>
  </si>
  <si>
    <t>\\acsfs\profiles$\alinepp\Downloads\e619a4ca-e35d-49d2-9b67-ea13613b7a6d.tmp</t>
  </si>
  <si>
    <t>c07309c1-ea6e-4763-9429-03fe1241e914.tmp</t>
  </si>
  <si>
    <t>\\acsfs\profiles$\edicarlosdl\Downloads\c07309c1-ea6e-4763-9429-03fe1241e914.tmp</t>
  </si>
  <si>
    <t>lu9680aq4a9.tmp</t>
  </si>
  <si>
    <t>\\acsfs\profiles$\jalilebds\Downloads\lu9680aq4a9.tmp</t>
  </si>
  <si>
    <t>martala</t>
  </si>
  <si>
    <t>3ce43d94-721c-4c20-a094-b5c96f4420ab.tmp</t>
  </si>
  <si>
    <t>\\acsfs\profiles$\gabrielamdp\Downloads\3ce43d94-721c-4c20-a094-b5c96f4420ab.tmp</t>
  </si>
  <si>
    <t>0af910ac-aa04-4d69-981c-4a31241cb397.tmp</t>
  </si>
  <si>
    <t>\\acsfs\profiles$\gabrielamdp\Downloads\0af910ac-aa04-4d69-981c-4a31241cb397.tmp</t>
  </si>
  <si>
    <t>ab4b6710-cc50-495d-a753-2aeec5695404.tmp</t>
  </si>
  <si>
    <t>\\acsfs\profiles$\gabrielamdp\Downloads\ab4b6710-cc50-495d-a753-2aeec5695404.tmp</t>
  </si>
  <si>
    <t>06349d8f-cc26-4388-807f-ae48b42c05cf.tmp</t>
  </si>
  <si>
    <t>\\acsfs\profiles$\gabrielamdp\Downloads\06349d8f-cc26-4388-807f-ae48b42c05cf.tmp</t>
  </si>
  <si>
    <t>cc7716f6-ca70-4146-ae84-4c742a2e21e1.tmp</t>
  </si>
  <si>
    <t>\\acsfs\profiles$\gabrielamdp\Downloads\cc7716f6-ca70-4146-ae84-4c742a2e21e1.tmp</t>
  </si>
  <si>
    <t>4c207c5b-dae0-4be7-b683-4c418a655668.tmp</t>
  </si>
  <si>
    <t>\\acsfs\profiles$\nathaliaos\Downloads\4c207c5b-dae0-4be7-b683-4c418a655668.tmp</t>
  </si>
  <si>
    <t>d0d991ee-571b-4c9a-ab8a-c979688d4cc2.tmp</t>
  </si>
  <si>
    <t>\\acsfs\profiles$\taylaedoa\Downloads\d0d991ee-571b-4c9a-ab8a-c979688d4cc2.tmp</t>
  </si>
  <si>
    <t>2f542457-6163-4a2e-b23b-e100a74c5711.tmp</t>
  </si>
  <si>
    <t>\\acsfs\profiles$\mariajaf\Downloads\2f542457-6163-4a2e-b23b-e100a74c5711.tmp</t>
  </si>
  <si>
    <t>659d2303-9df1-4515-99c6-b2f55f07858f.tmp</t>
  </si>
  <si>
    <t>\\acsfs\profiles$\fabianafv\Downloads\659d2303-9df1-4515-99c6-b2f55f07858f.tmp</t>
  </si>
  <si>
    <t>a77b4d7b-ebdf-4a5c-b969-bb50ea186330.tmp</t>
  </si>
  <si>
    <t>\\acsfs\profiles$\cintiadjl\Downloads\a77b4d7b-ebdf-4a5c-b969-bb50ea186330.tmp</t>
  </si>
  <si>
    <t>81c1b84f-1a74-4bcb-b020-a99d9b4cc724.tmp</t>
  </si>
  <si>
    <t>\\acsfs\profiles$\KARLABDS\Downloads\81c1b84f-1a74-4bcb-b020-a99d9b4cc724.tmp</t>
  </si>
  <si>
    <t>174398c1-b52f-4034-ad0e-4940ab708cda.tmp</t>
  </si>
  <si>
    <t>\\acsfs\profiles$\matheusmax\Downloads\174398c1-b52f-4034-ad0e-4940ab708cda.tmp</t>
  </si>
  <si>
    <t>7af0d672-260c-4b12-b5de-0a350369affd.tmp</t>
  </si>
  <si>
    <t>\\acsfs\profiles$\mariajaf\Downloads\7af0d672-260c-4b12-b5de-0a350369affd.tmp</t>
  </si>
  <si>
    <t>89fc58c5-01fe-4261-a55b-3990f1181085.tmp</t>
  </si>
  <si>
    <t>\\acsfs\profiles$\joycemmdl\Downloads\89fc58c5-01fe-4261-a55b-3990f1181085.tmp</t>
  </si>
  <si>
    <t>efb16d8f-b8c6-41c7-ab21-49ed91378211.tmp</t>
  </si>
  <si>
    <t>\\acsfs\profiles$\mariajaf\Downloads\efb16d8f-b8c6-41c7-ab21-49ed91378211.tmp</t>
  </si>
  <si>
    <t>d2a1e18a-5f9d-4705-a733-adc667021651.tmp</t>
  </si>
  <si>
    <t>\\acsfs\profiles$\nathaliaos\Downloads\d2a1e18a-5f9d-4705-a733-adc667021651.tmp</t>
  </si>
  <si>
    <t>705cbea6-8068-4f43-889e-5d23ea7a79e6.tmp</t>
  </si>
  <si>
    <t>\\acsfs\profiles$\alinepp\Downloads\705cbea6-8068-4f43-889e-5d23ea7a79e6.tmp</t>
  </si>
  <si>
    <t>d03096c4-c265-4b91-8e4e-15199b66f6e5;</t>
  </si>
  <si>
    <t>XLOG_marcosvnds_07012020_130829.log</t>
  </si>
  <si>
    <t>\\acsfs\profiles$\marcosvnds\My Documents\xworkcenter\logs\XLOG_marcosvnds_07012020_130829.log</t>
  </si>
  <si>
    <t>a1e8dec3-279e-4feb-a01d-ab7498dcfc96.tmp</t>
  </si>
  <si>
    <t>\\acsfs\profiles$\gabrielamdp\Downloads\a1e8dec3-279e-4feb-a01d-ab7498dcfc96.tmp</t>
  </si>
  <si>
    <t>\\acsfs\profiles$\gabrielamdp\My Documents\</t>
  </si>
  <si>
    <t>IMPORTANTE.txt</t>
  </si>
  <si>
    <t>\\acsfs\profiles$\gabrielamdp\My Documents\IMPORTANTE.txt</t>
  </si>
  <si>
    <t>b0c7aa50-3998-4b66-a055-af196816b4c6.tmp</t>
  </si>
  <si>
    <t>\\acsfs\profiles$\fabianobmf\Downloads\b0c7aa50-3998-4b66-a055-af196816b4c6.tmp</t>
  </si>
  <si>
    <t>9a5c228e-6fd4-42b9-8598-fe62e24fcec3.tmp</t>
  </si>
  <si>
    <t>\\acsfs\profiles$\brendadsl\Downloads\9a5c228e-6fd4-42b9-8598-fe62e24fcec3.tmp</t>
  </si>
  <si>
    <t>439bd0dc-15a4-41d3-ab35-33430121f85a.tmp</t>
  </si>
  <si>
    <t>\\acsfs\profiles$\brendadsl\Downloads\439bd0dc-15a4-41d3-ab35-33430121f85a.tmp</t>
  </si>
  <si>
    <t>5b63ffc3-9b01-40b5-a525-cf5b9ed7dc97.tmp</t>
  </si>
  <si>
    <t>\\acsfs\profiles$\alinepp\Downloads\5b63ffc3-9b01-40b5-a525-cf5b9ed7dc97.tmp</t>
  </si>
  <si>
    <t>mail.google.com/_/upload?authuser=0&amp;dcp=asu-n&amp;upload_id=AEnB2UpObXt9Ay3WXUk5q74QQFBj97UQhEn31sVg0QEVyOjHcS_309SccaRNrsEcLjHfPTqMWZglWwzLRGythwKFhMwwQn4rT26VEG3tU8OvjvoK_fVNrRI&amp;upload_protocol=resumable</t>
  </si>
  <si>
    <t>\\acsfs\deptos\Operacao\PCP\5 - Comum\JOSÉ AFONSO NETO\AVON\Escalas\</t>
  </si>
  <si>
    <t>TRN NR 17_JAN.20.xlsx</t>
  </si>
  <si>
    <t>XLOG_anakcs_07012020_130649.log</t>
  </si>
  <si>
    <t>\\acsfs\profiles$\anakcs\My Documents\xworkcenter\logs\XLOG_anakcs_07012020_130649.log</t>
  </si>
  <si>
    <t>\\acsfs\profiles$\anakcs\My Documents\xworkcenter\logs\wrapper.log</t>
  </si>
  <si>
    <t>33751094-e32b-423e-96e8-71eb1c46efb9.tmp</t>
  </si>
  <si>
    <t>\\acsfs\profiles$\taylaedoa\Downloads\33751094-e32b-423e-96e8-71eb1c46efb9.tmp</t>
  </si>
  <si>
    <t>69820528-4697-4c21-9859-3010f0b6ae33.tmp</t>
  </si>
  <si>
    <t>\\acsfs\profiles$\brendadsl\Downloads\69820528-4697-4c21-9859-3010f0b6ae33.tmp</t>
  </si>
  <si>
    <t>a25ff08c-91a6-438f-8420-c25e36e8bc2d.tmp</t>
  </si>
  <si>
    <t>\\acsfs\profiles$\brendadsl\Downloads\a25ff08c-91a6-438f-8420-c25e36e8bc2d.tmp</t>
  </si>
  <si>
    <t>401a1f5d-c9e4-4b80-b8c5-60eebcb6514e.tmp</t>
  </si>
  <si>
    <t>\\acsfs\profiles$\leandromsa\Downloads\401a1f5d-c9e4-4b80-b8c5-60eebcb6514e.tmp</t>
  </si>
  <si>
    <t>9c9767e8-4152-4768-a6be-86d0895c1b5d.tmp</t>
  </si>
  <si>
    <t>\\acsfs\profiles$\nathaliaos\Downloads\9c9767e8-4152-4768-a6be-86d0895c1b5d.tmp</t>
  </si>
  <si>
    <t>7a30419a-f095-4728-9548-242dbb7e2172.tmp</t>
  </si>
  <si>
    <t>\\acsfs\profiles$\anafaes\Downloads\7a30419a-f095-4728-9548-242dbb7e2172.tmp</t>
  </si>
  <si>
    <t>5db6f2cd-65af-462e-8aec-b6f701fde9f8.tmp</t>
  </si>
  <si>
    <t>\\acsfs\profiles$\leonardocb\Downloads\5db6f2cd-65af-462e-8aec-b6f701fde9f8.tmp</t>
  </si>
  <si>
    <t>lu9680aq4ao.tmp</t>
  </si>
  <si>
    <t>\\acsfs\profiles$\jalilebds\Downloads\lu9680aq4ao.tmp</t>
  </si>
  <si>
    <t>08649a49-746c-4b4b-99bc-7d7812362d7f.tmp</t>
  </si>
  <si>
    <t>\\acsfs\profiles$\mariajaf\Downloads\08649a49-746c-4b4b-99bc-7d7812362d7f.tmp</t>
  </si>
  <si>
    <t>\\acsfs\profiles$\thaisdss\My Documents\xworkcenter\logs\</t>
  </si>
  <si>
    <t>XLOG_thaisdss_07012020_164311.log</t>
  </si>
  <si>
    <t>\\acsfs\profiles$\thaisdss\My Documents\xworkcenter\logs\XLOG_thaisdss_07012020_164311.log</t>
  </si>
  <si>
    <t>XLOG_andrezacapf_07012020_184134.log</t>
  </si>
  <si>
    <t>\\acsfs\profiles$\andrezacapf\My Documents\xworkcenter\logs\XLOG_andrezacapf_07012020_184134.log</t>
  </si>
  <si>
    <t>lu9680aq4ar.tmp</t>
  </si>
  <si>
    <t>\\acsfs\profiles$\jalilebds\Downloads\lu9680aq4ar.tmp</t>
  </si>
  <si>
    <t>lu9680aq4au.tmp</t>
  </si>
  <si>
    <t>\\acsfs\profiles$\jalilebds\Downloads\lu9680aq4au.tmp</t>
  </si>
  <si>
    <t>0323beba-a94f-40e0-8399-d646e404bf79.tmp</t>
  </si>
  <si>
    <t>\\acsfs\profiles$\rogeriofd\Downloads\0323beba-a94f-40e0-8399-d646e404bf79.tmp</t>
  </si>
  <si>
    <t>8c6c4d7c-05e7-4748-b50b-b5e306cff598.tmp</t>
  </si>
  <si>
    <t>\\acsfs\profiles$\rogeriofd\Downloads\8c6c4d7c-05e7-4748-b50b-b5e306cff598.tmp</t>
  </si>
  <si>
    <t>lu9680aq4ax.tmp</t>
  </si>
  <si>
    <t>\\acsfs\profiles$\jalilebds\Downloads\lu9680aq4ax.tmp</t>
  </si>
  <si>
    <t>add0347a-08a0-45c5-bf03-c9691f08f3bd.tmp</t>
  </si>
  <si>
    <t>\\acsfs\profiles$\taylaedoa\Downloads\add0347a-08a0-45c5-bf03-c9691f08f3bd.tmp</t>
  </si>
  <si>
    <t>c8cc7e9a-0a5b-4d02-9e1a-a6c6b6794516.tmp</t>
  </si>
  <si>
    <t>\\acsfs\profiles$\taylaedoa\Downloads\c8cc7e9a-0a5b-4d02-9e1a-a6c6b6794516.tmp</t>
  </si>
  <si>
    <t>mail.google.com/_/upload?authuser=0&amp;dcp=asu-n&amp;upload_id=AEnB2UpuXHJ_bXRbmsKOfzpazS5gyAh1CH_JzXB-HTJYaHwzWjXrV4VcV86EWHJAkSRIZZR_5rIzUkyIsCXq8JOYPvifxi2_hw&amp;upload_protocol=resumable</t>
  </si>
  <si>
    <t>senildapdo@algartech.com;viniciussg@algartech.com;</t>
  </si>
  <si>
    <t>\\acsfs\deptos\Operacao\PCP\5 - Comum\JOSÉ AFONSO NETO\JOB\2019\</t>
  </si>
  <si>
    <t>Meta conversação Dez.19.xlsb</t>
  </si>
  <si>
    <t>senildapdo@algartech.com,viniciussg@algartech.com</t>
  </si>
  <si>
    <t>a70b054e-2e00-4405-bd7d-4a7502db33a5.tmp</t>
  </si>
  <si>
    <t>\\acsfs\profiles$\mariajaf\Downloads\a70b054e-2e00-4405-bd7d-4a7502db33a5.tmp</t>
  </si>
  <si>
    <t>272350a6-9a17-4d41-91e7-4f0894e611ba.tmp</t>
  </si>
  <si>
    <t>\\acsfs\profiles$\mariajaf\Downloads\272350a6-9a17-4d41-91e7-4f0894e611ba.tmp</t>
  </si>
  <si>
    <t>45ecaa27-72a3-468b-88b1-971acd10c69d.tmp</t>
  </si>
  <si>
    <t>\\acsfs\profiles$\marlyannegdls\Downloads\45ecaa27-72a3-468b-88b1-971acd10c69d.tmp</t>
  </si>
  <si>
    <t>2ea48ae4-f05c-4d3c-9875-a000ca77cf67.tmp</t>
  </si>
  <si>
    <t>\\acsfs\profiles$\marlyannegdls\Downloads\2ea48ae4-f05c-4d3c-9875-a000ca77cf67.tmp</t>
  </si>
  <si>
    <t>aad94029-ee43-4e4e-8f4d-f421d0d8e11a.tmp</t>
  </si>
  <si>
    <t>\\acsfs\profiles$\ROBERTM\Downloads\aad94029-ee43-4e4e-8f4d-f421d0d8e11a.tmp</t>
  </si>
  <si>
    <t>642e66c8-39a8-4398-8278-a04f7da87daa.tmp</t>
  </si>
  <si>
    <t>\\acsfs\profiles$\ROBERTM\Downloads\642e66c8-39a8-4398-8278-a04f7da87daa.tmp</t>
  </si>
  <si>
    <t>5661b2d4-d961-4411-9ace-c7f9372c5e66.tmp</t>
  </si>
  <si>
    <t>\\acsfs\profiles$\leandromsa\Downloads\5661b2d4-d961-4411-9ace-c7f9372c5e66.tmp</t>
  </si>
  <si>
    <t>48d0e077-73b5-49b1-aef8-abe7479d1e71.tmp</t>
  </si>
  <si>
    <t>\\acsfs\profiles$\ROBERTM\Downloads\48d0e077-73b5-49b1-aef8-abe7479d1e71.tmp</t>
  </si>
  <si>
    <t>a73785f9-652c-43b9-a20e-d997dd4449a1.tmp</t>
  </si>
  <si>
    <t>\\acsfs\profiles$\ROBERTM\Downloads\a73785f9-652c-43b9-a20e-d997dd4449a1.tmp</t>
  </si>
  <si>
    <t>c657a619-4438-40f1-9015-1d35e2b05ef4.tmp</t>
  </si>
  <si>
    <t>\\acsfs\profiles$\rogeriofd\Downloads\c657a619-4438-40f1-9015-1d35e2b05ef4.tmp</t>
  </si>
  <si>
    <t>92e9ce7d-573c-4f00-a41f-4bd06cfa404f.tmp</t>
  </si>
  <si>
    <t>\\acsfs\profiles$\rogeriofd\Downloads\92e9ce7d-573c-4f00-a41f-4bd06cfa404f.tmp</t>
  </si>
  <si>
    <t>9d2ed893-c245-4d80-8edc-01b0fb85befd.tmp</t>
  </si>
  <si>
    <t>\\acsfs\profiles$\rogeriofd\Downloads\9d2ed893-c245-4d80-8edc-01b0fb85befd.tmp</t>
  </si>
  <si>
    <t>0f225d81-168f-49ae-8afd-5e37eea91fa3.tmp</t>
  </si>
  <si>
    <t>\\acsfs\profiles$\rogeriofd\Downloads\0f225d81-168f-49ae-8afd-5e37eea91fa3.tmp</t>
  </si>
  <si>
    <t>09221c84-505f-4bf4-ab61-14ae995e2955.tmp</t>
  </si>
  <si>
    <t>\\acsfs\profiles$\rogeriofd\Downloads\09221c84-505f-4bf4-ab61-14ae995e2955.tmp</t>
  </si>
  <si>
    <t>4e54e4c2-8def-4f1b-adcb-89e6bf0b91a1.tmp</t>
  </si>
  <si>
    <t>\\acsfs\profiles$\ROBERTM\Downloads\4e54e4c2-8def-4f1b-adcb-89e6bf0b91a1.tmp</t>
  </si>
  <si>
    <t>e406d754-11f2-496c-b752-b67b901a66d5.tmp</t>
  </si>
  <si>
    <t>\\acsfs\profiles$\marlyannegdls\Downloads\e406d754-11f2-496c-b752-b67b901a66d5.tmp</t>
  </si>
  <si>
    <t>7b6548e6-63d1-4fe2-841d-d2446c0f3bf0.tmp</t>
  </si>
  <si>
    <t>\\acsfs\profiles$\marlyannegdls\Downloads\7b6548e6-63d1-4fe2-841d-d2446c0f3bf0.tmp</t>
  </si>
  <si>
    <t>cf45e856-51cf-4ec2-adfa-d6164d56cf33.tmp</t>
  </si>
  <si>
    <t>\\acsfs\profiles$\ROBERTM\Downloads\cf45e856-51cf-4ec2-adfa-d6164d56cf33.tmp</t>
  </si>
  <si>
    <t>deff8ce5-9b32-4fb9-80bf-a9550ae7178a.tmp</t>
  </si>
  <si>
    <t>\\acsfs\profiles$\ALYNYA\Downloads\deff8ce5-9b32-4fb9-80bf-a9550ae7178a.tmp</t>
  </si>
  <si>
    <t>58d79d9c-b2cd-47b0-89b0-ea7b1d7f1263.tmp</t>
  </si>
  <si>
    <t>\\acsfs\profiles$\ALYNYA\Downloads\58d79d9c-b2cd-47b0-89b0-ea7b1d7f1263.tmp</t>
  </si>
  <si>
    <t>10.200.67.8</t>
  </si>
  <si>
    <t>61eb6598-4394-475d-b12c-7e07fe7141c3.tmp</t>
  </si>
  <si>
    <t>\\acsfs\profiles$\lucasqdss\Downloads\61eb6598-4394-475d-b12c-7e07fe7141c3.tmp</t>
  </si>
  <si>
    <t>2aac177a-cbed-4b49-98b4-5650aa3a605b.tmp</t>
  </si>
  <si>
    <t>\\acsfs\profiles$\lucasqdss\Downloads\2aac177a-cbed-4b49-98b4-5650aa3a605b.tmp</t>
  </si>
  <si>
    <t>42245c89-5973-49f0-9517-5842b812afe6.tmp</t>
  </si>
  <si>
    <t>\\acsfs\profiles$\lucasqdss\Downloads\42245c89-5973-49f0-9517-5842b812afe6.tmp</t>
  </si>
  <si>
    <t>c50257b0-bcae-46ba-9c23-65f21acc8cf5.tmp</t>
  </si>
  <si>
    <t>\\acsfs\profiles$\lucasqdss\Downloads\c50257b0-bcae-46ba-9c23-65f21acc8cf5.tmp</t>
  </si>
  <si>
    <t>8e5ef6fb-012b-4179-8049-f16e1cfa10b0.tmp</t>
  </si>
  <si>
    <t>\\acsfs\profiles$\ALYNYA\Downloads\8e5ef6fb-012b-4179-8049-f16e1cfa10b0.tmp</t>
  </si>
  <si>
    <t>f9476076-1401-41c9-b629-d85516cebc7a.tmp</t>
  </si>
  <si>
    <t>\\acsfs\profiles$\lucasqdss\Downloads\f9476076-1401-41c9-b629-d85516cebc7a.tmp</t>
  </si>
  <si>
    <t>d499a656-1d68-48ba-a88d-0be583fbbc08.tmp</t>
  </si>
  <si>
    <t>\\acsfs\profiles$\ROZENCAM\Downloads\d499a656-1d68-48ba-a88d-0be583fbbc08.tmp</t>
  </si>
  <si>
    <t>75fceef5-4bac-4f87-834b-febf8c160c5f.tmp</t>
  </si>
  <si>
    <t>\\acsfs\profiles$\ROZENCAM\Downloads\75fceef5-4bac-4f87-834b-febf8c160c5f.tmp</t>
  </si>
  <si>
    <t>7c6c6418-65f7-47c9-9131-1128ee4f4e63.tmp</t>
  </si>
  <si>
    <t>\\acsfs\profiles$\ROZENCAM\Downloads\7c6c6418-65f7-47c9-9131-1128ee4f4e63.tmp</t>
  </si>
  <si>
    <t>25bc4fc7-316c-4c6d-8ef4-9e0fec2f6a47.tmp</t>
  </si>
  <si>
    <t>\\acsfs\profiles$\danielac\Downloads\25bc4fc7-316c-4c6d-8ef4-9e0fec2f6a47.tmp</t>
  </si>
  <si>
    <t>2a5dbd1d-70e1-4b87-bfb8-0bd422d362bf.tmp</t>
  </si>
  <si>
    <t>\\acsfs\profiles$\danielac\Downloads\2a5dbd1d-70e1-4b87-bfb8-0bd422d362bf.tmp</t>
  </si>
  <si>
    <t>ac19da43-c3f9-4d13-9491-d1a93d0a729f.tmp</t>
  </si>
  <si>
    <t>\\acsfs\profiles$\BRUNAAR\Downloads\ac19da43-c3f9-4d13-9491-d1a93d0a729f.tmp</t>
  </si>
  <si>
    <t>770ce324-857f-4dc0-b447-ef94765b4fb5.tmp</t>
  </si>
  <si>
    <t>\\acsfs\profiles$\danielac\Downloads\770ce324-857f-4dc0-b447-ef94765b4fb5.tmp</t>
  </si>
  <si>
    <t>c9e399a6-429a-4f1b-a06b-f1d07335dfa9.tmp</t>
  </si>
  <si>
    <t>\\acsfs\profiles$\danielac\Downloads\c9e399a6-429a-4f1b-a06b-f1d07335dfa9.tmp</t>
  </si>
  <si>
    <t>a260321c-90ea-41c3-b14f-a30b1c895a45.tmp</t>
  </si>
  <si>
    <t>\\acsfs\profiles$\BRUNAAR\Downloads\a260321c-90ea-41c3-b14f-a30b1c895a45.tmp</t>
  </si>
  <si>
    <t>1229b969-35b4-46f7-9902-3efd73590e9e.tmp</t>
  </si>
  <si>
    <t>\\acsfs\profiles$\vivianealda\Downloads\1229b969-35b4-46f7-9902-3efd73590e9e.tmp</t>
  </si>
  <si>
    <t>f5fae8ae-ccb1-420d-b334-f0a7779f17a7.tmp</t>
  </si>
  <si>
    <t>\\acsfs\profiles$\lucasgpe\Downloads\f5fae8ae-ccb1-420d-b334-f0a7779f17a7.tmp</t>
  </si>
  <si>
    <t>bd9e5461-516e-435c-87c3-ecf6231dcd6b.tmp</t>
  </si>
  <si>
    <t>\\acsfs\profiles$\lucasgpe\Downloads\bd9e5461-516e-435c-87c3-ecf6231dcd6b.tmp</t>
  </si>
  <si>
    <t>ec462d66-5c42-45d8-a7d3-6ba29737cc0e.tmp</t>
  </si>
  <si>
    <t>\\acsfs\profiles$\nayarasds\Downloads\ec462d66-5c42-45d8-a7d3-6ba29737cc0e.tmp</t>
  </si>
  <si>
    <t>b77767ad-74a4-4c86-b756-b41c9bec222f.tmp</t>
  </si>
  <si>
    <t>\\acsfs\profiles$\nayarasds\Downloads\b77767ad-74a4-4c86-b756-b41c9bec222f.tmp</t>
  </si>
  <si>
    <t>9f6d8a2c-94db-47ec-9b8d-01c0e7abac5b.tmp</t>
  </si>
  <si>
    <t>\\acsfs\profiles$\nayarasds\Downloads\9f6d8a2c-94db-47ec-9b8d-01c0e7abac5b.tmp</t>
  </si>
  <si>
    <t>c9d07448-b0fb-426b-bd5e-bb94eb06472d.tmp</t>
  </si>
  <si>
    <t>\\acsfs\profiles$\nayarasds\Downloads\c9d07448-b0fb-426b-bd5e-bb94eb06472d.tmp</t>
  </si>
  <si>
    <t>e1087404-f180-4526-8891-7f1faace4e40.tmp</t>
  </si>
  <si>
    <t>\\acsfs\profiles$\nayarasds\Downloads\e1087404-f180-4526-8891-7f1faace4e40.tmp</t>
  </si>
  <si>
    <t>510b4fb6-b553-4fd5-bab5-d884cfecf2c0.tmp</t>
  </si>
  <si>
    <t>\\acsfs\profiles$\cintiadcf\Downloads\510b4fb6-b553-4fd5-bab5-d884cfecf2c0.tmp</t>
  </si>
  <si>
    <t>8cf28bc0-36f1-4cef-9374-1a734949c9fd.tmp</t>
  </si>
  <si>
    <t>\\acsfs\profiles$\cintiadcf\Downloads\8cf28bc0-36f1-4cef-9374-1a734949c9fd.tmp</t>
  </si>
  <si>
    <t>29b95728-d915-4ffb-bf63-23ab2be4c0c8.tmp</t>
  </si>
  <si>
    <t>\\acsfs\profiles$\cintiadcf\Downloads\29b95728-d915-4ffb-bf63-23ab2be4c0c8.tmp</t>
  </si>
  <si>
    <t>1e729881-ab2d-45a0-b1e7-d6ab1ecc74e4.tmp</t>
  </si>
  <si>
    <t>\\acsfs\profiles$\vivianealda\Downloads\1e729881-ab2d-45a0-b1e7-d6ab1ecc74e4.tmp</t>
  </si>
  <si>
    <t>10.200.67.147</t>
  </si>
  <si>
    <t>041a1b9a-8cd7-445c-a195-86b659d07a87.tmp</t>
  </si>
  <si>
    <t>\\acsfs\profiles$\nayarasds\Downloads\041a1b9a-8cd7-445c-a195-86b659d07a87.tmp</t>
  </si>
  <si>
    <t>d91cb62a-a46e-429d-9568-c083a9f70c2b.tmp</t>
  </si>
  <si>
    <t>\\acsfs\profiles$\vivianealda\Downloads\d91cb62a-a46e-429d-9568-c083a9f70c2b.tmp</t>
  </si>
  <si>
    <t>ff16acbe-33dd-4734-83d5-1e1ab550b49f.tmp</t>
  </si>
  <si>
    <t>\\acsfs\profiles$\vivianealda\Downloads\ff16acbe-33dd-4734-83d5-1e1ab550b49f.tmp</t>
  </si>
  <si>
    <t>abbb05d6-b8b4-4746-a034-1a85c6062a5e.tmp</t>
  </si>
  <si>
    <t>\\acsfs\profiles$\danielac\Downloads\abbb05d6-b8b4-4746-a034-1a85c6062a5e.tmp</t>
  </si>
  <si>
    <t>lu150961grsp2.tmp</t>
  </si>
  <si>
    <t>\\acsfs\profiles$\BRUNAAR\Numero\lu150961grsp2.tmp</t>
  </si>
  <si>
    <t>d452509d-bd39-4e10-91bd-9fb33a31fa34.tmp</t>
  </si>
  <si>
    <t>\\acsfs\profiles$\vivianealda\Downloads\d452509d-bd39-4e10-91bd-9fb33a31fa34.tmp</t>
  </si>
  <si>
    <t>08040419-39aa-4444-94ce-5d3763900a3d.tmp</t>
  </si>
  <si>
    <t>\\acsfs\profiles$\sarahbal\Downloads\08040419-39aa-4444-94ce-5d3763900a3d.tmp</t>
  </si>
  <si>
    <t>19fb6a18-cc2a-4239-b6be-40e51b79b7a7.tmp</t>
  </si>
  <si>
    <t>\\acsfs\profiles$\mariajra\Downloads\19fb6a18-cc2a-4239-b6be-40e51b79b7a7.tmp</t>
  </si>
  <si>
    <t>ae720419-712b-4b0d-9ad6-30b8a7886cd7.tmp</t>
  </si>
  <si>
    <t>\\acsfs\profiles$\mariajra\Downloads\ae720419-712b-4b0d-9ad6-30b8a7886cd7.tmp</t>
  </si>
  <si>
    <t>d873c112-ff72-4144-804c-8e6476e15852.tmp</t>
  </si>
  <si>
    <t>\\acsfs\profiles$\mariajra\Downloads\d873c112-ff72-4144-804c-8e6476e15852.tmp</t>
  </si>
  <si>
    <t>6b1e83bd-4fb8-4c5e-9b25-84baaebc1cc4.tmp</t>
  </si>
  <si>
    <t>\\acsfs\profiles$\mariajra\Downloads\6b1e83bd-4fb8-4c5e-9b25-84baaebc1cc4.tmp</t>
  </si>
  <si>
    <t>f676c406-e934-46a0-89c5-e99d657a2dcc.tmp</t>
  </si>
  <si>
    <t>\\acsfs\profiles$\inarajst\Downloads\f676c406-e934-46a0-89c5-e99d657a2dcc.tmp</t>
  </si>
  <si>
    <t>f969368d-1e68-49d0-ac60-791c4cd0e04b.tmp</t>
  </si>
  <si>
    <t>\\acsfs\profiles$\inarajst\Downloads\f969368d-1e68-49d0-ac60-791c4cd0e04b.tmp</t>
  </si>
  <si>
    <t>444c6a92-24b3-4f0b-950d-6beac8f04fd8.tmp</t>
  </si>
  <si>
    <t>\\acsfs\profiles$\inarajst\Downloads\444c6a92-24b3-4f0b-950d-6beac8f04fd8.tmp</t>
  </si>
  <si>
    <t>c1328e57-a992-4168-a7ea-df11321fda11.tmp</t>
  </si>
  <si>
    <t>\\acsfs\profiles$\inarajst\Downloads\c1328e57-a992-4168-a7ea-df11321fda11.tmp</t>
  </si>
  <si>
    <t>1f2dd555-1411-448d-b693-06837cf82861.tmp</t>
  </si>
  <si>
    <t>\\acsfs\profiles$\claudiajca\Downloads\1f2dd555-1411-448d-b693-06837cf82861.tmp</t>
  </si>
  <si>
    <t>bba958b8-6f93-46fb-9843-e13ea327de50.tmp</t>
  </si>
  <si>
    <t>\\acsfs\profiles$\claudiajca\Downloads\bba958b8-6f93-46fb-9843-e13ea327de50.tmp</t>
  </si>
  <si>
    <t>3b5da07b-32f2-4579-b0f5-1be23793bae2.tmp</t>
  </si>
  <si>
    <t>\\acsfs\profiles$\sarahbal\Downloads\3b5da07b-32f2-4579-b0f5-1be23793bae2.tmp</t>
  </si>
  <si>
    <t>90646456-d815-4357-9f84-511041b5c5ac.tmp</t>
  </si>
  <si>
    <t>\\acsfs\profiles$\sarahbal\Downloads\90646456-d815-4357-9f84-511041b5c5ac.tmp</t>
  </si>
  <si>
    <t>829bc03a-0f74-47c2-afeb-66f9d434711d.tmp</t>
  </si>
  <si>
    <t>\\acsfs\profiles$\sarahbal\Downloads\829bc03a-0f74-47c2-afeb-66f9d434711d.tmp</t>
  </si>
  <si>
    <t>71643148-4aff-4196-a343-844621f4ce06.tmp</t>
  </si>
  <si>
    <t>\\acsfs\profiles$\websondsa\Downloads\71643148-4aff-4196-a343-844621f4ce06.tmp</t>
  </si>
  <si>
    <t>e5f26eae-2346-4c4d-a4fb-f7b60f5c0082.tmp</t>
  </si>
  <si>
    <t>\\acsfs\profiles$\websondsa\Downloads\e5f26eae-2346-4c4d-a4fb-f7b60f5c0082.tmp</t>
  </si>
  <si>
    <t>4bac239f-ccc5-44cb-9566-9d6cb449f3a8.tmp</t>
  </si>
  <si>
    <t>\\acsfs\profiles$\websondsa\Downloads\4bac239f-ccc5-44cb-9566-9d6cb449f3a8.tmp</t>
  </si>
  <si>
    <t>d5726ddb-c039-4e5a-a5b4-254382352d35.tmp</t>
  </si>
  <si>
    <t>\\acsfs\profiles$\mariajra\Downloads\d5726ddb-c039-4e5a-a5b4-254382352d35.tmp</t>
  </si>
  <si>
    <t>9dc22faf-93cd-49d6-b123-bbbc905d6fb2.tmp</t>
  </si>
  <si>
    <t>\\acsfs\profiles$\mariajra\Downloads\9dc22faf-93cd-49d6-b123-bbbc905d6fb2.tmp</t>
  </si>
  <si>
    <t>c158674e-3abf-4924-825b-6319f5f443b8.tmp</t>
  </si>
  <si>
    <t>\\acsfs\profiles$\inarajst\Downloads\c158674e-3abf-4924-825b-6319f5f443b8.tmp</t>
  </si>
  <si>
    <t>ebae0fc4-76b1-4434-96c7-bc33dd3594c6.tmp</t>
  </si>
  <si>
    <t>\\acsfs\profiles$\inarajst\Downloads\ebae0fc4-76b1-4434-96c7-bc33dd3594c6.tmp</t>
  </si>
  <si>
    <t>263c69c0-64a1-4b81-8cde-eddcd960ffc6.tmp</t>
  </si>
  <si>
    <t>\\acsfs\profiles$\inarajst\Downloads\263c69c0-64a1-4b81-8cde-eddcd960ffc6.tmp</t>
  </si>
  <si>
    <t>d840be1b-aba0-4f5a-a9a5-22a14fe63200.tmp</t>
  </si>
  <si>
    <t>\\acsfs\profiles$\vivianalds\Downloads\d840be1b-aba0-4f5a-a9a5-22a14fe63200.tmp</t>
  </si>
  <si>
    <t>e80c42b4-55a1-458e-9ebf-7d09de0c6267.tmp</t>
  </si>
  <si>
    <t>\\acsfs\profiles$\vivianalds\Downloads\e80c42b4-55a1-458e-9ebf-7d09de0c6267.tmp</t>
  </si>
  <si>
    <t>26d00dd4-3ff9-4b49-835c-61b98a2575b3.tmp</t>
  </si>
  <si>
    <t>\\acsfs\profiles$\websondsa\Downloads\26d00dd4-3ff9-4b49-835c-61b98a2575b3.tmp</t>
  </si>
  <si>
    <t>19597e54-baf4-413b-9f1c-fc8d542ec57c.tmp</t>
  </si>
  <si>
    <t>\\acsfs\profiles$\websondsa\Downloads\19597e54-baf4-413b-9f1c-fc8d542ec57c.tmp</t>
  </si>
  <si>
    <t>e9eb78e3-4ad6-4cd6-acee-19c50b5e921e.tmp</t>
  </si>
  <si>
    <t>\\acsfs\profiles$\websondsa\Downloads\e9eb78e3-4ad6-4cd6-acee-19c50b5e921e.tmp</t>
  </si>
  <si>
    <t>3f495e8a-afde-42b5-8781-74414dd37abc.tmp</t>
  </si>
  <si>
    <t>\\acsfs\profiles$\websondsa\Downloads\3f495e8a-afde-42b5-8781-74414dd37abc.tmp</t>
  </si>
  <si>
    <t>fb36e624-a6ce-4c1e-b749-5e096358c157.tmp</t>
  </si>
  <si>
    <t>\\acsfs\profiles$\websondsa\Downloads\fb36e624-a6ce-4c1e-b749-5e096358c157.tmp</t>
  </si>
  <si>
    <t>8227795f-222b-4b5d-ad89-0d3fd40ab8f4.tmp</t>
  </si>
  <si>
    <t>\\acsfs\profiles$\websondsa\Downloads\8227795f-222b-4b5d-ad89-0d3fd40ab8f4.tmp</t>
  </si>
  <si>
    <t>4a9e0117-41bb-4487-8cf1-3fc49c3a569a.tmp</t>
  </si>
  <si>
    <t>\\acsfs\profiles$\mariajra\Downloads\4a9e0117-41bb-4487-8cf1-3fc49c3a569a.tmp</t>
  </si>
  <si>
    <t>b662f064-376e-4814-8915-beb80083250c.tmp</t>
  </si>
  <si>
    <t>\\acsfs\profiles$\nayarasds\Downloads\b662f064-376e-4814-8915-beb80083250c.tmp</t>
  </si>
  <si>
    <t>c5537005-67f5-4193-9721-60816ccd1c1c.tmp</t>
  </si>
  <si>
    <t>\\acsfs\profiles$\cintiadcf\Downloads\c5537005-67f5-4193-9721-60816ccd1c1c.tmp</t>
  </si>
  <si>
    <t>114c5727-1c99-4f6b-a309-3768b999383d.tmp</t>
  </si>
  <si>
    <t>\\acsfs\profiles$\cintiadcf\Downloads\114c5727-1c99-4f6b-a309-3768b999383d.tmp</t>
  </si>
  <si>
    <t>2ebb079e-b776-457c-9396-f161c0c47e34.tmp</t>
  </si>
  <si>
    <t>\\acsfs\profiles$\vivianalds\Downloads\2ebb079e-b776-457c-9396-f161c0c47e34.tmp</t>
  </si>
  <si>
    <t>b77d6635-009f-4f7b-86a9-5487b0887b23.tmp</t>
  </si>
  <si>
    <t>\\acsfs\profiles$\websondsa\Downloads\b77d6635-009f-4f7b-86a9-5487b0887b23.tmp</t>
  </si>
  <si>
    <t>08fb1f30-27bb-4a86-a23b-f2a2d75e0ba9.tmp</t>
  </si>
  <si>
    <t>\\acsfs\profiles$\websondsa\Downloads\08fb1f30-27bb-4a86-a23b-f2a2d75e0ba9.tmp</t>
  </si>
  <si>
    <t>https://udpmailboxap01.acs.com.br:8443/h/search?si=0&amp;so=0&amp;sc=65599&amp;sfi=2&amp;st=conversation&amp;action=compose</t>
  </si>
  <si>
    <t>e94b937f-ac22-4744-93cd-53b344767a8c.tmp</t>
  </si>
  <si>
    <t>\\acsfs\profiles$\websondsa\Downloads\e94b937f-ac22-4744-93cd-53b344767a8c.tmp</t>
  </si>
  <si>
    <t>7d03777b-eeb9-4d66-92f0-279e3bcbb64a.tmp</t>
  </si>
  <si>
    <t>\\acsfs\profiles$\websondsa\Downloads\7d03777b-eeb9-4d66-92f0-279e3bcbb64a.tmp</t>
  </si>
  <si>
    <t>1bddac74-826a-43eb-89c1-3acc7808e4d3.tmp</t>
  </si>
  <si>
    <t>\\acsfs\profiles$\websondsa\Downloads\1bddac74-826a-43eb-89c1-3acc7808e4d3.tmp</t>
  </si>
  <si>
    <t>01a9870e-578d-4eac-b3a2-2ac717902ddd.tmp</t>
  </si>
  <si>
    <t>\\acsfs\profiles$\websondsa\Downloads\01a9870e-578d-4eac-b3a2-2ac717902ddd.tmp</t>
  </si>
  <si>
    <t>14c40cb7-e838-4bb3-b9a2-8038d92d0c4f.tmp</t>
  </si>
  <si>
    <t>\\acsfs\profiles$\geovannasm\Downloads\14c40cb7-e838-4bb3-b9a2-8038d92d0c4f.tmp</t>
  </si>
  <si>
    <t>0f7687ea-bf37-4ae2-83bb-5de898cc6ba0.tmp</t>
  </si>
  <si>
    <t>\\acsfs\profiles$\geovannasm\Downloads\0f7687ea-bf37-4ae2-83bb-5de898cc6ba0.tmp</t>
  </si>
  <si>
    <t>edf9aeec-82fb-4fdf-b8ef-bd4ba4a99e70.tmp</t>
  </si>
  <si>
    <t>\\acsfs\profiles$\geovannasm\Downloads\edf9aeec-82fb-4fdf-b8ef-bd4ba4a99e70.tmp</t>
  </si>
  <si>
    <t>39daa229-4694-487a-bac0-74055cf31f78.tmp</t>
  </si>
  <si>
    <t>\\acsfs\profiles$\websondsa\Downloads\39daa229-4694-487a-bac0-74055cf31f78.tmp</t>
  </si>
  <si>
    <t>0283d832-a8ba-4975-aad1-7fe4f355b137.tmp</t>
  </si>
  <si>
    <t>\\acsfs\profiles$\websondsa\Downloads\0283d832-a8ba-4975-aad1-7fe4f355b137.tmp</t>
  </si>
  <si>
    <t>6d77eee2-c17b-4785-a96f-44fca0789cff.tmp</t>
  </si>
  <si>
    <t>\\acsfs\profiles$\websondsa\Downloads\6d77eee2-c17b-4785-a96f-44fca0789cff.tmp</t>
  </si>
  <si>
    <t>e5c4841e-26c1-4222-8b4f-22c8712c994e.tmp</t>
  </si>
  <si>
    <t>\\acsfs\profiles$\websondsa\Downloads\e5c4841e-26c1-4222-8b4f-22c8712c994e.tmp</t>
  </si>
  <si>
    <t>a4ed5b5e-e64a-4d0f-bb9a-9b0aa1f0f458.tmp</t>
  </si>
  <si>
    <t>\\acsfs\profiles$\paulovadc\Downloads\a4ed5b5e-e64a-4d0f-bb9a-9b0aa1f0f458.tmp</t>
  </si>
  <si>
    <t>10.200.66.12</t>
  </si>
  <si>
    <t>78-2B-CB-C1-06-CA</t>
  </si>
  <si>
    <t>VOTORANT-ABB006</t>
  </si>
  <si>
    <t>\\acsfs\profiles$\websondsa\Contacts\</t>
  </si>
  <si>
    <t>WEBSON DA SILVA ARAUJO (17379).contact</t>
  </si>
  <si>
    <t>\\acsfs\profiles$\websondsa\Contacts\WEBSON DA SILVA ARAUJO (17379).contact</t>
  </si>
  <si>
    <t>\\acsfs\profiles$\websondsa\My Documents\My Videos\</t>
  </si>
  <si>
    <t>\\acsfs\profiles$\websondsa\My Documents\My Videos\desktop.ini</t>
  </si>
  <si>
    <t>\\acsfs\profiles$\websondsa\My Documents\My Pictures\</t>
  </si>
  <si>
    <t>\\acsfs\profiles$\websondsa\My Documents\My Pictures\desktop.ini</t>
  </si>
  <si>
    <t>\\acsfs\profiles$\websondsa\Contacts\desktop.ini</t>
  </si>
  <si>
    <t>\\acsfs\profiles$\websondsa\Favorites\</t>
  </si>
  <si>
    <t>\\acsfs\profiles$\websondsa\Favorites\desktop.ini</t>
  </si>
  <si>
    <t>\\acsfs\profiles$\websondsa\My Documents\My Music\</t>
  </si>
  <si>
    <t>\\acsfs\profiles$\websondsa\My Documents\My Music\desktop.ini</t>
  </si>
  <si>
    <t>\\acsfs\profiles$\websondsa\Searches\</t>
  </si>
  <si>
    <t>\\acsfs\profiles$\websondsa\Searches\desktop.ini</t>
  </si>
  <si>
    <t>\\acsfs\profiles$\websondsa\Downloads\desktop.ini</t>
  </si>
  <si>
    <t>\\acsfs\profiles$\websondsa\My Documents\desktop.ini</t>
  </si>
  <si>
    <t>\\acsfs\profiles$\websondsa\Saved Games\</t>
  </si>
  <si>
    <t>\\acsfs\profiles$\websondsa\Saved Games\desktop.ini</t>
  </si>
  <si>
    <t>\\acsfs\profiles$\websondsa\Favorites\Links for Brasil\</t>
  </si>
  <si>
    <t>\\acsfs\profiles$\websondsa\Favorites\Links for Brasil\desktop.ini</t>
  </si>
  <si>
    <t>\\acsfs\profiles$\websondsa\Favorites\Links for Brasil\Microsoft Brasil.url</t>
  </si>
  <si>
    <t>\\acsfs\profiles$\websondsa\Favorites\Links for Brasil\Windows Brasil.url</t>
  </si>
  <si>
    <t>\\acsfs\profiles$\websondsa\Favorites\Links for Brasil\MSN Brasil.url</t>
  </si>
  <si>
    <t>7040e1d3-021d-4602-9594-b899dd307918.tmp</t>
  </si>
  <si>
    <t>\\acsfs\profiles$\lucasgpe\Downloads\7040e1d3-021d-4602-9594-b899dd307918.tmp</t>
  </si>
  <si>
    <t>1317c572-2740-48b7-a4bc-532d616080bf.tmp</t>
  </si>
  <si>
    <t>\\acsfs\profiles$\geovannasm\Downloads\1317c572-2740-48b7-a4bc-532d616080bf.tmp</t>
  </si>
  <si>
    <t>646d3176-f790-4f5a-978b-846660d77e76.tmp</t>
  </si>
  <si>
    <t>\\acsfs\profiles$\ERICALSR\Downloads\646d3176-f790-4f5a-978b-846660d77e76.tmp</t>
  </si>
  <si>
    <t>b0e4cb94-8526-482f-acd8-ed0573bfc2ca.tmp</t>
  </si>
  <si>
    <t>\\acsfs\profiles$\paulovadc\Downloads\b0e4cb94-8526-482f-acd8-ed0573bfc2ca.tmp</t>
  </si>
  <si>
    <t>2f4c5d04-ee87-434d-a960-712f94e7f0c7.tmp</t>
  </si>
  <si>
    <t>\\acsfs\profiles$\wenderbnm\Downloads\2f4c5d04-ee87-434d-a960-712f94e7f0c7.tmp</t>
  </si>
  <si>
    <t>96aba7bd-967c-442d-a4ed-0342fb42daa4.tmp</t>
  </si>
  <si>
    <t>\\acsfs\profiles$\websondsa\Downloads\96aba7bd-967c-442d-a4ed-0342fb42daa4.tmp</t>
  </si>
  <si>
    <t>256f6b95-1a78-4593-9401-a0c1bca7ff68.tmp</t>
  </si>
  <si>
    <t>\\acsfs\profiles$\websondsa\Downloads\256f6b95-1a78-4593-9401-a0c1bca7ff68.tmp</t>
  </si>
  <si>
    <t>Não confirmado 942090.crdownload</t>
  </si>
  <si>
    <t>\\acsfs\profiles$\websondsa\Downloads\Não confirmado 942090.crdownload</t>
  </si>
  <si>
    <t>801fdf6b-dd77-41b9-96ce-82086c4f9d78.tmp</t>
  </si>
  <si>
    <t>\\acsfs\profiles$\websondsa\Downloads\801fdf6b-dd77-41b9-96ce-82086c4f9d78.tmp</t>
  </si>
  <si>
    <t>10.200.66.28</t>
  </si>
  <si>
    <t>0148f9c1-38d6-4e96-b364-975cd1720c6f.tmp</t>
  </si>
  <si>
    <t>\\acsfs\profiles$\milenaas\Downloads\0148f9c1-38d6-4e96-b364-975cd1720c6f.tmp</t>
  </si>
  <si>
    <t>10aa45a4-5bbb-46ae-9fd4-f84484fd14eb.tmp</t>
  </si>
  <si>
    <t>\\acsfs\profiles$\marcellewdl\Downloads\10aa45a4-5bbb-46ae-9fd4-f84484fd14eb.tmp</t>
  </si>
  <si>
    <t>63afadd6-05bf-4486-ab6e-4bbe9c9e6198.tmp</t>
  </si>
  <si>
    <t>\\acsfs\profiles$\marcellewdl\Downloads\63afadd6-05bf-4486-ab6e-4bbe9c9e6198.tmp</t>
  </si>
  <si>
    <t>675a9f6f-2ef7-4fe1-afef-3d8e23aefcd2.tmp</t>
  </si>
  <si>
    <t>\\acsfs\profiles$\quindaizaagds\Downloads\675a9f6f-2ef7-4fe1-afef-3d8e23aefcd2.tmp</t>
  </si>
  <si>
    <t>4974531a-89be-4cfd-a883-37fbc0926127.tmp</t>
  </si>
  <si>
    <t>\\acsfs\profiles$\geovannasm\Downloads\4974531a-89be-4cfd-a883-37fbc0926127.tmp</t>
  </si>
  <si>
    <t>78715d93-7be2-494b-8286-060a834f1348.tmp</t>
  </si>
  <si>
    <t>\\acsfs\profiles$\felipetds\Downloads\78715d93-7be2-494b-8286-060a834f1348.tmp</t>
  </si>
  <si>
    <t>38ae6c5c-d490-4085-844b-62c739979aa4.tmp</t>
  </si>
  <si>
    <t>\\acsfs\profiles$\ERICALSR\Downloads\38ae6c5c-d490-4085-844b-62c739979aa4.tmp</t>
  </si>
  <si>
    <t>55b34bc4-ef13-47ac-971c-e167149e464a.tmp</t>
  </si>
  <si>
    <t>\\acsfs\profiles$\luanaagl\Downloads\55b34bc4-ef13-47ac-971c-e167149e464a.tmp</t>
  </si>
  <si>
    <t>8dd726b3-5527-4215-a653-f1e0e3d5a534.tmp</t>
  </si>
  <si>
    <t>\\acsfs\profiles$\luanaagl\Downloads\8dd726b3-5527-4215-a653-f1e0e3d5a534.tmp</t>
  </si>
  <si>
    <t>0971ba66-42a1-4bd7-83d2-26e4ec2ccbd4.tmp</t>
  </si>
  <si>
    <t>\\acsfs\profiles$\luanarda\Downloads\0971ba66-42a1-4bd7-83d2-26e4ec2ccbd4.tmp</t>
  </si>
  <si>
    <t>e0f538a9-579f-498e-8022-cd2c55d4282f.tmp</t>
  </si>
  <si>
    <t>\\acsfs\profiles$\luanarda\Downloads\e0f538a9-579f-498e-8022-cd2c55d4282f.tmp</t>
  </si>
  <si>
    <t>20305b3e-00d0-4d58-8ab4-cdce7243324e.tmp</t>
  </si>
  <si>
    <t>\\acsfs\profiles$\wenderbnm\Downloads\20305b3e-00d0-4d58-8ab4-cdce7243324e.tmp</t>
  </si>
  <si>
    <t>b715f325-91dc-4aaf-8fa1-e46340e8800c.tmp</t>
  </si>
  <si>
    <t>\\acsfs\profiles$\wenderbnm\Downloads\b715f325-91dc-4aaf-8fa1-e46340e8800c.tmp</t>
  </si>
  <si>
    <t>758056c1-afd8-460a-9bd4-88a2103a0c24.tmp</t>
  </si>
  <si>
    <t>\\acsfs\profiles$\websondsa\Downloads\758056c1-afd8-460a-9bd4-88a2103a0c24.tmp</t>
  </si>
  <si>
    <t>44520310-6a89-457f-9ee4-cda737173cec.tmp</t>
  </si>
  <si>
    <t>\\acsfs\profiles$\websondsa\Downloads\44520310-6a89-457f-9ee4-cda737173cec.tmp</t>
  </si>
  <si>
    <t>9ba8158b-0b28-46f0-9f61-0c8ac4767645.tmp</t>
  </si>
  <si>
    <t>\\acsfs\profiles$\websondsa\Downloads\9ba8158b-0b28-46f0-9f61-0c8ac4767645.tmp</t>
  </si>
  <si>
    <t>5b982666-572e-45fd-9cd7-21802d0db988.tmp</t>
  </si>
  <si>
    <t>\\acsfs\profiles$\gabrielaff\Downloads\5b982666-572e-45fd-9cd7-21802d0db988.tmp</t>
  </si>
  <si>
    <t>2fec0ed1-10bb-46a3-9ad0-79fb66da342d.tmp</t>
  </si>
  <si>
    <t>\\acsfs\profiles$\lucasqdss\Downloads\2fec0ed1-10bb-46a3-9ad0-79fb66da342d.tmp</t>
  </si>
  <si>
    <t>b95271b2-96cc-4718-a761-3849476ba216.tmp</t>
  </si>
  <si>
    <t>\\acsfs\profiles$\milenaas\Downloads\b95271b2-96cc-4718-a761-3849476ba216.tmp</t>
  </si>
  <si>
    <t>751afb69-8b25-4896-b401-e637c0c63081.tmp</t>
  </si>
  <si>
    <t>\\acsfs\profiles$\milenaas\Downloads\751afb69-8b25-4896-b401-e637c0c63081.tmp</t>
  </si>
  <si>
    <t>49fb0d0f-c98c-4522-ae31-48ce7d08e0ef.tmp</t>
  </si>
  <si>
    <t>\\acsfs\profiles$\quindaizaagds\Downloads\49fb0d0f-c98c-4522-ae31-48ce7d08e0ef.tmp</t>
  </si>
  <si>
    <t>4f227349-8ff7-4627-b1e4-08a8119a26c8.tmp</t>
  </si>
  <si>
    <t>\\acsfs\profiles$\quindaizaagds\Downloads\4f227349-8ff7-4627-b1e4-08a8119a26c8.tmp</t>
  </si>
  <si>
    <t>6a0f4ccc-3845-4833-8069-4e8a66f4383d.tmp</t>
  </si>
  <si>
    <t>\\acsfs\profiles$\quindaizaagds\Downloads\6a0f4ccc-3845-4833-8069-4e8a66f4383d.tmp</t>
  </si>
  <si>
    <t>861dcbf4-bbf7-4353-b01f-e1ce52087c70.tmp</t>
  </si>
  <si>
    <t>\\acsfs\profiles$\quindaizaagds\Downloads\861dcbf4-bbf7-4353-b01f-e1ce52087c70.tmp</t>
  </si>
  <si>
    <t>46cd3bdc-6d9a-4bd4-91d8-ac627d983489.tmp</t>
  </si>
  <si>
    <t>\\acsfs\profiles$\quindaizaagds\Downloads\46cd3bdc-6d9a-4bd4-91d8-ac627d983489.tmp</t>
  </si>
  <si>
    <t>73ba2484-27d5-4fca-89eb-d03e77cfeb78.tmp</t>
  </si>
  <si>
    <t>\\acsfs\profiles$\quindaizaagds\Downloads\73ba2484-27d5-4fca-89eb-d03e77cfeb78.tmp</t>
  </si>
  <si>
    <t>965e626f-dcf7-4ea5-ab74-6f609ac2d7ed.tmp</t>
  </si>
  <si>
    <t>\\acsfs\profiles$\quindaizaagds\Downloads\965e626f-dcf7-4ea5-ab74-6f609ac2d7ed.tmp</t>
  </si>
  <si>
    <t>78aa94e5-8469-4083-a310-7fb40f255520.tmp</t>
  </si>
  <si>
    <t>\\acsfs\profiles$\quindaizaagds\Downloads\78aa94e5-8469-4083-a310-7fb40f255520.tmp</t>
  </si>
  <si>
    <t>8963afcd-1381-4398-866c-c88320425d19.tmp</t>
  </si>
  <si>
    <t>\\acsfs\profiles$\laylaams\Downloads\8963afcd-1381-4398-866c-c88320425d19.tmp</t>
  </si>
  <si>
    <t>c8dd91ba-2433-4565-9ee6-d5c7ba450ff1.tmp</t>
  </si>
  <si>
    <t>\\acsfs\profiles$\laylaams\Downloads\c8dd91ba-2433-4565-9ee6-d5c7ba450ff1.tmp</t>
  </si>
  <si>
    <t>1d2bc828-6d31-42c1-ad16-fb6bea9dfbef.tmp</t>
  </si>
  <si>
    <t>\\acsfs\profiles$\geovannasm\Downloads\1d2bc828-6d31-42c1-ad16-fb6bea9dfbef.tmp</t>
  </si>
  <si>
    <t>913f3c99-9280-4552-8a81-79cf9e685372.tmp</t>
  </si>
  <si>
    <t>\\acsfs\profiles$\felipetds\Downloads\913f3c99-9280-4552-8a81-79cf9e685372.tmp</t>
  </si>
  <si>
    <t>7c0f4b1a-932f-4547-9eca-32ac67a4038b.tmp</t>
  </si>
  <si>
    <t>\\acsfs\profiles$\ANAPDSB\Downloads\7c0f4b1a-932f-4547-9eca-32ac67a4038b.tmp</t>
  </si>
  <si>
    <t>8e723359-3c6d-48e9-b27c-2de4bff5d573.tmp</t>
  </si>
  <si>
    <t>\\acsfs\profiles$\ANAPDSB\Downloads\8e723359-3c6d-48e9-b27c-2de4bff5d573.tmp</t>
  </si>
  <si>
    <t>1b7dfd57-812c-48d5-8b95-07ea9c9098d3.tmp</t>
  </si>
  <si>
    <t>\\acsfs\profiles$\luanaagl\Downloads\1b7dfd57-812c-48d5-8b95-07ea9c9098d3.tmp</t>
  </si>
  <si>
    <t>bf0f9fef-09c6-452b-8835-585ea2824ee3.tmp</t>
  </si>
  <si>
    <t>\\acsfs\profiles$\paulovadc\Downloads\bf0f9fef-09c6-452b-8835-585ea2824ee3.tmp</t>
  </si>
  <si>
    <t>a15a4096-1bda-4573-88e7-9fc0c17dbbbd.tmp</t>
  </si>
  <si>
    <t>\\acsfs\profiles$\websondsa\Downloads\a15a4096-1bda-4573-88e7-9fc0c17dbbbd.tmp</t>
  </si>
  <si>
    <t>cbc51f36-0c16-461b-84d1-ff388e78a0ab.tmp</t>
  </si>
  <si>
    <t>\\acsfs\profiles$\rafaelahpn\Downloads\cbc51f36-0c16-461b-84d1-ff388e78a0ab.tmp</t>
  </si>
  <si>
    <t>f22120f2-d971-4ea2-b921-a410f5de1e39.tmp</t>
  </si>
  <si>
    <t>\\acsfs\profiles$\rafaelahpn\Downloads\f22120f2-d971-4ea2-b921-a410f5de1e39.tmp</t>
  </si>
  <si>
    <t>52f2bd1a-37cb-4c67-93c3-f68035ceec00.tmp</t>
  </si>
  <si>
    <t>\\acsfs\profiles$\rafaelahpn\Downloads\52f2bd1a-37cb-4c67-93c3-f68035ceec00.tmp</t>
  </si>
  <si>
    <t>2f5d9c5e-37b6-4199-aa92-b5a953e38a8e.tmp</t>
  </si>
  <si>
    <t>\\acsfs\profiles$\sarahbal\Downloads\2f5d9c5e-37b6-4199-aa92-b5a953e38a8e.tmp</t>
  </si>
  <si>
    <t>fe30cfe8-c5ff-43db-b1bd-fee15e2d4fca.tmp</t>
  </si>
  <si>
    <t>\\acsfs\profiles$\milenaas\Downloads\fe30cfe8-c5ff-43db-b1bd-fee15e2d4fca.tmp</t>
  </si>
  <si>
    <t>c49442e1-0d7a-45ab-9efe-e037a2db296d.tmp</t>
  </si>
  <si>
    <t>\\acsfs\profiles$\THYAGOSP\Downloads\c49442e1-0d7a-45ab-9efe-e037a2db296d.tmp</t>
  </si>
  <si>
    <t>65871683-de5f-44c9-80b5-3f1a8fd69870.tmp</t>
  </si>
  <si>
    <t>\\acsfs\profiles$\THYAGOSP\Downloads\65871683-de5f-44c9-80b5-3f1a8fd69870.tmp</t>
  </si>
  <si>
    <t>11c82c48-ddf7-4a19-a0a0-afe892deb125.tmp</t>
  </si>
  <si>
    <t>\\acsfs\profiles$\marcellewdl\Downloads\11c82c48-ddf7-4a19-a0a0-afe892deb125.tmp</t>
  </si>
  <si>
    <t>cbcc88da-425f-416d-a1dd-c33a2ca14f11.tmp</t>
  </si>
  <si>
    <t>\\acsfs\profiles$\marcellewdl\Downloads\cbcc88da-425f-416d-a1dd-c33a2ca14f11.tmp</t>
  </si>
  <si>
    <t>2195a411-ed2c-4f21-b8bb-326401ef6a93.tmp</t>
  </si>
  <si>
    <t>\\acsfs\profiles$\antoniosva\Downloads\2195a411-ed2c-4f21-b8bb-326401ef6a93.tmp</t>
  </si>
  <si>
    <t>537f280a-3020-42c7-a2a6-b28b74734be8.tmp</t>
  </si>
  <si>
    <t>\\acsfs\profiles$\antoniosva\Downloads\537f280a-3020-42c7-a2a6-b28b74734be8.tmp</t>
  </si>
  <si>
    <t>9e35b1a9-b0f3-4329-8322-9d2fb05a2b23.tmp</t>
  </si>
  <si>
    <t>\\acsfs\profiles$\antoniosva\Downloads\9e35b1a9-b0f3-4329-8322-9d2fb05a2b23.tmp</t>
  </si>
  <si>
    <t>8a41ccab-8010-4de4-8f6b-af1849be52bf.tmp</t>
  </si>
  <si>
    <t>\\acsfs\profiles$\antoniosva\Downloads\8a41ccab-8010-4de4-8f6b-af1849be52bf.tmp</t>
  </si>
  <si>
    <t>34ab64f6-c4b5-4e17-ad77-99d619cacc23.tmp</t>
  </si>
  <si>
    <t>\\acsfs\profiles$\antoniosva\Downloads\34ab64f6-c4b5-4e17-ad77-99d619cacc23.tmp</t>
  </si>
  <si>
    <t>7fe3f143-9364-4b46-87f8-9209ff82632e.tmp</t>
  </si>
  <si>
    <t>\\acsfs\profiles$\luanaagl\Downloads\7fe3f143-9364-4b46-87f8-9209ff82632e.tmp</t>
  </si>
  <si>
    <t>1ff4c8f0-5e7c-4420-bb0b-cff5ec91e0a4.tmp</t>
  </si>
  <si>
    <t>\\acsfs\profiles$\websondsa\Downloads\1ff4c8f0-5e7c-4420-bb0b-cff5ec91e0a4.tmp</t>
  </si>
  <si>
    <t>46c72fac-1afc-4b11-9a4f-1130ebad2ba2.tmp</t>
  </si>
  <si>
    <t>\\acsfs\profiles$\websondsa\Downloads\46c72fac-1afc-4b11-9a4f-1130ebad2ba2.tmp</t>
  </si>
  <si>
    <t>abb5591c-9291-49f3-b536-f4ce7080e50d.tmp</t>
  </si>
  <si>
    <t>\\acsfs\profiles$\websondsa\Downloads\abb5591c-9291-49f3-b536-f4ce7080e50d.tmp</t>
  </si>
  <si>
    <t>f60e252e-ee83-4a5b-9b23-ddf4ff4dbb7a.tmp</t>
  </si>
  <si>
    <t>\\acsfs\profiles$\rafaelahpn\Downloads\f60e252e-ee83-4a5b-9b23-ddf4ff4dbb7a.tmp</t>
  </si>
  <si>
    <t>e8de54d3-3426-4027-b32f-020f0ecf6183.tmp</t>
  </si>
  <si>
    <t>\\acsfs\profiles$\rafaelahpn\Downloads\e8de54d3-3426-4027-b32f-020f0ecf6183.tmp</t>
  </si>
  <si>
    <t>bb104a8b-2958-4ab0-b34e-e5173b50da4a.tmp</t>
  </si>
  <si>
    <t>\\acsfs\profiles$\rafaelahpn\Downloads\bb104a8b-2958-4ab0-b34e-e5173b50da4a.tmp</t>
  </si>
  <si>
    <t>12967a7f-18ab-47c4-9865-096e15880d76.tmp</t>
  </si>
  <si>
    <t>\\acsfs\profiles$\larissaad\Downloads\12967a7f-18ab-47c4-9865-096e15880d76.tmp</t>
  </si>
  <si>
    <t>c3602597-cd94-454d-990f-0eedc9cb2ea7.tmp</t>
  </si>
  <si>
    <t>\\acsfs\profiles$\larissaad\Downloads\c3602597-cd94-454d-990f-0eedc9cb2ea7.tmp</t>
  </si>
  <si>
    <t>lu16380sg96u.tmp</t>
  </si>
  <si>
    <t>\\acsfs\profiles$\jonathanwap\lu16380sg96u.tmp</t>
  </si>
  <si>
    <t>\\acsfs\profiles$\jonathanwap\lu16380sg96u.tmp\</t>
  </si>
  <si>
    <t>\\acsfs\profiles$\jonathanwap\lu16380sg96u.tmp\META-INF\</t>
  </si>
  <si>
    <t>\\acsfs\profiles$\jonathanwap\lu16380sg96u.tmp\Thumbnails\</t>
  </si>
  <si>
    <t>6e383605-e2c9-4351-a657-f2c7a732abd8.tmp</t>
  </si>
  <si>
    <t>\\acsfs\profiles$\antoniosva\Downloads\6e383605-e2c9-4351-a657-f2c7a732abd8.tmp</t>
  </si>
  <si>
    <t>78135833-525d-4bcb-b6d5-a23873cdaa95.tmp</t>
  </si>
  <si>
    <t>\\acsfs\profiles$\antoniosva\Downloads\78135833-525d-4bcb-b6d5-a23873cdaa95.tmp</t>
  </si>
  <si>
    <t>496bdfc7-3724-408a-962f-40c70f804b52.tmp</t>
  </si>
  <si>
    <t>\\acsfs\profiles$\antoniosva\Downloads\496bdfc7-3724-408a-962f-40c70f804b52.tmp</t>
  </si>
  <si>
    <t>c1578379-8d41-4199-9f4c-792279d59ea6.tmp</t>
  </si>
  <si>
    <t>\\acsfs\profiles$\geovannasm\Downloads\c1578379-8d41-4199-9f4c-792279d59ea6.tmp</t>
  </si>
  <si>
    <t>RAICA BRUNA OLIVEIRA GAMA (38).contact</t>
  </si>
  <si>
    <t>\\acsfs\profiles$\raicabog\Contacts\RAICA BRUNA OLIVEIRA GAMA (38).contact</t>
  </si>
  <si>
    <t>1abc0933-385a-4faf-a996-765e57a5d4b3.tmp</t>
  </si>
  <si>
    <t>\\acsfs\profiles$\luanaagl\Downloads\1abc0933-385a-4faf-a996-765e57a5d4b3.tmp</t>
  </si>
  <si>
    <t>HENRIQUE CASSIANO OLIVEIRA_1_6774075500834921991_1_32.wav</t>
  </si>
  <si>
    <t>\\acsfs\Deptos\EDUCACAO EMPRESARIAL\KÉSIA\Ligações 1º Ciclo - Janeiro 2020\HENRIQUE CASSIANO OLIVEIRA_1_6774075500834921991_1_32.wav</t>
  </si>
  <si>
    <t>2c81c998-5378-44ac-bb4e-95359ee868c4.tmp</t>
  </si>
  <si>
    <t>\\acsfs\profiles$\gabrielaff\Downloads\2c81c998-5378-44ac-bb4e-95359ee868c4.tmp</t>
  </si>
  <si>
    <t>Planilha Festa BV.xlsx</t>
  </si>
  <si>
    <t>e2edab2c-84bb-410d-91b4-9637a42f62aa.tmp</t>
  </si>
  <si>
    <t>\\acsfs\profiles$\larissaad\Downloads\e2edab2c-84bb-410d-91b4-9637a42f62aa.tmp</t>
  </si>
  <si>
    <t>mail.google.com/_/upload?authuser=0&amp;dcp=asu-n&amp;upload_id=AEnB2UrsAf5ma27kv9VcYmxEjtpkrhWNhSvEkSEg5FqzS0bM_1f6Fb7KZnWkwhDbsaDXsRjzqkNmUJZfpJ1b6LGfz0mUxR9J9g&amp;upload_protocol=resumable</t>
  </si>
  <si>
    <t>http://citrixbv.bancovotorantim.com.br/citrix/citrixbvweb/resources/getlaunchstatus/q29udhjvbgxlci5tqunblvnbq18xlte-</t>
  </si>
  <si>
    <t>http:///batch?%24ct=multipart%2Fmixed%3B%20boundary%3D%22%3D%3D%3D%3D%3Dny8k8mavytzc%3D%3D%3D%3D%3D%22&amp;key=AIzaSyAy9VVXHSpS2IJpptzYtGbLP3-3_l0aBk4</t>
  </si>
  <si>
    <t>http:///batch?%24ct=multipart%2Fmixed%3B%20boundary%3D%22%3D%3D%3D%3D%3Dey7v7bv3usuu%3D%3D%3D%3D%3D%22&amp;key=AIzaSyAy9VVXHSpS2IJpptzYtGbLP3-3_l0aBk4</t>
  </si>
  <si>
    <t>http:///batch?%24ct=multipart%2Fmixed%3B%20boundary%3D%22%3D%3D%3D%3D%3D753fdweujuf9%3D%3D%3D%3D%3D%22&amp;key=AIzaSyAy9VVXHSpS2IJpptzYtGbLP3-3_l0aBk4</t>
  </si>
  <si>
    <t>http:///batch?%24ct=multipart%2Fmixed%3B%20boundary%3D%22%3D%3D%3D%3D%3Dfqhhgvcxv770%3D%3D%3D%3D%3D%22&amp;key=AIzaSyAy9VVXHSpS2IJpptzYtGbLP3-3_l0aBk4</t>
  </si>
  <si>
    <t>http:///batch?%24ct=multipart%2Fmixed%3B%20boundary%3D%22%3D%3D%3D%3D%3Dffu8xhi0sr5i%3D%3D%3D%3D%3D%22&amp;key=AIzaSyAy9VVXHSpS2IJpptzYtGbLP3-3_l0aBk4</t>
  </si>
  <si>
    <t>http:///batch?%24ct=multipart%2Fmixed%3B%20boundary%3D%22%3D%3D%3D%3D%3D1zr859bb96v6%3D%3D%3D%3D%3D%22&amp;key=AIzaSyAy9VVXHSpS2IJpptzYtGbLP3-3_l0aBk4</t>
  </si>
  <si>
    <t>ancestorhasaugmentedpermissions;containsunsubscribedchildren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eabl;shared;sharedwithmedate;thumbnailversion;title;userpermission(role);workspaceids;</t>
  </si>
  <si>
    <t>http://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,shared,sharedwithmedate,thumbnailversion,title,userpermission(role),workspaceids</t>
  </si>
  <si>
    <t>C:\Users\raicdf\Documents\Top Performance\</t>
  </si>
  <si>
    <t>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,shared,sharedwithmedate,thumbnailversion,title,userpermission(role),workspaceids</t>
  </si>
  <si>
    <t>http:///batch?%24ct=multipart%2Fmixed%3B%20boundary%3D%22%3D%3D%3D%3D%3D76v4o5j6d8ag%3D%3D%3D%3D%3D%22&amp;key=AIzaSyAy9VVXHSpS2IJpptzYtGbLP3-3_l0aBk4</t>
  </si>
  <si>
    <t>http:///batch?%24ct=multipart%2Fmixed%3B%20boundary%3D%22%3D%3D%3D%3D%3D1yaaszurv23k%3D%3D%3D%3D%3D%22&amp;key=AIzaSyAy9VVXHSpS2IJpptzYtGbLP3-3_l0aBk4</t>
  </si>
  <si>
    <t>http:///batch?%24ct=multipart%2Fmixed%3B%20boundary%3D%22%3D%3D%3D%3D%3Deoigbjq9fub5%3D%3D%3D%3D%3D%22&amp;key=AIzaSyAy9VVXHSpS2IJpptzYtGbLP3-3_l0aBk4</t>
  </si>
  <si>
    <t>http:///batch?%24ct=multipart%2Fmixed%3B%20boundary%3D%22%3D%3D%3D%3D%3D85afq0glsxtd%3D%3D%3D%3D%3D%22&amp;key=AIzaSyAy9VVXHSpS2IJpptzYtGbLP3-3_l0aBk4</t>
  </si>
  <si>
    <t>http:///batch?%24ct=multipart%2Fmixed%3B%20boundary%3D%22%3D%3D%3D%3D%3Dr0tdo9v1uski%3D%3D%3D%3D%3D%22&amp;key=AIzaSyAy9VVXHSpS2IJpptzYtGbLP3-3_l0aBk4</t>
  </si>
  <si>
    <t>0;0.328;0.333;0.462];0.481;0.548;0.565;0.565];0.683];0.926;0.938];0.941];0];1.055;1.822];1088.434999997844;12687.270000002172;1280.8899999945424;12947.840000000724;12953.029999996943;1329.9199999964912;13455.159999997704;13580.439999997907;13999.920000002021;14006.184999998368;14574.254999999539;14610.240000001795;14610.489999999118;14611.414999999397;14611.609999999928;14611.85000000114;14612.240000002203;14612.694999996165;14612.965000000258;14637.889999998151;14802.369999997609;15892.234999999346;163.01999999996042;1674.4049999979325;1674.895000003744;169.82999999891035;189.58500000007916;189.61499999568332;19.294];190.23500000184868;190.7149999969988;2.334];2.341;23.793;23.793];257.06499999796506;3;34.93499999603955;38.19;38.19];417.84999999799766;497.9700000039884;5.518;5.518];5.842];503.4400000004098;540.4150000031223;570.97999999678;6.775;679.8849999977392;["https://drive.google.com/_/drive_fe/_/js/k=drive_fe.main.pt_br.jntnxbugcby.o/am=mbrqmnyi_cf4iqam/d=0/ct=zgms/rs=afb8gsyxt7gkydvfsz5dor-zm3dksvpt9w</t>
  </si>
  <si>
    <t>http://0,0.328,0.333,0.462],0.481,0.548,0.565,0.565],0.683],0.926,0.938],0.941],0],1.055,1.822],1088.434999997844,12687.270000002172,1280.8899999945424,12947.840000000724,12953.029999996943,1329.9199999964912,13455.159999997704,13580.439999997907,13999.920000002021,14006.184999998368,14574.254999999539,14610.240000001795,14610.489999999118,14611.414999999397,14611.609999999928,14611.85000000114,14612.240000002203,14612.694999996165,14612.965000000258,14637.889999998151,14802.369999997609,15892.234999999346,163.01999999996042,1674.4049999979325,1674.895000003744,169.82999999891035,189.58500000007916,189.61499999568332,19.294],190.23500000184868,190.7149999969988,2.334],2.341,23.793,23.793],257.06499999796506,3,34.93499999603955,38.19,38.19],417.84999999799766,497.9700000039884,5.518,5.518],5.842],503.4400000004098,540.4150000031223,570.97999999678,6.775,679.8849999977392,["https://drive.google.com/_/drive_fe/_/js/k=drive_fe.main.pt_br.jntnxbugcby.o/am=mbrqmnyi_cf4iqam/d=0/ct=zgms/rs=afb8gsyxt7gkydvfsz5dor-zm3d</t>
  </si>
  <si>
    <t>0;0.328;0.333;0.462];0.481;0.548;0.565;0.565];0.668;0.683];0.926;0.929;0.938];0.941];0];1.055;1.146];1.822];1088.434999997844;12.883;12.883];12687.270000002172;1280.8899999945424;12947.840000000724;12953.029999996943;1329.9199999964912;13455.159999997704;13580.439999997907;13999.920000002021;14006.184999998368;14574.254999999539;14610.240000001795;14610.489999999118;14611.199999999371;14611.414999999397;14611.609999999928;14611.85000000114;14612.034999998286;14612.240000002203;14612.459999996645;14612.694999996165;14612.965000000258;14614.334999998391;14637.889999998151;14802.369999997609;15892.234999999346;16.159;16.159];16064.20999999682;163.01999999996042;1673.84999999922;1674.4049999979325;1674.895000003744;1675.9600000004866;1676.5999999988708;16846.910000000207;169.82999999891035;17086.069999997562;17173.029999998107;189.58500000007916;189.61499999568332;19.294];190.23500000184868;190.7149999969988;2.22];2.334];2.341;20.38;22.248];2231.1850000041886;228.50499999913154;23.793;23.793];257.06499999796506;3</t>
  </si>
  <si>
    <t>http://0,0.328,0.333,0.462],0.481,0.548,0.565,0.565],0.668,0.683],0.926,0.929,0.938],0.941],0],1.055,1.146],1.822],1088.434999997844,12.883,12.883],12687.270000002172,1280.8899999945424,12947.840000000724,12953.029999996943,1329.9199999964912,13455.159999997704,13580.439999997907,13999.920000002021,14006.184999998368,14574.254999999539,14610.240000001795,14610.489999999118,14611.199999999371,14611.414999999397,14611.609999999928,14611.85000000114,14612.034999998286,14612.240000002203,14612.459999996645,14612.694999996165,14612.965000000258,14614.334999998391,14637.889999998151,14802.369999997609,15892.234999999346,16.159,16.159],16064.20999999682,163.01999999996042,1673.84999999922,1674.4049999979325,1674.895000003744,1675.9600000004866,1676.5999999988708,16846.910000000207,169.82999999891035,17086.069999997562,17173.029999998107,189.58500000007916,189.61499999568332,19.294],190.23500000184868,190.7149999969988,2.22],2.334],2.341,20.38,22.248],2231.1850000041886,228.50499999913154,23.793,23.793],257.064999997</t>
  </si>
  <si>
    <t>0;0.328;0.333;0.462];0.481;0.548;0.565;0.565];0.668;0.683];0.926;0.929;0.938];0.941];0];1.055;1.146];1.822];1088.434999997844;109.20500000065658;11.237;11.537;12.38;12.883;12.883];12687.270000002172;1280.8899999945424;12947.840000000724;12953.029999996943;1329.9199999964912;13455.159999997704;13580.439999997907;13999.920000002021;14006.184999998368;14574.254999999539;14610.240000001795;14610.489999999118;14611.199999999371;14611.414999999397;14611.609999999928;14611.85000000114;14612.034999998286;14612.240000002203;14612.459999996645;14612.694999996165;14612.965000000258;14614.334999998391;14637.889999998151;14802.369999997609;15892.234999999346;16.159;16.159];16064.20999999682;163.01999999996042;1673.84999999922;1674.4049999979325;1674.895000003744;1675.9600000004866;1676.5999999988708;168.85999999794876;16846.910000000207;169.82999999891035;17086.069999997562;17173.029999998107;17269.019999999728;175.19000000174856;17511.364999998477;17586.794999995618;17620.02499999653;17802.589999999327;17974.94000000006;</t>
  </si>
  <si>
    <t>http://0,0.328,0.333,0.462],0.481,0.548,0.565,0.565],0.668,0.683],0.926,0.929,0.938],0.941],0],1.055,1.146],1.822],1088.434999997844,109.20500000065658,11.237,11.537,12.38,12.883,12.883],12687.270000002172,1280.8899999945424,12947.840000000724,12953.029999996943,1329.9199999964912,13455.159999997704,13580.439999997907,13999.920000002021,14006.184999998368,14574.254999999539,14610.240000001795,14610.489999999118,14611.199999999371,14611.414999999397,14611.609999999928,14611.85000000114,14612.034999998286,14612.240000002203,14612.459999996645,14612.694999996165,14612.965000000258,14614.334999998391,14637.889999998151,14802.369999997609,15892.234999999346,16.159,16.159],16064.20999999682,163.01999999996042,1673.84999999922,1674.4049999979325,1674.895000003744,1675.9600000004866,1676.5999999988708,168.85999999794876,16846.910000000207,169.82999999891035,17086.069999997562,17173.029999998107,17269.019999999728,175.19000000174856,17511.364999998477,17586.794999995618,17620.02499999653,17802.589999999327,17974.94000</t>
  </si>
  <si>
    <t>0;0.328;0.333;0.441;0.462];0.481;0.548;0.565;0.565];0.668;0.683];0.697];0.926;0.929;0.938];0.941];0];1.055;1.146];1.822];1088.434999997844;109.20500000065658;11.237;11.537;12.38;12.883;12.883];12687.270000002172;1280.8899999945424;12947.840000000724;12953.029999996943;1329.9199999964912;13455.159999997704;13580.439999997907;13999.920000002021;14006.184999998368;14574.254999999539;14610.240000001795;14610.489999999118;14611.199999999371;14611.414999999397;14611.609999999928;14611.85000000114;14612.034999998286;14612.240000002203;14612.459999996645;14612.694999996165;14612.965000000258;14614.334999998391;14637.889999998151;14802.369999997609;15892.234999999346;16.159;16.159];16064.20999999682;163.01999999996042;1673.84999999922;1674.4049999979325;1674.895000003744;1675.9600000004866;1676.5999999988708;168.85999999794876;16846.910000000207;169.82999999891035;17086.069999997562;17173.029999998107;17269.019999999728;175.19000000174856;17511.364999998477;17586.794999995618;17620.02499999653;17802.589999999327;17974</t>
  </si>
  <si>
    <t>http://0,0.328,0.333,0.441,0.462],0.481,0.548,0.565,0.565],0.668,0.683],0.697],0.926,0.929,0.938],0.941],0],1.055,1.146],1.822],1088.434999997844,109.20500000065658,11.237,11.537,12.38,12.883,12.883],12687.270000002172,1280.8899999945424,12947.840000000724,12953.029999996943,1329.9199999964912,13455.159999997704,13580.439999997907,13999.920000002021,14006.184999998368,14574.254999999539,14610.240000001795,14610.489999999118,14611.199999999371,14611.414999999397,14611.609999999928,14611.85000000114,14612.034999998286,14612.240000002203,14612.459999996645,14612.694999996165,14612.965000000258,14614.334999998391,14637.889999998151,14802.369999997609,15892.234999999346,16.159,16.159],16064.20999999682,163.01999999996042,1673.84999999922,1674.4049999979325,1674.895000003744,1675.9600000004866,1676.5999999988708,168.85999999794876,16846.910000000207,169.82999999891035,17086.069999997562,17173.029999998107,17269.019999999728,175.19000000174856,17511.364999998477,17586.794999995618,17620.02499999653,17802.58999999932</t>
  </si>
  <si>
    <t>f922f336-5413-4fc9-bb49-205bcb2fafc9.tmp</t>
  </si>
  <si>
    <t>\\acsfs\profiles$\geovannasm\Downloads\f922f336-5413-4fc9-bb49-205bcb2fafc9.tmp</t>
  </si>
  <si>
    <t>7f0c57c2-ca7c-4ccd-a027-6bb7bfe5c898.tmp</t>
  </si>
  <si>
    <t>\\acsfs\profiles$\luanaagl\Downloads\7f0c57c2-ca7c-4ccd-a027-6bb7bfe5c898.tmp</t>
  </si>
  <si>
    <t>23ba6cf4-cddb-4e2a-949a-f6eac0fc807a.tmp</t>
  </si>
  <si>
    <t>\\acsfs\profiles$\KARENDSR\Downloads\23ba6cf4-cddb-4e2a-949a-f6eac0fc807a.tmp</t>
  </si>
  <si>
    <t>33e438f8-a9c8-4b86-a889-e417cdfc62e1.tmp</t>
  </si>
  <si>
    <t>\\acsfs\profiles$\KARENDSR\Downloads\33e438f8-a9c8-4b86-a889-e417cdfc62e1.tmp</t>
  </si>
  <si>
    <t>4e6ab87c-8b22-498e-9d13-276d39fb41da.tmp</t>
  </si>
  <si>
    <t>\\acsfs\profiles$\KARENDSR\Downloads\4e6ab87c-8b22-498e-9d13-276d39fb41da.tmp</t>
  </si>
  <si>
    <t>Lista empresas SP.xlsx</t>
  </si>
  <si>
    <t>mail.google.com/sync/u/0/i/s?hl=pt-BR&amp;c=477</t>
  </si>
  <si>
    <t>mail.google.com/sync/u/0/i/s?hl=pt-BR&amp;c=479</t>
  </si>
  <si>
    <t>mail.google.com/_/upload?authuser=0&amp;dcp=asu-n&amp;upload_id=AEnB2Ur-jeFj6OSlRzzqzW0rTrP37GCXd0wnVqM1UopjF7Zb_EjK1GPfN9TZQoA-HPgThroAR03Alj3d6QblaW_3IMfglg0KCA&amp;upload_protocol=resumable</t>
  </si>
  <si>
    <t>http:///batch?%24ct=multipart%2Fmixed%3B%20boundary%3D%22%3D%3D%3D%3D%3D6abnv625lkme%3D%3D%3D%3D%3D%22&amp;key=AIzaSyAy9VVXHSpS2IJpptzYtGbLP3-3_l0aBk4</t>
  </si>
  <si>
    <t>7c0c367e-48a6-4454-8c28-39b9de9a066b.tmp</t>
  </si>
  <si>
    <t>\\acsfs\profiles$\ayalabfi\Downloads\7c0c367e-48a6-4454-8c28-39b9de9a066b.tmp</t>
  </si>
  <si>
    <t>d275f11b-0ac2-4ac9-9c88-539284200cd0.tmp</t>
  </si>
  <si>
    <t>\\acsfs\profiles$\ayalabfi\Downloads\d275f11b-0ac2-4ac9-9c88-539284200cd0.tmp</t>
  </si>
  <si>
    <t>1c107a92-43d1-429d-9a42-327e6c666695.tmp</t>
  </si>
  <si>
    <t>\\acsfs\profiles$\ayalabfi\Downloads\1c107a92-43d1-429d-9a42-327e6c666695.tmp</t>
  </si>
  <si>
    <t>6626e43c-cc43-41cf-98a3-da4cbe76682f.tmp</t>
  </si>
  <si>
    <t>\\acsfs\profiles$\ayalabfi\Downloads\6626e43c-cc43-41cf-98a3-da4cbe76682f.tmp</t>
  </si>
  <si>
    <t>db86665e-a5d5-4e1c-804e-89b3dfa3c63e.tmp</t>
  </si>
  <si>
    <t>\\acsfs\profiles$\cintiadcf\Downloads\db86665e-a5d5-4e1c-804e-89b3dfa3c63e.tmp</t>
  </si>
  <si>
    <t>10.200.66.188</t>
  </si>
  <si>
    <t>74-86-7A-FB-1A-03</t>
  </si>
  <si>
    <t>VOTORANT-WB009</t>
  </si>
  <si>
    <t>kellyac</t>
  </si>
  <si>
    <t>https://parceiro.metlife.com.br/cotadorml/implantador/propostas/cadproposta.aspx</t>
  </si>
  <si>
    <t>10.200.60.218</t>
  </si>
  <si>
    <t>64-1C-67-9C-32-E5</t>
  </si>
  <si>
    <t>NB-NATALIAMAM</t>
  </si>
  <si>
    <t>nataliamam</t>
  </si>
  <si>
    <t>C:\Users\nataliamam\Desktop\</t>
  </si>
  <si>
    <t>BOT Brastemp_Consul Services (1).xlsx</t>
  </si>
  <si>
    <t>0]_x0003_��!,1578436513688,3,407149124,[],[]]],ancestorhasaugmentedpermissions,containsunsubscribedchildren,displayname,domain,emailaddress,explicitlytrashed,false,filesize,fxlqr6o4m3rmsedvxpddmi--phgxdv-wsqsb-beehlxyaenof9qu8nceayouwowwfooxs2a_eeegygagdfx7lnhutg7bwcoxanqbjrxpe\",hasthumbnail,hasvisitorpermissions,id,id),items(kind,ken,lastmodifyinguser(kind,lastviewedbymedate,mimetype,modifiedbymedate,modifieddate,null,ontainsunsubscribedchildren,owners(kind,permissionid,picture,shared,sharedwithmedate,thumbnailversion,title,true]",userpermission(role),workspaceids</t>
  </si>
  <si>
    <t>lu120163sty3s.tmp</t>
  </si>
  <si>
    <t>\\acsfs\profiles$\CLAUDIAJCA\lu120163sty3s.tmp</t>
  </si>
  <si>
    <t>\\acsfs\profiles$\CLAUDIAJCA\lu120163sty3s.tmp\</t>
  </si>
  <si>
    <t>\\acsfs\profiles$\CLAUDIAJCA\lu120163sty3s.tmp\META-INF\</t>
  </si>
  <si>
    <t>\\acsfs\profiles$\CLAUDIAJCA\lu120163sty3s.tmp\Thumbnails\</t>
  </si>
  <si>
    <t>87cbe69d-e889-4ebd-aa32-9015f49a9b4a.tmp</t>
  </si>
  <si>
    <t>\\acsfs\profiles$\lorrainerdl\Downloads\87cbe69d-e889-4ebd-aa32-9015f49a9b4a.tmp</t>
  </si>
  <si>
    <t>66d0e487-cc3d-4e37-962c-a5323f6fd8a4.tmp</t>
  </si>
  <si>
    <t>\\acsfs\profiles$\lorrainerdl\Downloads\66d0e487-cc3d-4e37-962c-a5323f6fd8a4.tmp</t>
  </si>
  <si>
    <t>a063018b-0320-405f-a819-e0f46ba2a79a.tmp</t>
  </si>
  <si>
    <t>\\acsfs\profiles$\lorrainerdl\Downloads\a063018b-0320-405f-a819-e0f46ba2a79a.tmp</t>
  </si>
  <si>
    <t>f8134642-0f95-458d-af51-5b571e3b3c21.tmp</t>
  </si>
  <si>
    <t>\\acsfs\profiles$\lorrainerdl\Downloads\f8134642-0f95-458d-af51-5b571e3b3c21.tmp</t>
  </si>
  <si>
    <t>217490cc-37c0-41f5-8281-8b77b0c6c3d9.tmp</t>
  </si>
  <si>
    <t>\\acsfs\profiles$\lorrainerdl\Downloads\217490cc-37c0-41f5-8281-8b77b0c6c3d9.tmp</t>
  </si>
  <si>
    <t>10.12.242.8</t>
  </si>
  <si>
    <t>5e79f424-7198-42d8-976a-c1da31ae5855.tmp</t>
  </si>
  <si>
    <t>\\acsfs\profiles$\victoriaksr\Downloads\5e79f424-7198-42d8-976a-c1da31ae5855.tmp</t>
  </si>
  <si>
    <t>1c65af60-11d1-4a72-8c9e-61fc308da281.tmp</t>
  </si>
  <si>
    <t>\\acsfs\profiles$\victoriaksr\Downloads\1c65af60-11d1-4a72-8c9e-61fc308da281.tmp</t>
  </si>
  <si>
    <t>$I1YIO7P.ica</t>
  </si>
  <si>
    <t>\\acsfs\profiles$\victoriaksr\Downloads\$RECYCLE.BIN\$I1YIO7P.ica</t>
  </si>
  <si>
    <t>$IGYLQPL.ica</t>
  </si>
  <si>
    <t>\\acsfs\profiles$\victoriaksr\Downloads\$RECYCLE.BIN\$IGYLQPL.ica</t>
  </si>
  <si>
    <t>c8df5e49-3ed1-4c21-abe2-2cfdfefcd916.tmp</t>
  </si>
  <si>
    <t>\\acsfs\profiles$\lorraynevam\Downloads\c8df5e49-3ed1-4c21-abe2-2cfdfefcd916.tmp</t>
  </si>
  <si>
    <t>\\acsfs\DEPTOS\Operacao\PCP\5 - Comum\PLANEJAMENTO BV\22 - BANCO DE DADOS BV\CARTÕES\</t>
  </si>
  <si>
    <t>ID's para alteração.xlsx</t>
  </si>
  <si>
    <t>\\acsfs\DEPTOS\Operacao\PCP\5 - Comum\PLANEJAMENTO BV\22 - BANCO DE DADOS BV\CARTÕES\ID's para alteração.xlsx</t>
  </si>
  <si>
    <t>http:///batch?%24ct=multipart%2Fmixed%3B%20boundary%3D%22%3D%3D%3D%3D%3D6nx5dqmo9lir%3D%3D%3D%3D%3D%22&amp;key=AIzaSyAy9VVXHSpS2IJpptzYtGbLP3-3_l0aBk4</t>
  </si>
  <si>
    <t>ancest;ancestorhasaugmentedpermissions;containsunsubscribedchildren;displayname;domain;emailaddress;explicitlytrashed;filesize;hasthumbnail;hasthumbnail�;hasvisitorpermissions;id;id);items(kind;ken;lastmodifyinguser(kind;lastviewedbymedate;mimetype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thumbnail,hasthumbnail�,hasvisitorpermissions,id,id),items(kind,ken,lastmodifyinguser(kind,lastviewedbymedate,mimetype,modifiedbymedate,modifieddate,ontainsunsubscribedchildren,owners(kind,permissionid,pictu,picture,rpermissions,shared,sharedwithmedate,thumbnailversion,title,userpermission(role),workspaceids</t>
  </si>
  <si>
    <t>BD Equipe Skill Especifico.xlsx</t>
  </si>
  <si>
    <t>ancest,ancestorhasaugmentedpermissions,containsunsubscribedchildren,displayname,domain,emailaddress,explicitlytrashed,filesize,hasthumbnail,hasthumbnail�,hasvisitorpermissions,id,id),items(kind,ken,lastmodifyinguser(kind,lastviewedbymedate,mimetype,modifiedbymedate,modifieddate,ontainsunsubscribedchildren,owners(kind,permissionid,pictu,picture,rpermissions,shared,sharedwithmedate,thumbnailversion,title,userpermission(role),workspaceids</t>
  </si>
  <si>
    <t>3xh===== conten;ancest;ancestorhasaugmentedpermissions;containsunsubscribedchildren;displayname;domain;emailaddress;explicitlytrashed;filesize;hasthumbnail;hasthumbnail�;hasvisitorpermissions;id;id);items(kind;ken;lastmodifyinguser(kind;lastviewedbymedate;mimetype;modifiedbymedate;modifieddate;ontainsunsubscribedchildren;owners(kind;permissionid;pictu;picture;rpermissions;shared;sharedwithmedate;thumbnailversion;title;userpermission(role);workspaceids;</t>
  </si>
  <si>
    <t>http://3xh===== conten,ancest,ancestorhasaugmentedpermissions,containsunsubscribedchildren,displayname,domain,emailaddress,explicitlytrashed,filesize,hasthumbnail,hasthumbnail�,hasvisitorpermissions,id,id),items(kind,ken,lastmodifyinguser(kind,lastviewedbymedate,mimetyp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r0hfb0xqab1w%3D%3D%3D%3D%3D%22&amp;key=AIzaSyAy9VVXHSpS2IJpptzYtGbLP3-3_l0aBk4</t>
  </si>
  <si>
    <t>3xh===== conten;ancest;ancestorhasaugmentedpermissions;containsunsubscribedchildren;displayname;domain;emailaddress;explicitlytrashed;file(kind;fileid;filesize;hasthumbnail;hasthumbnail�;hasvisitorpermissions;id;id);items(deleted;items(kind;ken;kind;lastmodifyinguser(kind;lastviewedbymedate;mimetype;modifiedbymedate;modifieddate;ontainsunsubscribedchildren;owners(kind;per;permissionid;pictu;picture;rpermissions;shared;sharedwithmedate;thumbnailversion;title;userpermission(role);workspaceids;</t>
  </si>
  <si>
    <t>http://3xh===== conten,ancest,ancestorhasaugmentedpermissions,containsunsubscribedchildren,displayname,domain,emailaddress,explicitlytrashed,file(kind,fileid,filesize,hasthumbnail,hasthumbnail�,hasvisitorpermissions,id,id),items(deleted,items(kind,ken,kind,lastmodifyinguser(kind,lastviewedbymedate,mimetyp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rccpmzizuzwu%3D%3D%3D%3D%3D%22&amp;key=AIzaSyAy9VVXHSpS2IJpptzYtGbLP3-3_l0aBk4</t>
  </si>
  <si>
    <t>3xh===== conten;ancest;ancestorhasaugmentedpermissions;containsunsubscribedchildren;displayname;domain;emailaddress;explicitlytrashed;file(kind;fileid;filesize;hasthumbnail;hasthumbnail�;hasvisitorpermissions;id;id);items(deleted;items(kind;ken;kind;lastmodifyinguser(kind;lastviewedbymedate;mimetype;modifiedbymedate;modifieddate;ontainsunsubscribedchildren;owners(kind;per;permissionid;pictu;picture;pmzizuzwu=;rpermissions;shared;sharedwithmedate;thumbnailversion;title;userpermission(role);workspaceids;</t>
  </si>
  <si>
    <t>http://3xh===== conten,ancest,ancestorhasaugmentedpermissions,containsunsubscribedchildren,displayname,domain,emailaddress,explicitlytrashed,file(kind,fileid,filesize,hasthumbnail,hasthumbnail�,hasvisitorpermissions,id,id),items(deleted,items(kind,ken,kind,lastmodifyinguser(kind,lastviewedbymedate,mimetype,modifiedbymedate,modifieddate,ontainsunsubscribedchildren,owners(kind,per,permissionid,pictu,picture,pmzizuzwu=,rpermissions,shared,sharedwithmedate,thumbnailversion,title,userpermission(role),workspaceids</t>
  </si>
  <si>
    <t>http:///batch?%24ct=multipart%2Fmixed%3B%20boundary%3D%22%3D%3D%3D%3D%3Dhwpohmnbghme%3D%3D%3D%3D%3D%22&amp;key=AIzaSyAy9VVXHSpS2IJpptzYtGbLP3-3_l0aBk4</t>
  </si>
  <si>
    <t>http:///batch?%24ct=multipart%2Fmixed%3B%20boundary%3D%22%3D%3D%3D%3D%3D2fznpqinihqj%3D%3D%3D%3D%3D%22&amp;key=AIzaSyAy9VVXHSpS2IJpptzYtGbLP3-3_l0aBk4</t>
  </si>
  <si>
    <t>http:///batch?%24ct=multipart%2Fmixed%3B%20boundary%3D%22%3D%3D%3D%3D%3D35o09l1bhqtr%3D%3D%3D%3D%3D%22&amp;key=AIzaSyAy9VVXHSpS2IJpptzYtGbLP3-3_l0aBk4</t>
  </si>
  <si>
    <t>http:///batch?%24ct=multipart%2Fmixed%3B%20boundary%3D%22%3D%3D%3D%3D%3D9vh91ecxc8a7%3D%3D%3D%3D%3D%22&amp;key=AIzaSyAy9VVXHSpS2IJpptzYtGbLP3-3_l0aBk4</t>
  </si>
  <si>
    <t>http:///batch?%24ct=multipart%2Fmixed%3B%20boundary%3D%22%3D%3D%3D%3D%3Dgzaweujf0872%3D%3D%3D%3D%3D%22&amp;key=AIzaSyAy9VVXHSpS2IJpptzYtGbLP3-3_l0aBk4</t>
  </si>
  <si>
    <t>http:///batch?%24ct=multipart%2Fmixed%3B%20boundary%3D%22%3D%3D%3D%3D%3D6ctuzuve82ef%3D%3D%3D%3D%3D%22&amp;key=AIzaSyAy9VVXHSpS2IJpptzYtGbLP3-3_l0aBk4</t>
  </si>
  <si>
    <t>http:///batch?%24ct=multipart%2Fmixed%3B%20boundary%3D%22%3D%3D%3D%3D%3Dq58nw8dxvusf%3D%3D%3D%3D%3D%22&amp;key=AIzaSyAy9VVXHSpS2IJpptzYtGbLP3-3_l0aBk4</t>
  </si>
  <si>
    <t>http:///batch?%24ct=multipart%2Fmixed%3B%20boundary%3D%22%3D%3D%3D%3D%3D376pinspaz3h%3D%3D%3D%3D%3D%22&amp;key=AIzaSyAy9VVXHSpS2IJpptzYtGbLP3-3_l0aBk4</t>
  </si>
  <si>
    <t>http:///batch?%24ct=multipart%2Fmixed%3B%20boundary%3D%22%3D%3D%3D%3D%3Djqdew1ucy624%3D%3D%3D%3D%3D%22&amp;key=AIzaSyAy9VVXHSpS2IJpptzYtGbLP3-3_l0aBk4</t>
  </si>
  <si>
    <t>lu107809isukf.tmp</t>
  </si>
  <si>
    <t>\\acsfs\profiles$\CINTIADCF\lu107809isukf.tmp</t>
  </si>
  <si>
    <t>\\acsfs\profiles$\CINTIADCF\lu107809isukf.tmp\</t>
  </si>
  <si>
    <t>\\acsfs\profiles$\CINTIADCF\lu107809isukf.tmp\META-INF\</t>
  </si>
  <si>
    <t>\\acsfs\profiles$\CINTIADCF\lu107809isukf.tmp\Thumbnails\</t>
  </si>
  <si>
    <t>marcospr@algartech.com</t>
  </si>
  <si>
    <t>mail.google.com/_/upload?authuser=0&amp;dcp=asu-n&amp;upload_id=AEnB2UpMoZmjrUtqReX5sdhnloQdHDPa7EfaxYyDMvdeEuE-m6F9Q130paZKeg2ox0W7NfASmPyz3KNBt_ybsvGvkucwjNGE7VQ02_TYaYK63Km0MnDCFYM&amp;upload_protocol=resumable</t>
  </si>
  <si>
    <t>alizenetemf@algartech.com;andrelts@algartech.com;brenocfm@algartech.com;carlos.florencio@algartech.com;carloselo@algartech.com;celsoadsj@algartech.com;edilson@algartech.com;eunice.pimenta@algartech.com;fernando.dias@genesys.com;hugooc@algartech.com;ivancj@algartech.com;joaobab@algartech.com;karinars@algartech.com;kenias@gmail.com;marcielms@algartech.com;marianagso@algartech.com;rodrigombu@algartech.com;rodrigombu@algartecnologia.com;rodrigombu@algartecnologia.com.br;rogeriogca@algartech.com;rosilenedlf@algartech.com;viniciusgt@algartech.com;</t>
  </si>
  <si>
    <t>SERV SEG N1 ASSURANT.xlsx</t>
  </si>
  <si>
    <t>alizenetemf@algartech.com,andrelts@algartech.com,brenocfm@algartech.com,carlos.florencio@algartech.com,carloselo@algartech.com,celsoadsj@algartech.com,edilson@algartech.com,eunice.pimenta@algartech.com,fernando.dias@genesys.com,hugooc@algartech.com,ivancj@algartech.com,joaobab@algartech.com,karinars@algartech.com,kenias@gmail.com,marcielms@algartech.com,marianagso@algartech.com,rodrigombu@algartech.com,rodrigombu@algartecnologia.com,rodrigombu@algartecnologia.com.br,rogeriogca@algartech.com,rosilenedlf@algartech.com,viniciusgt@algartech.com</t>
  </si>
  <si>
    <t>10.200.57.56</t>
  </si>
  <si>
    <t>20-04-0F-FD-A5-36</t>
  </si>
  <si>
    <t>NB-MARCOPAULOLR</t>
  </si>
  <si>
    <t>marcopaulolr</t>
  </si>
  <si>
    <t>mail.google.com/_/upload?authuser=0&amp;dcp=asu-n&amp;upload_id=AEnB2UopczfvpcVc7yCQTsixOwE6EdzJtjLI1wq_WcoeLh5dCCNV8aGXST9dYI7DE58ejQ0LHWDJ5ERGm8n4Z53_v4-hBznO1qBinNuyI4BBHsmXC0PRnSQ&amp;upload_protocol=resumable</t>
  </si>
  <si>
    <t>C:\Marcopaulo\09 STAFF DIGITAL\</t>
  </si>
  <si>
    <t>Staff Digital Real Dezembro.xlsx</t>
  </si>
  <si>
    <t>marcopaulolr@algartech.com</t>
  </si>
  <si>
    <t>mail.google.com/_/upload?authuser=0&amp;dcp=asu-n&amp;upload_id=AEnB2UqmOFiYpZvA08LVY1LNCytErWr1oaEFYwlSNQtxtXS6mo631hyF7UpOYIdF5bsCbxMuc0CcD3Fu-Km9uk8Zegf0btcl1X9VwRj5qk9zECAsWjkcpEg&amp;upload_protocol=resumable</t>
  </si>
  <si>
    <t>Crescimento com BP Dezembro.xlsx</t>
  </si>
  <si>
    <t>PAMELA MARIA CRISTINA MACEDO DA SILVA GUEDES (8).contact</t>
  </si>
  <si>
    <t>\\acsfs\profiles$\pamelamcmdsg\Contacts\PAMELA MARIA CRISTINA MACEDO DA SILVA GUEDES (8).contact</t>
  </si>
  <si>
    <t>c173084f-8bc5-4f77-a3ef-faf667142d02.tmp</t>
  </si>
  <si>
    <t>\\acsfs\profiles$\pamelamcmdsg\Downloads\c173084f-8bc5-4f77-a3ef-faf667142d02.tmp</t>
  </si>
  <si>
    <t>Não confirmado 575184.crdownload</t>
  </si>
  <si>
    <t>\\acsfs\profiles$\pamelamcmdsg\Downloads\Não confirmado 575184.crdownload</t>
  </si>
  <si>
    <t>ad7fe688-8003-49d9-bb90-5495be9eb804.tmp</t>
  </si>
  <si>
    <t>\\acsfs\profiles$\victoriaksr\Downloads\ad7fe688-8003-49d9-bb90-5495be9eb804.tmp</t>
  </si>
  <si>
    <t>10.200.66.21</t>
  </si>
  <si>
    <t>d6939a7d-74e2-4e4a-8546-6038711e1548.tmp</t>
  </si>
  <si>
    <t>\\acsfs\profiles$\lorraynevam\Downloads\d6939a7d-74e2-4e4a-8546-6038711e1548.tmp</t>
  </si>
  <si>
    <t>519a3e63-b217-4fac-9c24-53e5c5ece69c.tmp</t>
  </si>
  <si>
    <t>\\acsfs\profiles$\lorraynevam\Downloads\519a3e63-b217-4fac-9c24-53e5c5ece69c.tmp</t>
  </si>
  <si>
    <t>http:///batch?%24ct=multipart%2Fmixed%3B%20boundary%3D%22%3D%3D%3D%3D%3D8gd4qmushoel%3D%3D%3D%3D%3D%22&amp;key=AIzaSyAy9VVXHSpS2IJpptzYtGbLP3-3_l0aBk4</t>
  </si>
  <si>
    <t>http:///batch?%24ct=multipart%2Fmixed%3B%20boundary%3D%22%3D%3D%3D%3D%3Dw6v11wkuxd5q%3D%3D%3D%3D%3D%22&amp;key=AIzaSyAy9VVXHSpS2IJpptzYtGbLP3-3_l0aBk4</t>
  </si>
  <si>
    <t>1;1578482283785;1738007010;[];[]]];ancest;containsunsubscribedchildren;displayname;domain;emailaddress;false;filesize;id);lastmodifyinguser(kind;lastviewedbymedate;modifiedbymedate;null;ontainsunsubscribedchildren;owners(kind;permissionid;pictu;picture;rpermissions;true]";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;vxd5874j_rcxytdcakyaqcq4lriewtnjwmfrnjuv2-4muryr1woqdsmriyrxpb6q0jomgaedsibdjbasd4smb8mgt27ilk1iuo3qlr_ieswztassn-4tzfhfs7rn7vgnzv_zjdkl8uk\";workspaceids;</t>
  </si>
  <si>
    <t>http://1,1578482283785,1738007010,[],[]]],ancest,containsunsubscribedchildren,displayname,domain,emailaddress,false,filesize,id),lastmodifyinguser(kind,lastviewedbymedate,modifiedbymedate,null,ontainsunsubscribedchildren,owners(kind,permissionid,pictu,picture,rpermissions,true]",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,vxd5874j_rcxytdcakyaqcq4lriewtnjwmfrnjuv2-4muryr1woqdsmriyrxpb6q0jomgaedsibdjbasd4smb8mgt27ilk1iuo3qlr_ieswztassn-4tzfhfs7rn7vgnzv_zjdkl8uk\",workspaceids</t>
  </si>
  <si>
    <t>http:///batch?%24ct=multipart%2Fmixed%3B%20boundary%3D%22%3D%3D%3D%3D%3Dacy11eghfjo9%3D%3D%3D%3D%3D%22&amp;key=AIzaSyAy9VVXHSpS2IJpptzYtGbLP3-3_l0aBk4</t>
  </si>
  <si>
    <t>1;1578482283785;1738007010;[];[]]];ancest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;picture;rpermissions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;userpermission(role);vxd5874j_rcxytdcakyaqcq4lriewtnjwmfrnjuv2-4muryr1woqdsmriyrxpb6q0jomgaedsibdjbasd4smb8mgt27ilk1iuo3qlr_ieswztassn-4tzfhfs7rn7vgnzv_zjdkl8uk\";workspaceids;</t>
  </si>
  <si>
    <t>http://1,1578482283785,1738007010,[],[]]],ancest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,picture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,userpermission(role),vxd5874j_rcxytdcakyaqcq4lriewtnjwmfrnjuv2-4muryr1woqdsmriyrxpb6q0jomgaedsibdjbasd4smb8mgt27ilk1iuo3qlr_ieswztassn-4tzfhfs7rn7vgnzv_zjdkl8uk\",workspaceids</t>
  </si>
  <si>
    <t>http:///batch?%24ct=multipart%2Fmixed%3B%20boundary%3D%22%3D%3D%3D%3D%3D8nx0j8frl9qn%3D%3D%3D%3D%3D%22&amp;key=AIzaSyAy9VVXHSpS2IJpptzYtGbLP3-3_l0aBk4</t>
  </si>
  <si>
    <t>http:///batch?%24ct=multipart%2Fmixed%3B%20boundary%3D%22%3D%3D%3D%3D%3D59dg9obi5a2n%3D%3D%3D%3D%3D%22&amp;key=AIzaSyAy9VVXHSpS2IJpptzYtGbLP3-3_l0aBk4</t>
  </si>
  <si>
    <t>http:///batch?%24ct=multipart%2Fmixed%3B%20boundary%3D%22%3D%3D%3D%3D%3Dy383f0adnpmu%3D%3D%3D%3D%3D%22&amp;key=AIzaSyAy9VVXHSpS2IJpptzYtGbLP3-3_l0aBk4</t>
  </si>
  <si>
    <t>http:///batch?%24ct=multipart%2Fmixed%3B%20boundary%3D%22%3D%3D%3D%3D%3Debs9rsfn0q10%3D%3D%3D%3D%3D%22&amp;key=AIzaSyAy9VVXHSpS2IJpptzYtGbLP3-3_l0aBk4</t>
  </si>
  <si>
    <t>http:///batch?%24ct=multipart%2Fmixed%3B%20boundary%3D%22%3D%3D%3D%3D%3Danx7jbqgmqvs%3D%3D%3D%3D%3D%22&amp;key=AIzaSyAy9VVXHSpS2IJpptzYtGbLP3-3_l0aBk4</t>
  </si>
  <si>
    <t>0];1578483183727;1738007010;4;7r�p�� ��_x0017_�_x0012_&amp;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ve3qlr_isln-n7igrr0buldm8gxk212hey66ooonvmu\";userpermission(role);vxd5874j_rcxytdcakyaqcq4lriewtnjwmfrnjuv2-4muryr1woqdsmriyrxpb6q0jomgaedsibdjbasd4smb8mgt27ilk1ive3qlr_isln-n7igrr0buldm8gxk212hey66ooonvmu\";workspaceids;</t>
  </si>
  <si>
    <t>http://0],1578483183727,1738007010,4,7r�p�� ��_x0017_�_x0012_&amp;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ve3qlr_isln-n7igrr0buldm8gxk212hey66ooonvmu\",userpermission(role),vxd5874j_rcxytdcakyaqcq4lriewtnjwmfrnjuv2-4muryr1woqdsmriyrxpb6q0jomgaedsibdjbasd4smb8mgt27ilk1ive3qlr_isln-n7igrr0buldm8gxk212hey66ooonvmu\",workspaceids</t>
  </si>
  <si>
    <t>http:///batch?%24ct=multipart%2Fmixed%3B%20boundary%3D%22%3D%3D%3D%3D%3Dkxwr6ayc22mi%3D%3D%3D%3D%3D%22&amp;key=AIzaSyAy9VVXHSpS2IJpptzYtGbLP3-3_l0aBk4</t>
  </si>
  <si>
    <t>http:///batch?%24ct=multipart%2Fmixed%3B%20boundary%3D%22%3D%3D%3D%3D%3Dvxohv56ksij%3D%3D%3D%3D%3D%22&amp;key=AIzaSyAy9VVXHSpS2IJpptzYtGbLP3-3_l0aBk4</t>
  </si>
  <si>
    <t>f145430e-41af-48d0-ae72-4acfd87c4f43.tmp</t>
  </si>
  <si>
    <t>\\acsfs\profiles$\ayalabfi\Downloads\f145430e-41af-48d0-ae72-4acfd87c4f43.tmp</t>
  </si>
  <si>
    <t>666de018-203f-4cb3-a1c0-771ce37fadee.tmp</t>
  </si>
  <si>
    <t>\\acsfs\profiles$\ayalabfi\Downloads\666de018-203f-4cb3-a1c0-771ce37fadee.tmp</t>
  </si>
  <si>
    <t>2c274db1-9b06-4397-bc7b-2f86911964a8.tmp</t>
  </si>
  <si>
    <t>\\acsfs\profiles$\ayalabfi\Downloads\2c274db1-9b06-4397-bc7b-2f86911964a8.tmp</t>
  </si>
  <si>
    <t>84d90f09-60f4-45d2-b9ae-75b8ace9fe21.tmp</t>
  </si>
  <si>
    <t>\\acsfs\profiles$\cintiadcf\Downloads\84d90f09-60f4-45d2-b9ae-75b8ace9fe21.tmp</t>
  </si>
  <si>
    <t>54fd813a-a39e-4e40-b5c1-83c5c0542c05.tmp</t>
  </si>
  <si>
    <t>\\acsfs\profiles$\ALYNYA\Downloads\54fd813a-a39e-4e40-b5c1-83c5c0542c05.tmp</t>
  </si>
  <si>
    <t>fd7d4caf-f8d4-4642-bb7f-7df003c31cd3.tmp</t>
  </si>
  <si>
    <t>\\acsfs\profiles$\claudiajca\Downloads\fd7d4caf-f8d4-4642-bb7f-7df003c31cd3.tmp</t>
  </si>
  <si>
    <t>ad7c5c51-7b31-428f-851f-c28e818af15b.tmp</t>
  </si>
  <si>
    <t>\\acsfs\profiles$\rafaelahpn\Downloads\ad7c5c51-7b31-428f-851f-c28e818af15b.tmp</t>
  </si>
  <si>
    <t>\\acsfs\profiles$\rafaelahpn\Contacts\</t>
  </si>
  <si>
    <t>RAFAELA HELENA PEREIRA NUNES (10665).contact</t>
  </si>
  <si>
    <t>\\acsfs\profiles$\rafaelahpn\Contacts\RAFAELA HELENA PEREIRA NUNES (10665).contact</t>
  </si>
  <si>
    <t>f6a9e9ce-4e2a-4642-82de-a60061e981da.tmp</t>
  </si>
  <si>
    <t>\\acsfs\profiles$\larissaad\Downloads\f6a9e9ce-4e2a-4642-82de-a60061e981da.tmp</t>
  </si>
  <si>
    <t>13985eb6-692c-4f50-a8fd-c03155dfeb73.tmp</t>
  </si>
  <si>
    <t>\\acsfs\profiles$\larissaad\Downloads\13985eb6-692c-4f50-a8fd-c03155dfeb73.tmp</t>
  </si>
  <si>
    <t>5cf83044-c104-4577-8e09-fb9afcbe5b36.tmp</t>
  </si>
  <si>
    <t>\\acsfs\profiles$\larissaad\Downloads\5cf83044-c104-4577-8e09-fb9afcbe5b36.tmp</t>
  </si>
  <si>
    <t>tarefa dando erro.PNG</t>
  </si>
  <si>
    <t>\\acsfs\profiles$\nayarasds\Downloads\tarefa dando erro.PNG</t>
  </si>
  <si>
    <t>http:///batch?%24ct=multipart%2Fmixed%3B%20boundary%3D%22%3D%3D%3D%3D%3Datdqd6fvme40%3D%3D%3D%3D%3D%22&amp;key=AIzaSyAy9VVXHSpS2IJpptzYtGbLP3-3_l0aBk4</t>
  </si>
  <si>
    <t>1578483218686000]]]eids;ancestorhasaugmentedpermissions;containsunsubscribedchildren;displayname;domain;emailaddress;file(kind;fileid;filesize;hasthumbnail;hasvisitorpermissions;id;id);items(deleted;ken;ken=ac4w5vix_z5c3vm9ln1dolghdosvr2cejg:1578482277703&amp;buildlabel=drive.web-frontend_20191211.00_p1;kind;lastmodifyinguser(kind;lastviewedbymedate;modifiedbymedate;modifieddate;motq3mze4otg5odazecozwc9rynzcgas=";ontainsunsubscribedchildren;owners(kind;per;permissionid;picture;shared;sharedwithmedate;thumbnailversion;title;userpermission(role);workspaceids;</t>
  </si>
  <si>
    <t>http://1578483218686000]]]eids,ancestorhasaugmentedpermissions,containsunsubscribedchildren,displayname,domain,emailaddress,file(kind,fileid,filesize,hasthumbnail,hasvisitorpermissions,id,id),items(deleted,ken,ken=ac4w5vix_z5c3vm9ln1dolghdosvr2cejg:1578482277703&amp;buildlabel=drive.web-frontend_20191211.00_p1,kind,lastmodifyinguser(kind,lastviewedbymedate,modifiedbymedate,modifieddate,motq3mze4otg5odazecozwc9rynzcgas=",ontainsunsubscribedchildren,owners(kind,per,permissionid,picture,shared,sharedwithmedate,thumbnailversion,title,userpermission(role),workspaceids</t>
  </si>
  <si>
    <t>http:///batch?%24ct=multipart%2Fmixed%3B%20boundary%3D%22%3D%3D%3D%3D%3D2gdiagr0cvjh%3D%3D%3D%3D%3D%22&amp;key=AIzaSyAy9VVXHSpS2IJpptzYtGbLP3-3_l0aBk4</t>
  </si>
  <si>
    <t>5aab398c-7757-40b9-a66a-dbd3db12cc78.tmp</t>
  </si>
  <si>
    <t>\\acsfs\profiles$\ayalabfi\Downloads\5aab398c-7757-40b9-a66a-dbd3db12cc78.tmp</t>
  </si>
  <si>
    <t>41ca3fde-c7b8-4eb9-8170-bc2fae856b1e.tmp</t>
  </si>
  <si>
    <t>\\acsfs\profiles$\cintiadcf\Downloads\41ca3fde-c7b8-4eb9-8170-bc2fae856b1e.tmp</t>
  </si>
  <si>
    <t>\\acsfs\DEPTOS\Operacao\Banco_Votorantim\Qualidade\Eliane\TRÉPLICA DEZEMBRO-MUTANT\</t>
  </si>
  <si>
    <t>1° Ciclo Dezembro.txt</t>
  </si>
  <si>
    <t>\\acsfs\DEPTOS\Operacao\Banco_Votorantim\Qualidade\Eliane\TRÉPLICA DEZEMBRO-MUTANT\1° Ciclo Dezembro.txt</t>
  </si>
  <si>
    <t>C:\Users\kesiadof\Downloads\</t>
  </si>
  <si>
    <t>Dimensionamento_Janeiro_Cartões.xlsx</t>
  </si>
  <si>
    <t>\\acsfs\Deptos\EDUCACAO EMPRESARIAL\KÉSIA\Dimensionamento_Janeiro_Cartões.xlsx</t>
  </si>
  <si>
    <t>\\acsfs\Deptos\EDUCACAO EMPRESARIAL\KÉSIA\Dimensionamento_Janeiro_Cartões.xlsx\</t>
  </si>
  <si>
    <t>\\acsfs\Deptos\EDUCACAO EMPRESARIAL\KÉSIA\Dimensionamento_Janeiro_Cartões.xlsx\:Zone.Identifier:$DATA</t>
  </si>
  <si>
    <t>LOG CHAMADAS DETALHADO - BV CARTÕES - DEZ-19.xlsx</t>
  </si>
  <si>
    <t>\\acsfs\Deptos\EDUCACAO EMPRESARIAL\KÉSIA\LOG CHAMADAS DETALHADO - BV CARTÕES - DEZ-19.xlsx</t>
  </si>
  <si>
    <t>\\acsfs\Deptos\EDUCACAO EMPRESARIAL\KÉSIA\LOG CHAMADAS DETALHADO - BV CARTÕES - DEZ-19.xlsx\</t>
  </si>
  <si>
    <t>\\acsfs\Deptos\EDUCACAO EMPRESARIAL\KÉSIA\LOG CHAMADAS DETALHADO - BV CARTÕES - DEZ-19.xlsx\:Zone.Identifier:$DATA</t>
  </si>
  <si>
    <t>\\acsfs\Deptos\EDUCACAO EMPRESARIAL\KÉSIA\LOG CHAMADAS DETALHADO - BV CARTÕES DEZ_JAN.xlsx</t>
  </si>
  <si>
    <t>\\acsfs\Deptos\EDUCACAO EMPRESARIAL\KÉSIA\LOG CHAMADAS DETALHADO - BV CARTÕES DEZ_JAN.xlsx\</t>
  </si>
  <si>
    <t>\\acsfs\Deptos\EDUCACAO EMPRESARIAL\KÉSIA\LOG CHAMADAS DETALHADO - BV CARTÕES DEZ_JAN.xlsx\:Zone.Identifier:$DATA</t>
  </si>
  <si>
    <t>\\acsfs\Deptos\EDUCACAO EMPRESARIAL\KÉSIA\Pasta1.xlsx</t>
  </si>
  <si>
    <t>C:\Users\kesiadof\Downloads\ALERTA DE ATENDIMENTO.xlsx\</t>
  </si>
  <si>
    <t>\\acsfs\Deptos\EDUCACAO EMPRESARIAL\KÉSIA\ALERTA DE ATENDIMENTO.xlsx</t>
  </si>
  <si>
    <t>hdphoto3.wdp</t>
  </si>
  <si>
    <t>hdphoto4.wdp</t>
  </si>
  <si>
    <t>hdphoto5.wdp</t>
  </si>
  <si>
    <t>hdphoto6.wdp</t>
  </si>
  <si>
    <t>ALERTA DE ATENDIMENTO.xlsx</t>
  </si>
  <si>
    <t>\\acsfs\Deptos\EDUCACAO EMPRESARIAL\KÉSIA\ALERTA DE ATENDIMENTO.xlsx\</t>
  </si>
  <si>
    <t>\\acsfs\Deptos\EDUCACAO EMPRESARIAL\KÉSIA\ALERTA DE ATENDIMENTO.xlsx\:Zone.Identifier:$DATA</t>
  </si>
  <si>
    <t>BANCO DE DADOS - OPERAÇÃO.xlsx</t>
  </si>
  <si>
    <t>\\acsfs\Deptos\EDUCACAO EMPRESARIAL\KÉSIA\BANCO DE DADOS - OPERAÇÃO.xlsx</t>
  </si>
  <si>
    <t>\\acsfs\Deptos\EDUCACAO EMPRESARIAL\KÉSIA\BANCO DE DADOS - OPERAÇÃO.xlsx\</t>
  </si>
  <si>
    <t>\\acsfs\Deptos\EDUCACAO EMPRESARIAL\KÉSIA\BANCO DE DADOS - OPERAÇÃO.xlsx\:Zone.Identifier:$DATA</t>
  </si>
  <si>
    <t>175393d0-b06a-405b-839a-6f1c8211894e.tmp</t>
  </si>
  <si>
    <t>\\acsfs\profiles$\nataliacsl\Downloads\175393d0-b06a-405b-839a-6f1c8211894e.tmp</t>
  </si>
  <si>
    <t>2dd31108-1802-4fdf-b0bc-c49dd2a80b88.tmp</t>
  </si>
  <si>
    <t>\\acsfs\profiles$\rafaelahpn\Downloads\2dd31108-1802-4fdf-b0bc-c49dd2a80b88.tmp</t>
  </si>
  <si>
    <t>\\acsfs\profiles$\danielmlds\Contacts\</t>
  </si>
  <si>
    <t>DANIEL MARINHO LIMA DA SILVA (11).contact</t>
  </si>
  <si>
    <t>\\acsfs\profiles$\danielmlds\Contacts\DANIEL MARINHO LIMA DA SILVA (11).contact</t>
  </si>
  <si>
    <t>\\acsfs\profiles$\danielmlds\My Documents\My Videos\</t>
  </si>
  <si>
    <t>\\acsfs\profiles$\danielmlds\My Documents\My Videos\desktop.ini</t>
  </si>
  <si>
    <t>\\acsfs\profiles$\danielmlds\My Documents\My Pictures\</t>
  </si>
  <si>
    <t>\\acsfs\profiles$\danielmlds\My Documents\My Pictures\desktop.ini</t>
  </si>
  <si>
    <t>\\acsfs\profiles$\danielmlds\Contacts\desktop.ini</t>
  </si>
  <si>
    <t>\\acsfs\profiles$\danielmlds\Favorites\</t>
  </si>
  <si>
    <t>\\acsfs\profiles$\danielmlds\Favorites\desktop.ini</t>
  </si>
  <si>
    <t>\\acsfs\profiles$\danielmlds\My Documents\My Music\</t>
  </si>
  <si>
    <t>\\acsfs\profiles$\danielmlds\My Documents\My Music\desktop.ini</t>
  </si>
  <si>
    <t>\\acsfs\profiles$\danielmlds\Searches\</t>
  </si>
  <si>
    <t>\\acsfs\profiles$\danielmlds\Searches\desktop.ini</t>
  </si>
  <si>
    <t>\\acsfs\profiles$\danielmlds\Downloads\desktop.ini</t>
  </si>
  <si>
    <t>\\acsfs\profiles$\danielmlds\My Documents\</t>
  </si>
  <si>
    <t>\\acsfs\profiles$\danielmlds\My Documents\desktop.ini</t>
  </si>
  <si>
    <t>\\acsfs\profiles$\danielmlds\Saved Games\</t>
  </si>
  <si>
    <t>\\acsfs\profiles$\danielmlds\Saved Games\desktop.ini</t>
  </si>
  <si>
    <t>\\acsfs\profiles$\DANIELMLDS\Favorites\Links for Brasil\</t>
  </si>
  <si>
    <t>\\acsfs\profiles$\DANIELMLDS\Favorites\Links for Brasil\desktop.ini</t>
  </si>
  <si>
    <t>\\acsfs\profiles$\DANIELMLDS\Favorites\Links for Brasil\Microsoft Brasil.url</t>
  </si>
  <si>
    <t>\\acsfs\profiles$\DANIELMLDS\Favorites\Links for Brasil\Windows Brasil.url</t>
  </si>
  <si>
    <t>\\acsfs\profiles$\DANIELMLDS\Favorites\Links for Brasil\MSN Brasil.url</t>
  </si>
  <si>
    <t>07f7c477-23e7-4699-abb4-617d7ff63d58.tmp</t>
  </si>
  <si>
    <t>\\acsfs\profiles$\rafaelamsv\Downloads\07f7c477-23e7-4699-abb4-617d7ff63d58.tmp</t>
  </si>
  <si>
    <t>65f688b0-6d7d-4e47-801c-40dbcf9c4ffb.tmp</t>
  </si>
  <si>
    <t>\\acsfs\profiles$\rafaelamsv\Downloads\65f688b0-6d7d-4e47-801c-40dbcf9c4ffb.tmp</t>
  </si>
  <si>
    <t>29fbf41b-4b3e-4e29-a632-b2ae0927efa6.tmp</t>
  </si>
  <si>
    <t>\\acsfs\profiles$\rafaelamsv\Downloads\29fbf41b-4b3e-4e29-a632-b2ae0927efa6.tmp</t>
  </si>
  <si>
    <t>2473d20b-b1f6-4a83-94ea-e3cdfd8d661e.tmp</t>
  </si>
  <si>
    <t>\\acsfs\profiles$\BRUNAAR\Downloads\2473d20b-b1f6-4a83-94ea-e3cdfd8d661e.tmp</t>
  </si>
  <si>
    <t>100014122394468;catianalv@algartech.com;cpc-controldeskavon@algartech.com;joseasn@algartech.com;lucianarsantos@algartech.com;luiz.henriquesantos@avon.com;marianadjc@algartech.com;senildapdo@algartecnologia.com.br;</t>
  </si>
  <si>
    <t>100014122394468,catianalv@algartech.com,cpc-controldeskavon@algartech.com,joseasn@algartech.com,lucianarsantos@algartech.com,luiz.henriquesantos@avon.com,marianadjc@algartech.com,senildapdo@algartecnologia.com.br</t>
  </si>
  <si>
    <t>100014122394468;cpc-controldeskavon@algartech.com;joseasn@algartech.com;luiz.henriquesantos@avon.com;marianadjc@algartech.com;</t>
  </si>
  <si>
    <t>100014122394468,cpc-controldeskavon@algartech.com,joseasn@algartech.com,luiz.henriquesantos@avon.com,marianadjc@algartech.com</t>
  </si>
  <si>
    <t>joaogvc@algartech.com;katia.cardoso@bv.com.br;marianadjc@algartech.com;planejamentodeoperacoesetrafego@bv.com.br;rafaelggs@algartech.com;taysdss@algartech.com;viniciussg@algartech.com;</t>
  </si>
  <si>
    <t>joaogvc@algartech.com,katia.cardoso@bv.com.br,marianadjc@algartech.com,planejamentodeoperacoesetrafego@bv.com.br,rafaelggs@algartech.com,taysdss@algartech.com,viniciussg@algartech.com</t>
  </si>
  <si>
    <t>db364b06-ac6f-4bed-903c-f71ac7481dd5.tmp</t>
  </si>
  <si>
    <t>\\acsfs\profiles$\nataliacsl\Downloads\db364b06-ac6f-4bed-903c-f71ac7481dd5.tmp</t>
  </si>
  <si>
    <t>33742f70-b182-4f21-8468-ddd7ff59c38c.tmp</t>
  </si>
  <si>
    <t>\\acsfs\profiles$\nataliacsl\Downloads\33742f70-b182-4f21-8468-ddd7ff59c38c.tmp</t>
  </si>
  <si>
    <t>\\acsfs\profiles$\LUCASQDSS\Favorites\Cartão Protegido - MAPFRE.url\</t>
  </si>
  <si>
    <t>\\acsfs\profiles$\LUCASQDSS\Favorites\Cartão Protegido - MAPFRE.url\:favicon:$DATA</t>
  </si>
  <si>
    <t>Cartão Protegido - MAPFRE.url</t>
  </si>
  <si>
    <t>\\acsfs\profiles$\LUCASQDSS\Favorites\Cartão Protegido - MAPFRE.url</t>
  </si>
  <si>
    <t>lu150961grsp7.tmp</t>
  </si>
  <si>
    <t>\\acsfs\profiles$\BRUNAAR\Numero\lu150961grsp7.tmp</t>
  </si>
  <si>
    <t>3b19d755-d409-49c3-9574-28f22a9f61f8.tmp</t>
  </si>
  <si>
    <t>\\acsfs\profiles$\geovannasm\Downloads\3b19d755-d409-49c3-9574-28f22a9f61f8.tmp</t>
  </si>
  <si>
    <t>10.200.57.90</t>
  </si>
  <si>
    <t>D8-9C-67-6F-2A-E3</t>
  </si>
  <si>
    <t>mail.google.com/_/upload?authuser=0&amp;dcp=asu-n&amp;upload_id=AEnB2Up3EoKaaAotAzvj_wdCHK7msJ0EhUWBrd2AFN5bk3ZjhGEZKUaIkPZdVR9XFHJTTWhHrGlru-hONw3hmvOxAxcCumxywpw1SITXGpBb7BUSLlr0g-o&amp;upload_protocol=resumable</t>
  </si>
  <si>
    <t>D:\Projetos\ACS\One_drive\OneDrive - Grupo Algar\Projetos\2020 Algar_-_Implantacao CRM\Defesa\Apresentação CRM 20200108.pptx\</t>
  </si>
  <si>
    <t>\\acsfs\profiles$\Flaviojmm\Saved Games\</t>
  </si>
  <si>
    <t>8bda58b1-9a4c-439c-9da8-f26a04057a1d.tmp</t>
  </si>
  <si>
    <t>\\acsfs\profiles$\maxmillianosv\Downloads\8bda58b1-9a4c-439c-9da8-f26a04057a1d.tmp</t>
  </si>
  <si>
    <t>e0525cef-9a2d-48a5-814a-a03a1fb28dd7.tmp</t>
  </si>
  <si>
    <t>\\acsfs\profiles$\anafsb\Downloads\e0525cef-9a2d-48a5-814a-a03a1fb28dd7.tmp</t>
  </si>
  <si>
    <t>3647cb99-533e-4534-b83d-08011860308d.tmp</t>
  </si>
  <si>
    <t>\\acsfs\profiles$\anafsb\Downloads\3647cb99-533e-4534-b83d-08011860308d.tmp</t>
  </si>
  <si>
    <t>39c171b9-4b55-4c93-977d-269a961d2558.tmp</t>
  </si>
  <si>
    <t>\\acsfs\profiles$\anafsb\Downloads\39c171b9-4b55-4c93-977d-269a961d2558.tmp</t>
  </si>
  <si>
    <t>ff3e6de2-d9cc-4e74-8ff5-0837c432eff2.tmp</t>
  </si>
  <si>
    <t>\\acsfs\profiles$\anafsb\Downloads\ff3e6de2-d9cc-4e74-8ff5-0837c432eff2.tmp</t>
  </si>
  <si>
    <t>02e31c4f-3632-4149-88fe-5543e55b9cb9.tmp</t>
  </si>
  <si>
    <t>\\acsfs\profiles$\anafsb\Downloads\02e31c4f-3632-4149-88fe-5543e55b9cb9.tmp</t>
  </si>
  <si>
    <t>d7440d51-68b1-47e5-b80f-d9fe4af0600a.tmp</t>
  </si>
  <si>
    <t>\\acsfs\profiles$\anafsb\Downloads\d7440d51-68b1-47e5-b80f-d9fe4af0600a.tmp</t>
  </si>
  <si>
    <t>454b9d47-866c-475e-9895-44bcc1a2fa10.tmp</t>
  </si>
  <si>
    <t>\\acsfs\profiles$\anafsb\Downloads\454b9d47-866c-475e-9895-44bcc1a2fa10.tmp</t>
  </si>
  <si>
    <t>17ee0cf5-a2ab-4a64-876a-ca5f5e957a63.tmp</t>
  </si>
  <si>
    <t>\\acsfs\profiles$\anafsb\Downloads\17ee0cf5-a2ab-4a64-876a-ca5f5e957a63.tmp</t>
  </si>
  <si>
    <t>guilhermedsf@algartech.com</t>
  </si>
  <si>
    <t>Relação Boticário.xlsx</t>
  </si>
  <si>
    <t>9781968f-bdbd-4744-a85a-7e6d740adb93.tmp</t>
  </si>
  <si>
    <t>\\acsfs\profiles$\danielmlds\Downloads\9781968f-bdbd-4744-a85a-7e6d740adb93.tmp</t>
  </si>
  <si>
    <t>Não confirmado 515388.crdownload</t>
  </si>
  <si>
    <t>\\acsfs\profiles$\danielmlds\Downloads\Não confirmado 515388.crdownload</t>
  </si>
  <si>
    <t>c7ae334c-20b0-441f-ab70-4c4e7f54190d.tmp</t>
  </si>
  <si>
    <t>\\acsfs\profiles$\danielmlds\Downloads\c7ae334c-20b0-441f-ab70-4c4e7f54190d.tmp</t>
  </si>
  <si>
    <t>Não confirmado 327638.crdownload</t>
  </si>
  <si>
    <t>\\acsfs\profiles$\danielmlds\Downloads\Não confirmado 327638.crdownload</t>
  </si>
  <si>
    <t>a7e2dd79-ea3d-40dd-9dc5-79b1f55e2a6a.tmp</t>
  </si>
  <si>
    <t>\\acsfs\profiles$\danielmlds\Downloads\a7e2dd79-ea3d-40dd-9dc5-79b1f55e2a6a.tmp</t>
  </si>
  <si>
    <t>88b37438-acea-43e7-9d7e-00e6e8517d15.tmp</t>
  </si>
  <si>
    <t>\\acsfs\profiles$\Flaviojmm\Downloads\88b37438-acea-43e7-9d7e-00e6e8517d15.tmp</t>
  </si>
  <si>
    <t>edbbd448-1740-435a-95c9-0d54047ddf20.tmp</t>
  </si>
  <si>
    <t>\\acsfs\profiles$\Flaviojmm\Downloads\edbbd448-1740-435a-95c9-0d54047ddf20.tmp</t>
  </si>
  <si>
    <t>2f36ee89-83bf-441f-8a27-82fa4a00c2ae.tmp</t>
  </si>
  <si>
    <t>\\acsfs\profiles$\larissaad\Downloads\2f36ee89-83bf-441f-8a27-82fa4a00c2ae.tmp</t>
  </si>
  <si>
    <t>d25386b4-6852-4a57-b8c1-7ca1360070c1.tmp</t>
  </si>
  <si>
    <t>\\acsfs\profiles$\LUCASNS\Downloads\d25386b4-6852-4a57-b8c1-7ca1360070c1.tmp</t>
  </si>
  <si>
    <t>1f5721b0-a75a-4a9c-a03f-5154f5da88f2.tmp</t>
  </si>
  <si>
    <t>\\acsfs\profiles$\LUCASNS\Downloads\1f5721b0-a75a-4a9c-a03f-5154f5da88f2.tmp</t>
  </si>
  <si>
    <t>204dc820-3d68-4991-8fab-12f1b1695fd8.tmp</t>
  </si>
  <si>
    <t>\\acsfs\profiles$\LUCASNS\Downloads\204dc820-3d68-4991-8fab-12f1b1695fd8.tmp</t>
  </si>
  <si>
    <t>http://beacons.gvt2.com/domainreliability/upload</t>
  </si>
  <si>
    <t>http:///batch?%24ct=multipart%2Fmixed%3B%20boundary%3D%22%3D%3D%3D%3D%3Dsszkklg40oi2%3D%3D%3D%3D%3D%22&amp;key=AIzaSyAy9VVXHSpS2IJpptzYtGbLP3-3_l0aBk4</t>
  </si>
  <si>
    <t>1578482583077;1738007010;2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;userpermission(role);vxd5874j_rcxytdcakyaqcq4lriewtnjwmfrnjuv2-4muryr1woqdsmriyrxpb6q0jomgaedsibdjbasd4smb8mgt27ilk1iu-3qlr92j2vcfo4dzik0bmysw429vntyvrkvii3km_e\";workspaceids;</t>
  </si>
  <si>
    <t>http://1578482583077,1738007010,2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,userpermission(role),vxd5874j_rcxytdcakyaqcq4lriewtnjwmfrnjuv2-4muryr1woqdsmriyrxpb6q0jomgaedsibdjbasd4smb8mgt27ilk1iu-3qlr92j2vcfo4dzik0bmysw429vntyvrkvii3km_e\",workspaceids</t>
  </si>
  <si>
    <t>http:///batch?%24ct=multipart%2Fmixed%3B%20boundary%3D%22%3D%3D%3D%3D%3Djh7qgy6hvr4d%3D%3D%3D%3D%3D%22&amp;key=AIzaSyAy9VVXHSpS2IJpptzYtGbLP3-3_l0aBk4</t>
  </si>
  <si>
    <t>http:///batch?%24ct=multipart%2Fmixed%3B%20boundary%3D%22%3D%3D%3D%3D%3Dirnt1sm9zpxb%3D%3D%3D%3D%3D%22&amp;key=AIzaSyAy9VVXHSpS2IJpptzYtGbLP3-3_l0aBk4</t>
  </si>
  <si>
    <t>http:///batch?%24ct=multipart%2Fmixed%3B%20boundary%3D%22%3D%3D%3D%3D%3De30zavqn9hwu%3D%3D%3D%3D%3D%22&amp;key=AIzaSyAy9VVXHSpS2IJpptzYtGbLP3-3_l0aBk4</t>
  </si>
  <si>
    <t>http:///batch?%24ct=multipart%2Fmixed%3B%20boundary%3D%22%3D%3D%3D%3D%3Dnjdfcp1djhia%3D%3D%3D%3D%3D%22&amp;key=AIzaSyAy9VVXHSpS2IJpptzYtGbLP3-3_l0aBk4</t>
  </si>
  <si>
    <t>0ef411a3-9527-4a2b-b86c-ddd08547b0ae.tmp</t>
  </si>
  <si>
    <t>\\acsfs\profiles$\ayalabfi\Downloads\0ef411a3-9527-4a2b-b86c-ddd08547b0ae.tmp</t>
  </si>
  <si>
    <t>ee609491-2ee4-476b-bf04-3e41be3374a3.tmp</t>
  </si>
  <si>
    <t>\\acsfs\profiles$\wedersonbadr\My Documents\My Music\ee609491-2ee4-476b-bf04-3e41be3374a3.tmp</t>
  </si>
  <si>
    <t>mail.google.com/_/upload?authuser=1&amp;dcp=asu-n&amp;upload_id=AEnB2Uqc6i6X2mf4GrUy1nzFXlxvg2FKNbjkm6_c6sgde2qN3H0YaoeaUA3Ckq8zjPuBbBaUggXePlVjpqtnCh5n1JDrk8W62A&amp;upload_protocol=resumable</t>
  </si>
  <si>
    <t>RelatorioCadastroGeralAlgar_20200106100232.xls</t>
  </si>
  <si>
    <t>\\acsfs\profiles$\gabriellalpr\Contacts\</t>
  </si>
  <si>
    <t>GABRIELLA LEMES PEREIRA REIS (31177).contact</t>
  </si>
  <si>
    <t>\\acsfs\profiles$\gabriellalpr\Contacts\GABRIELLA LEMES PEREIRA REIS (31177).contact</t>
  </si>
  <si>
    <t>\\acsfs\profiles$\gabriellalpr\My Documents\My Videos\</t>
  </si>
  <si>
    <t>\\acsfs\profiles$\gabriellalpr\My Documents\My Videos\desktop.ini</t>
  </si>
  <si>
    <t>\\acsfs\profiles$\gabriellalpr\My Documents\My Pictures\</t>
  </si>
  <si>
    <t>\\acsfs\profiles$\gabriellalpr\My Documents\My Pictures\desktop.ini</t>
  </si>
  <si>
    <t>\\acsfs\profiles$\gabriellalpr\Contacts\desktop.ini</t>
  </si>
  <si>
    <t>\\acsfs\profiles$\gabriellalpr\Favorites\</t>
  </si>
  <si>
    <t>\\acsfs\profiles$\gabriellalpr\Favorites\desktop.ini</t>
  </si>
  <si>
    <t>\\acsfs\profiles$\gabriellalpr\My Documents\My Music\</t>
  </si>
  <si>
    <t>\\acsfs\profiles$\gabriellalpr\My Documents\My Music\desktop.ini</t>
  </si>
  <si>
    <t>\\acsfs\profiles$\gabriellalpr\Searches\</t>
  </si>
  <si>
    <t>\\acsfs\profiles$\gabriellalpr\Searches\desktop.ini</t>
  </si>
  <si>
    <t>\\acsfs\profiles$\gabriellalpr\Downloads\desktop.ini</t>
  </si>
  <si>
    <t>\\acsfs\profiles$\gabriellalpr\My Documents\</t>
  </si>
  <si>
    <t>\\acsfs\profiles$\gabriellalpr\My Documents\desktop.ini</t>
  </si>
  <si>
    <t>\\acsfs\profiles$\gabriellalpr\Saved Games\</t>
  </si>
  <si>
    <t>\\acsfs\profiles$\gabriellalpr\Saved Games\desktop.ini</t>
  </si>
  <si>
    <t>\\acsfs\profiles$\gabriellalpr\Favorites\Links for Brasil\</t>
  </si>
  <si>
    <t>\\acsfs\profiles$\gabriellalpr\Favorites\Links for Brasil\desktop.ini</t>
  </si>
  <si>
    <t>\\acsfs\profiles$\gabriellalpr\Favorites\Links for Brasil\Microsoft Brasil.url</t>
  </si>
  <si>
    <t>\\acsfs\profiles$\gabriellalpr\Favorites\Links for Brasil\Windows Brasil.url</t>
  </si>
  <si>
    <t>\\acsfs\profiles$\gabriellalpr\Favorites\Links for Brasil\MSN Brasil.url</t>
  </si>
  <si>
    <t>e02dc564-d92b-4aab-be1a-97ca3ae3d928.tmp</t>
  </si>
  <si>
    <t>\\acsfs\profiles$\luanarda\Downloads\e02dc564-d92b-4aab-be1a-97ca3ae3d928.tmp</t>
  </si>
  <si>
    <t>652f2c81-939d-48ee-ae27-941cff823f4d.tmp</t>
  </si>
  <si>
    <t>\\acsfs\profiles$\anafsb\Downloads\652f2c81-939d-48ee-ae27-941cff823f4d.tmp</t>
  </si>
  <si>
    <t>c70dc8b7-c6d6-4abd-9532-c0d00d15163d.tmp</t>
  </si>
  <si>
    <t>\\acsfs\profiles$\danielmlds\Downloads\c70dc8b7-c6d6-4abd-9532-c0d00d15163d.tmp</t>
  </si>
  <si>
    <t>ffe16710-f445-47cd-a5c2-cef5efff5808.tmp</t>
  </si>
  <si>
    <t>\\acsfs\profiles$\victoriaksr\Downloads\ffe16710-f445-47cd-a5c2-cef5efff5808.tmp</t>
  </si>
  <si>
    <t>09d40e1f-ae24-4bcf-afa8-9664d71712c0.tmp</t>
  </si>
  <si>
    <t>\\acsfs\profiles$\victoriaksr\Downloads\09d40e1f-ae24-4bcf-afa8-9664d71712c0.tmp</t>
  </si>
  <si>
    <t>51f59c12-38ac-4218-bd8d-8a09c91e649f.tmp</t>
  </si>
  <si>
    <t>\\acsfs\profiles$\PEDROHAB\Downloads\51f59c12-38ac-4218-bd8d-8a09c91e649f.tmp</t>
  </si>
  <si>
    <t>f7424bad-5477-41ea-88b0-8e58c723c0c8.tmp</t>
  </si>
  <si>
    <t>\\acsfs\profiles$\PEDROHAB\Downloads\f7424bad-5477-41ea-88b0-8e58c723c0c8.tmp</t>
  </si>
  <si>
    <t>c625bf94-bd67-493f-8e45-db9c634cfcdd.tmp</t>
  </si>
  <si>
    <t>\\acsfs\profiles$\PEDROHAB\Downloads\c625bf94-bd67-493f-8e45-db9c634cfcdd.tmp</t>
  </si>
  <si>
    <t>mail.google.com/_/upload?authuser=0&amp;dcp=asu-n&amp;upload_id=AEnB2UpfvP9MZwqUfkA2YDii6NLjMlcM5o6H9iYmTAG2c6rAHRw8WqtZ5R_aceORvFUQK0OGSLUgk6I-bufH5SzTGOBZbMkvzdG_RzM2PqPizgRFFIylPcw&amp;upload_protocol=resumable</t>
  </si>
  <si>
    <t>\\acsfs\engeset\ASA_ULA\NUCLEO_SUPRIMENTOS\Objetivos\2019 - 2º Semestre\Apuração\Campinas\</t>
  </si>
  <si>
    <t>Invetário Cíclico Estoque_Janeiro_Campinas.xlsx</t>
  </si>
  <si>
    <t>234b2feb-cacd-401b-8da7-ddb95f719241.tmp</t>
  </si>
  <si>
    <t>\\acsfs\profiles$\kellzylenneasr\Downloads\234b2feb-cacd-401b-8da7-ddb95f719241.tmp</t>
  </si>
  <si>
    <t>c206eba9-d737-4c5f-b3f2-96dd01764adc.tmp</t>
  </si>
  <si>
    <t>\\acsfs\profiles$\kellzylenneasr\Downloads\c206eba9-d737-4c5f-b3f2-96dd01764adc.tmp</t>
  </si>
  <si>
    <t>fca89f04-4636-43e0-bac7-2ea184db6b7b.tmp</t>
  </si>
  <si>
    <t>\\acsfs\profiles$\kellzylenneasr\Downloads\fca89f04-4636-43e0-bac7-2ea184db6b7b.tmp</t>
  </si>
  <si>
    <t>8f340db8-ee41-441f-9276-688b3f41bc91.tmp</t>
  </si>
  <si>
    <t>\\acsfs\profiles$\gabrielhca\Downloads\8f340db8-ee41-441f-9276-688b3f41bc91.tmp</t>
  </si>
  <si>
    <t>075409f8-e4e4-4529-a6fd-2d10603ded3f.tmp</t>
  </si>
  <si>
    <t>\\acsfs\profiles$\gabrielhca\Downloads\075409f8-e4e4-4529-a6fd-2d10603ded3f.tmp</t>
  </si>
  <si>
    <t>50a0ed94-ce73-4cdf-b294-9eee729dbb3c.tmp</t>
  </si>
  <si>
    <t>\\acsfs\profiles$\gabrielhca\Downloads\50a0ed94-ce73-4cdf-b294-9eee729dbb3c.tmp</t>
  </si>
  <si>
    <t>6d63e6c5-6d48-4d08-b034-91f498f77aca.tmp</t>
  </si>
  <si>
    <t>\\acsfs\profiles$\gabrielhca\Downloads\6d63e6c5-6d48-4d08-b034-91f498f77aca.tmp</t>
  </si>
  <si>
    <t>3173db9e-b9c3-459f-9938-9fe77b186522.tmp</t>
  </si>
  <si>
    <t>\\acsfs\profiles$\gabriellalpr\Downloads\3173db9e-b9c3-459f-9938-9fe77b186522.tmp</t>
  </si>
  <si>
    <t>4f49babe-081b-4679-a023-5330ceaf8b71.tmp</t>
  </si>
  <si>
    <t>\\acsfs\profiles$\gabriellalpr\Downloads\4f49babe-081b-4679-a023-5330ceaf8b71.tmp</t>
  </si>
  <si>
    <t>5253677b-2765-4068-871a-8555fc03cf9b.tmp</t>
  </si>
  <si>
    <t>\\acsfs\profiles$\paulovadc\Downloads\5253677b-2765-4068-871a-8555fc03cf9b.tmp</t>
  </si>
  <si>
    <t>lu7348jegcq.tmp</t>
  </si>
  <si>
    <t>\\acsfs\profiles$\victoriaksr\Downloads\lu7348jegcq.tmp</t>
  </si>
  <si>
    <t>849b1736-3e3e-44ea-9333-999831d92450.tmp</t>
  </si>
  <si>
    <t>\\acsfs\profiles$\gabrielsma\Downloads\849b1736-3e3e-44ea-9333-999831d92450.tmp</t>
  </si>
  <si>
    <t>Não confirmado 447857.crdownload</t>
  </si>
  <si>
    <t>\\acsfs\ACS\Gabriel da Silva\Contemporânea\VENDAS\Não confirmado 447857.crdownload</t>
  </si>
  <si>
    <t>Novo Relatório de Vendas.zip:Zone.Identifier</t>
  </si>
  <si>
    <t>\\acsfs\ACS\Gabriel da Silva\Contemporânea\VENDAS\Novo Relatório de Vendas.zip:Zone.Identifier</t>
  </si>
  <si>
    <t>\\acsfs\ACS\Gabriel da Silva\Contemporânea\NPS\NPS SAC_Base - Cópia.xlsx\</t>
  </si>
  <si>
    <t>\\acsfs\ACS\Gabriel da Silva\Contemporânea\NPS\NPS SAC_Base - Cópia.xlsx\:Zone.Identifier:$DATA</t>
  </si>
  <si>
    <t>\\acsfs\ACS\Gabriel da Silva\Contemporânea\NPS\NPS SAC_Base - Cópia.xlsx</t>
  </si>
  <si>
    <t>NPS SAC_Base - Cópia.xlsx</t>
  </si>
  <si>
    <t>\\acsfs\profiles$\talitafdc\Contacts\</t>
  </si>
  <si>
    <t>TALITA FERNANDES DA COSTA (9).contact</t>
  </si>
  <si>
    <t>\\acsfs\profiles$\talitafdc\Contacts\TALITA FERNANDES DA COSTA (9).contact</t>
  </si>
  <si>
    <t>\\acsfs\profiles$\talitafdc\My Documents\My Videos\</t>
  </si>
  <si>
    <t>\\acsfs\profiles$\talitafdc\My Documents\My Videos\desktop.ini</t>
  </si>
  <si>
    <t>\\acsfs\profiles$\talitafdc\My Documents\My Pictures\</t>
  </si>
  <si>
    <t>\\acsfs\profiles$\talitafdc\My Documents\My Pictures\desktop.ini</t>
  </si>
  <si>
    <t>\\acsfs\profiles$\talitafdc\Contacts\desktop.ini</t>
  </si>
  <si>
    <t>\\acsfs\profiles$\talitafdc\Favorites\</t>
  </si>
  <si>
    <t>\\acsfs\profiles$\talitafdc\Favorites\desktop.ini</t>
  </si>
  <si>
    <t>\\acsfs\profiles$\talitafdc\My Documents\My Music\</t>
  </si>
  <si>
    <t>\\acsfs\profiles$\talitafdc\My Documents\My Music\desktop.ini</t>
  </si>
  <si>
    <t>\\acsfs\profiles$\talitafdc\Searches\</t>
  </si>
  <si>
    <t>\\acsfs\profiles$\talitafdc\Searches\desktop.ini</t>
  </si>
  <si>
    <t>\\acsfs\profiles$\talitafdc\Downloads\desktop.ini</t>
  </si>
  <si>
    <t>\\acsfs\profiles$\talitafdc\My Documents\</t>
  </si>
  <si>
    <t>\\acsfs\profiles$\talitafdc\My Documents\desktop.ini</t>
  </si>
  <si>
    <t>\\acsfs\profiles$\talitafdc\Saved Games\</t>
  </si>
  <si>
    <t>\\acsfs\profiles$\talitafdc\Saved Games\desktop.ini</t>
  </si>
  <si>
    <t>\\acsfs\profiles$\talitafdc\Favorites\Links for Brasil\</t>
  </si>
  <si>
    <t>\\acsfs\profiles$\talitafdc\Favorites\Links for Brasil\desktop.ini</t>
  </si>
  <si>
    <t>\\acsfs\profiles$\talitafdc\Favorites\Links for Brasil\Microsoft Brasil.url</t>
  </si>
  <si>
    <t>\\acsfs\profiles$\talitafdc\Favorites\Links for Brasil\Windows Brasil.url</t>
  </si>
  <si>
    <t>\\acsfs\profiles$\talitafdc\Favorites\Links for Brasil\MSN Brasil.url</t>
  </si>
  <si>
    <t>gleycekos</t>
  </si>
  <si>
    <t>\\acsfs\profiles$\gleycekos\Downloads\</t>
  </si>
  <si>
    <t>d04657a8-0ab7-469f-95c2-79b8e34ac8c3.tmp</t>
  </si>
  <si>
    <t>\\acsfs\profiles$\gleycekos\Downloads\d04657a8-0ab7-469f-95c2-79b8e34ac8c3.tmp</t>
  </si>
  <si>
    <t>5a567b7d-4bb7-4eb6-af95-514d6b6b5e91.tmp</t>
  </si>
  <si>
    <t>\\acsfs\profiles$\gleycekos\Downloads\5a567b7d-4bb7-4eb6-af95-514d6b6b5e91.tmp</t>
  </si>
  <si>
    <t>d7e9ac89-50a2-4891-893c-657945820476.tmp</t>
  </si>
  <si>
    <t>\\acsfs\profiles$\gleycekos\Downloads\d7e9ac89-50a2-4891-893c-657945820476.tmp</t>
  </si>
  <si>
    <t>FORECAST 12-2019 GRC ROBERTA.xlsx</t>
  </si>
  <si>
    <t>COORD. DE SOLUCOES E IMPLANTACAO BPO</t>
  </si>
  <si>
    <t>10.200.60.2</t>
  </si>
  <si>
    <t>D4-6A-6A-F9-67-B5</t>
  </si>
  <si>
    <t>NB-MURILOEGA</t>
  </si>
  <si>
    <t>muriloega</t>
  </si>
  <si>
    <t>mail.google.com/_/upload?authuser=1&amp;dcp=asu-n&amp;upload_id=AEnB2Uo4C7iG_OPtXZIVxB34xy3NdtPRWaNREOsUwHaqbINH9e2sOSewc_GOf6GEkwEEYs4iI9AObEDFWx80iyfQJgzcm3v-YVf6LJ-656AVWbTnV2qlvtw&amp;upload_protocol=resumable</t>
  </si>
  <si>
    <t>\\acsfs\DEPTOS\Operacao\PCP\3 - Corporativo\RFP´s (Request for Proposal)\2019\Estudos\Elux_Continental\Revisão dez_19_RFP\</t>
  </si>
  <si>
    <t>Novas alavancas_Elux_v4.xlsx</t>
  </si>
  <si>
    <t>0e876ac8-ebd1-4023-a2c2-9e6d8cff9365.tmp</t>
  </si>
  <si>
    <t>\\acsfs\profiles$\gabriellalpr\Downloads\0e876ac8-ebd1-4023-a2c2-9e6d8cff9365.tmp</t>
  </si>
  <si>
    <t>2118259e-19b6-4289-9181-c81719fbb36d.tmp</t>
  </si>
  <si>
    <t>\\acsfs\profiles$\gabriellalpr\Downloads\2118259e-19b6-4289-9181-c81719fbb36d.tmp</t>
  </si>
  <si>
    <t>729d195b-3ed1-4ca7-8ba5-6c17b611166d.tmp</t>
  </si>
  <si>
    <t>\\acsfs\profiles$\rafaelahpn\Downloads\729d195b-3ed1-4ca7-8ba5-6c17b611166d.tmp</t>
  </si>
  <si>
    <t>852cc1bf-d88d-4d4d-82e2-390cadddd2b9.tmp</t>
  </si>
  <si>
    <t>\\acsfs\profiles$\rafaelahpn\Downloads\852cc1bf-d88d-4d4d-82e2-390cadddd2b9.tmp</t>
  </si>
  <si>
    <t>lu150961grspb.tmp</t>
  </si>
  <si>
    <t>\\acsfs\profiles$\BRUNAAR\Numero\lu150961grspb.tmp</t>
  </si>
  <si>
    <t>lu150961grspf.tmp</t>
  </si>
  <si>
    <t>\\acsfs\profiles$\BRUNAAR\Numero\lu150961grspf.tmp</t>
  </si>
  <si>
    <t>5a662567-04e0-4387-8279-5431fe3d5fd0.tmp</t>
  </si>
  <si>
    <t>\\acsfs\profiles$\lucasgpe\Downloads\5a662567-04e0-4387-8279-5431fe3d5fd0.tmp</t>
  </si>
  <si>
    <t>fb22bc3e-63c1-4da1-9ed0-055babd30003.tmp</t>
  </si>
  <si>
    <t>\\acsfs\profiles$\laylaams\Downloads\fb22bc3e-63c1-4da1-9ed0-055babd30003.tmp</t>
  </si>
  <si>
    <t>http:///batch?%24ct=multipart%2Fmixed%3B%20boundary%3D%22%3D%3D%3D%3D%3Dkd0ggbvlwlz6%3D%3D%3D%3D%3D%22&amp;key=AIzaSyAy9VVXHSpS2IJpptzYtGbLP3-3_l0aBk4</t>
  </si>
  <si>
    <t>ancestorhasaugmentedpermissions;containsunsubscribedchildren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eable;shared;sharedwithmedate;thumbnailversion;tit;title;userpermission(role);workspaceids;</t>
  </si>
  <si>
    <t>http://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e,shared,sharedwithmedate,thumbnailversion,tit,title,userpermission(role),workspaceids</t>
  </si>
  <si>
    <t>1c936f4c-2a54-47d7-98d3-fa9aeeca94c1.tmp</t>
  </si>
  <si>
    <t>\\acsfs\profiles$\geovannasm\Downloads\1c936f4c-2a54-47d7-98d3-fa9aeeca94c1.tmp</t>
  </si>
  <si>
    <t>EBOOK PERFOMANCE - Desempenho_Operação_v4.pdf</t>
  </si>
  <si>
    <t>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e,shared,sharedwithmedate,thumbnailversion,tit,title,userpermission(role),workspaceids</t>
  </si>
  <si>
    <t>http:///batch?%24ct=multipart%2Fmixed%3B%20boundary%3D%22%3D%3D%3D%3D%3Dxmzwdiijvoh%3D%3D%3D%3D%3D%22&amp;key=AIzaSyAy9VVXHSpS2IJpptzYtGbLP3-3_l0aBk4</t>
  </si>
  <si>
    <t>http:///batch?%24ct=multipart%2Fmixed%3B%20boundary%3D%22%3D%3D%3D%3D%3D2nzhid45ipvz%3D%3D%3D%3D%3D%22&amp;key=AIzaSyAy9VVXHSpS2IJpptzYtGbLP3-3_l0aBk4</t>
  </si>
  <si>
    <t>NFAT DEZ_JAN 2020.xlsx</t>
  </si>
  <si>
    <t>76b7da2c-08b7-427f-a135-0f4a5093d897.tmp</t>
  </si>
  <si>
    <t>\\acsfs\profiles$\gabrielsma\Downloads\76b7da2c-08b7-427f-a135-0f4a5093d897.tmp</t>
  </si>
  <si>
    <t>Não confirmado 378531.crdownload</t>
  </si>
  <si>
    <t>\\acsfs\ACS\Gabriel da Silva\Contemporânea\VENDAS\Não confirmado 378531.crdownload</t>
  </si>
  <si>
    <t>Novo Relatório de Vendas.xlsx</t>
  </si>
  <si>
    <t>\\acsfs\ACS\Gabriel da Silva\Contemporânea\VENDAS\Novo Relatório de Vendas.xlsx</t>
  </si>
  <si>
    <t>a29c3aea-54b0-4b81-b334-317f073df280.tmp</t>
  </si>
  <si>
    <t>\\acsfs\profiles$\PEDROHAB\Downloads\a29c3aea-54b0-4b81-b334-317f073df280.tmp</t>
  </si>
  <si>
    <t>38dffdf5-f4c3-423f-953e-274a51f6bcdc.tmp</t>
  </si>
  <si>
    <t>\\acsfs\profiles$\quindaizaagds\Downloads\38dffdf5-f4c3-423f-953e-274a51f6bcdc.tmp</t>
  </si>
  <si>
    <t>21733795-365e-4a62-afcc-ae1b3292398d.tmp</t>
  </si>
  <si>
    <t>\\acsfs\profiles$\nathaliarmr\Downloads\21733795-365e-4a62-afcc-ae1b3292398d.tmp</t>
  </si>
  <si>
    <t>c6d09916-da7d-4f3d-b934-ed0ad47f3d5f.tmp</t>
  </si>
  <si>
    <t>\\acsfs\profiles$\nathaliarmr\Downloads\c6d09916-da7d-4f3d-b934-ed0ad47f3d5f.tmp</t>
  </si>
  <si>
    <t>39844cd4-3b6b-4eb4-a72d-a1a2fb779166.tmp</t>
  </si>
  <si>
    <t>\\acsfs\profiles$\maxmillianosv\Downloads\39844cd4-3b6b-4eb4-a72d-a1a2fb779166.tmp</t>
  </si>
  <si>
    <t>millenaptes</t>
  </si>
  <si>
    <t>80e3c556-c666-4286-b24b-6cb226d15785.tmp</t>
  </si>
  <si>
    <t>\\acsfs\profiles$\claudiajca\Downloads\80e3c556-c666-4286-b24b-6cb226d15785.tmp</t>
  </si>
  <si>
    <t>a45d2545-64a1-4411-9c95-91f2e8f9906d.tmp</t>
  </si>
  <si>
    <t>\\acsfs\profiles$\lorrainerdl\Downloads\a45d2545-64a1-4411-9c95-91f2e8f9906d.tmp</t>
  </si>
  <si>
    <t>347b3794-f0b7-489b-8d39-b1c6be9c20f5.tmp</t>
  </si>
  <si>
    <t>\\acsfs\profiles$\gabrielsma\Downloads\347b3794-f0b7-489b-8d39-b1c6be9c20f5.tmp</t>
  </si>
  <si>
    <t>\\acsfs\ACS\Gabriel da Silva\Contemporânea\VENDAS\Q29udHJvbGxlci5FeHBsb3Jlcl8x.ica.crdownload</t>
  </si>
  <si>
    <t>2dd3e584-1674-44a8-b230-b87d339c05e2.tmp</t>
  </si>
  <si>
    <t>\\acsfs\profiles$\gabrielsma\Downloads\2dd3e584-1674-44a8-b230-b87d339c05e2.tmp</t>
  </si>
  <si>
    <t>Q29udHJvbGxlci5TQUNBLVNBQ18xLTE-.ica.crdownload</t>
  </si>
  <si>
    <t>\\acsfs\ACS\Gabriel da Silva\Contemporânea\VENDAS\Q29udHJvbGxlci5TQUNBLVNBQ18xLTE-.ica.crdownload</t>
  </si>
  <si>
    <t>3b8aa9ac-da47-478e-b9dc-2a2d29a0be1b.tmp</t>
  </si>
  <si>
    <t>\\acsfs\profiles$\THYAGOSP\Downloads\3b8aa9ac-da47-478e-b9dc-2a2d29a0be1b.tmp</t>
  </si>
  <si>
    <t>mail.google.com/_/upload?authuser=0&amp;dcp=asu-n&amp;upload_id=AEnB2UonSQUW8GEqVXsAYNgPz3HxqG5qJ4jXndxGY9PjwI7-7ejLVw_9395oeVBPwIo_EJhsbwM5ihsnqTfN05nug1RfMfI2t7z42eGAc16gS5FsNa6bzQE&amp;upload_protocol=resumable</t>
  </si>
  <si>
    <t>\\acsfs\engeset\ASA_ULA\NUCLEO_SUPRIMENTOS\Objetivos\2019 - 2º Semestre\Apuração\Recife\</t>
  </si>
  <si>
    <t>Invetário Cíclico Estoque_Janeiro_Recife.xlsx</t>
  </si>
  <si>
    <t>fc7d326a-d2e9-424e-b07b-efc0b1094eb9.tmp</t>
  </si>
  <si>
    <t>\\acsfs\profiles$\maxmillianosv\Downloads\fc7d326a-d2e9-424e-b07b-efc0b1094eb9.tmp</t>
  </si>
  <si>
    <t>85c1de5c-f04f-4e16-a558-8c9e4d7b6ad9.tmp</t>
  </si>
  <si>
    <t>\\acsfs\profiles$\maxmillianosv\Downloads\85c1de5c-f04f-4e16-a558-8c9e4d7b6ad9.tmp</t>
  </si>
  <si>
    <t>7af4e4f9-bc9d-475a-ba6a-cf55d468fea3.tmp</t>
  </si>
  <si>
    <t>\\acsfs\profiles$\maxmillianosv\Downloads\7af4e4f9-bc9d-475a-ba6a-cf55d468fea3.tmp</t>
  </si>
  <si>
    <t>cd628c51-e51e-40d3-86f2-f169684bb242.tmp</t>
  </si>
  <si>
    <t>\\acsfs\profiles$\maxmillianosv\Downloads\cd628c51-e51e-40d3-86f2-f169684bb242.tmp</t>
  </si>
  <si>
    <t>7306144c-0bf4-412b-b665-719339b6981c.tmp</t>
  </si>
  <si>
    <t>\\acsfs\profiles$\luanaagl\Downloads\7306144c-0bf4-412b-b665-719339b6981c.tmp</t>
  </si>
  <si>
    <t>C:\Users\marinasf\OneDrive - Grupo Algar\DOCS\MODELOS DE DOCUMENTOS\MODELOS DE FORMULÁRIOS\FORMULÁRIO CADASTRO FORNECEDOR\</t>
  </si>
  <si>
    <t>FORMULARIO DE CADASTRO DE FORNECEDOR.xlsx</t>
  </si>
  <si>
    <t>marinasf@algartech.com</t>
  </si>
  <si>
    <t>mail.google.com/_/upload?authuser=0&amp;dcp=asu-n&amp;upload_id=AEnB2UrPclsKHJjY90u48zhodyvmclgNDoufUykSgnl6o8Mg1P6tpEcfnLwW3Sn8mhA4kv-dcSFtruLzeXWmm9EQSXjpFLM5pEhiZZ7LQfptS9kGYC3fPks&amp;upload_protocol=resumable</t>
  </si>
  <si>
    <t>alexandremp@algartech.com;</t>
  </si>
  <si>
    <t>C:\Users\marinasf\Desktop\</t>
  </si>
  <si>
    <t>alexandremp@algartech.com</t>
  </si>
  <si>
    <t>NOVAS OPORTUNIDADES GST 12-2019.xlsx</t>
  </si>
  <si>
    <t>\\acsfs\ACS\Gabriel da Silva\Contemporânea\Erros Operacionais\</t>
  </si>
  <si>
    <t>E2ED7998.tmp</t>
  </si>
  <si>
    <t>\\acsfs\ACS\Gabriel da Silva\Contemporânea\Erros Operacionais\E2ED7998.tmp</t>
  </si>
  <si>
    <t>~$Base de Erros.xlsx</t>
  </si>
  <si>
    <t>\\acsfs\ACS\Gabriel da Silva\Contemporânea\Erros Operacionais\~$Base de Erros.xlsx</t>
  </si>
  <si>
    <t>d6bd0e0c-2ba6-4b80-8d43-c00eebf1cd44.tmp</t>
  </si>
  <si>
    <t>\\acsfs\profiles$\gabrielsma\Downloads\d6bd0e0c-2ba6-4b80-8d43-c00eebf1cd44.tmp</t>
  </si>
  <si>
    <t>Não confirmado 433882.crdownload</t>
  </si>
  <si>
    <t>\\acsfs\ACS\Gabriel da Silva\Contemporânea\Erros Operacionais\Não confirmado 433882.crdownload</t>
  </si>
  <si>
    <t>c7341ad5-fd00-4e77-b44f-77646b4c36e5.tmp</t>
  </si>
  <si>
    <t>\\acsfs\profiles$\gabrielsma\Downloads\c7341ad5-fd00-4e77-b44f-77646b4c36e5.tmp</t>
  </si>
  <si>
    <t>\\acsfs\ACS\Gabriel da Silva\Contemporânea\Erros Operacionais\Q29udHJvbGxlci5JbnRyYW5ldC1DaHJvbWU-.ica.crdownload</t>
  </si>
  <si>
    <t>35296d49-ab6e-4814-98be-71bb1c60285d.tmp</t>
  </si>
  <si>
    <t>\\acsfs\profiles$\leticiala\Downloads\35296d49-ab6e-4814-98be-71bb1c60285d.tmp</t>
  </si>
  <si>
    <t>4624893d-c82f-4059-9635-b3085db7e6ec.tmp</t>
  </si>
  <si>
    <t>\\acsfs\profiles$\leticiala\Downloads\4624893d-c82f-4059-9635-b3085db7e6ec.tmp</t>
  </si>
  <si>
    <t>377a4d52-d118-456f-bc60-80da03fa28a4.tmp</t>
  </si>
  <si>
    <t>\\acsfs\profiles$\laylaams\Downloads\377a4d52-d118-456f-bc60-80da03fa28a4.tmp</t>
  </si>
  <si>
    <t>mail.google.com/sync/u/0/i/s?hl=pt-BR&amp;c=380</t>
  </si>
  <si>
    <t>mail.google.com/sync/u/0/i/s?hl=pt-BR&amp;c=382</t>
  </si>
  <si>
    <t>mail.google.com/_/upload?authuser=0&amp;dcp=asu-n&amp;upload_id=AEnB2UoqkMPQZc6h6EzJTWDG8dDTP-GaLLBAUvcfF584CuJbb2pEpTjKkMMDx7mMA0dycAwp1mlN8ATR8zCZR3jSQCtghlIKmTz7qErx2OHqshKP9VvlGFI&amp;upload_protocol=resumable</t>
  </si>
  <si>
    <t>abbd5389-0681-4576-a84e-4dc733d2bf73.tmp</t>
  </si>
  <si>
    <t>\\acsfs\profiles$\inarajst\Downloads\abbd5389-0681-4576-a84e-4dc733d2bf73.tmp</t>
  </si>
  <si>
    <t>renataalves@algartech.com;</t>
  </si>
  <si>
    <t>Relação de Clientes Estratégicos - com consultores v3.xlsx</t>
  </si>
  <si>
    <t>0ca151f6-6765-4ba4-bb8d-e71fd56e9b8d.tmp</t>
  </si>
  <si>
    <t>\\acsfs\profiles$\luanarda\Downloads\0ca151f6-6765-4ba4-bb8d-e71fd56e9b8d.tmp</t>
  </si>
  <si>
    <t>JOAO PEDRO NICOMEDES BERTOLDO GOMES (39).contact</t>
  </si>
  <si>
    <t>\\acsfs\profiles$\joaopnbg\Contacts\JOAO PEDRO NICOMEDES BERTOLDO GOMES (39).contact</t>
  </si>
  <si>
    <t>C:\Users\tullyols\Desktop\</t>
  </si>
  <si>
    <t>Férias 2020-2021.xlsx</t>
  </si>
  <si>
    <t>ances,ancestorhasaugmentedpermissions,containsunsubscribedchildren,displayname,domain,emailaddress,exp,expl,explicitlytrashed,explicitlytrashed�,file(kind,fileid,filesize,gv===== content-,hasthumbnail,hasvisitorpermissions,id,id),items(deleted,items(kind,ken,kind,lastmodifyinguser(kind,lastviewedbymedate,mimetype,modifiedbymedate,modifieddate,ontainsunsubscribedchildren,owners(kind,per,permi,permis,permissionid,pict,picture,quotaby,rpermissions,shared,sharedwithmedate,thu,thumbnailversion,title,userpermission(role),workspaceids</t>
  </si>
  <si>
    <t>05045664-a13f-4b14-8300-b42f9eabd71e.tmp</t>
  </si>
  <si>
    <t>\\acsfs\profiles$\kamilamrc\Downloads\05045664-a13f-4b14-8300-b42f9eabd71e.tmp</t>
  </si>
  <si>
    <t>c997768d-64d2-41d3-86a2-81a2409e1feb.tmp</t>
  </si>
  <si>
    <t>\\acsfs\profiles$\kamilamrc\Downloads\c997768d-64d2-41d3-86a2-81a2409e1feb.tmp</t>
  </si>
  <si>
    <t>587ca118-cf75-4160-bdf4-00c9950addd5.tmp</t>
  </si>
  <si>
    <t>\\acsfs\profiles$\gabrielaff\Downloads\587ca118-cf75-4160-bdf4-00c9950addd5.tmp</t>
  </si>
  <si>
    <t>f027851a-c2a2-4a34-a0a0-b2df9af65bad.tmp</t>
  </si>
  <si>
    <t>\\acsfs\profiles$\sarahbal\Downloads\f027851a-c2a2-4a34-a0a0-b2df9af65bad.tmp</t>
  </si>
  <si>
    <t>d0c267a9-bf45-46fa-ba00-221d5cc04c83.tmp</t>
  </si>
  <si>
    <t>\\acsfs\profiles$\sarahbal\Downloads\d0c267a9-bf45-46fa-ba00-221d5cc04c83.tmp</t>
  </si>
  <si>
    <t>979ac393-3a8c-4aca-8553-913372ba1e8a.tmp</t>
  </si>
  <si>
    <t>\\acsfs\profiles$\sarahbal\Downloads\979ac393-3a8c-4aca-8553-913372ba1e8a.tmp</t>
  </si>
  <si>
    <t>Não confirmado 5226.crdownload</t>
  </si>
  <si>
    <t>\\acsfs\ACS\Gabriel da Silva\Contemporânea\Gen\Não confirmado 5226.crdownload</t>
  </si>
  <si>
    <t>~$Agent_Utilization_Report (4).xlsx</t>
  </si>
  <si>
    <t>\\acsfs\ACS\Gabriel da Silva\Contemporânea\Gen\~$Agent_Utilization_Report (4).xlsx</t>
  </si>
  <si>
    <t>ef1453dd-46e2-491d-afca-8b09a99b3058.tmp</t>
  </si>
  <si>
    <t>\\acsfs\profiles$\leticiala\Downloads\ef1453dd-46e2-491d-afca-8b09a99b3058.tmp</t>
  </si>
  <si>
    <t>http://outlook.office365.com/owa/ev.owa2?ns=pendingrequest&amp;ev=finishnotificationrequest&amp;ua=0&amp;cid=60f4e6dd-1fb4-4b71-a3a0-fb8e2d922479</t>
  </si>
  <si>
    <t>http:///batch?%24ct=multipart%2Fmixed%3B%20boundary%3D%22%3D%3D%3D%3D%3Dtxzijy7po7rk%3D%3D%3D%3D%3D%22&amp;key=AIzaSyAy9VVXHSpS2IJpptzYtGbLP3-3_l0aBk4</t>
  </si>
  <si>
    <t>lu150961grspj.tmp</t>
  </si>
  <si>
    <t>\\acsfs\profiles$\BRUNAAR\Numero\lu150961grspj.tmp</t>
  </si>
  <si>
    <t>\\acsfs\profiles$\gleycekos\My Documents\xworkcenter\logs\</t>
  </si>
  <si>
    <t>XLOG_gleycekos_08012020_084747.log</t>
  </si>
  <si>
    <t>\\acsfs\profiles$\gleycekos\My Documents\xworkcenter\logs\XLOG_gleycekos_08012020_084747.log</t>
  </si>
  <si>
    <t>XLOG_gleycekos_08012020_093355.log</t>
  </si>
  <si>
    <t>\\acsfs\profiles$\gleycekos\My Documents\xworkcenter\logs\XLOG_gleycekos_08012020_093355.log</t>
  </si>
  <si>
    <t>NOVO VOL. CARTEIRAS</t>
  </si>
  <si>
    <t>2ae71e5a-45f8-4894-87ab-7ae58610174f.tmp</t>
  </si>
  <si>
    <t>\\acsfs\profiles$\luanarda\Downloads\2ae71e5a-45f8-4894-87ab-7ae58610174f.tmp</t>
  </si>
  <si>
    <t>751ee945-1e20-4135-93ca-fef767da8798.tmp</t>
  </si>
  <si>
    <t>\\acsfs\profiles$\wenderbnm\Downloads\751ee945-1e20-4135-93ca-fef767da8798.tmp</t>
  </si>
  <si>
    <t>f42d2671-57f8-46b5-ac99-b79a835eb76c.tmp</t>
  </si>
  <si>
    <t>\\acsfs\profiles$\kamilamrc\Downloads\f42d2671-57f8-46b5-ac99-b79a835eb76c.tmp</t>
  </si>
  <si>
    <t>259430a1-bfd9-4b9d-9588-e5dd5edce704.tmp</t>
  </si>
  <si>
    <t>\\acsfs\profiles$\kamilamrc\Downloads\259430a1-bfd9-4b9d-9588-e5dd5edce704.tmp</t>
  </si>
  <si>
    <t>75f3b5e7-2230-45d7-9690-e55a66aeccf3.tmp</t>
  </si>
  <si>
    <t>\\acsfs\profiles$\kamilamrc\Downloads\75f3b5e7-2230-45d7-9690-e55a66aeccf3.tmp</t>
  </si>
  <si>
    <t>91147bbb-4cfd-4020-8542-56d73722d286.tmp</t>
  </si>
  <si>
    <t>\\acsfs\profiles$\kamilamrc\Downloads\91147bbb-4cfd-4020-8542-56d73722d286.tmp</t>
  </si>
  <si>
    <t>bba06ae4-ebb7-45d9-9530-3445bc6b8057.tmp</t>
  </si>
  <si>
    <t>\\acsfs\profiles$\kamilamrc\Downloads\bba06ae4-ebb7-45d9-9530-3445bc6b8057.tmp</t>
  </si>
  <si>
    <t>6552;</t>
  </si>
  <si>
    <t>Formulário TTV - Lançamento de Hora Extra (16).xlsx</t>
  </si>
  <si>
    <t>http://6552</t>
  </si>
  <si>
    <t>\\acsfs\profiles$\gabrielsma\Downloads\e2911c97-eceb-4ab4-8201-fe9ee58eb148.tmp\</t>
  </si>
  <si>
    <t>\\acsfs\profiles$\gabrielsma\Downloads\e2911c97-eceb-4ab4-8201-fe9ee58eb148.tmp</t>
  </si>
  <si>
    <t>e2911c97-eceb-4ab4-8201-fe9ee58eb148.tmp</t>
  </si>
  <si>
    <t>\\acsfs\ACS\Gabriel da Silva\Contemporânea\BDBV\Não confirmado 774582.crdownload\</t>
  </si>
  <si>
    <t>\\acsfs\ACS\Gabriel da Silva\Contemporânea\BDBV\Não confirmado 774582.crdownload</t>
  </si>
  <si>
    <t>Não confirmado 774582.crdownload</t>
  </si>
  <si>
    <t>ca461f46-f3ef-4ccf-ae93-66999a3262e6.tmp</t>
  </si>
  <si>
    <t>\\acsfs\profiles$\THYAGOSP\Downloads\ca461f46-f3ef-4ccf-ae93-66999a3262e6.tmp</t>
  </si>
  <si>
    <t>d451c45e-b4b0-468b-a68e-c4d320f2d01b.tmp</t>
  </si>
  <si>
    <t>\\acsfs\profiles$\leticiala\Downloads\d451c45e-b4b0-468b-a68e-c4d320f2d01b.tmp</t>
  </si>
  <si>
    <t>10.201.30.51</t>
  </si>
  <si>
    <t>FC-01-7C-B3-D1-B3</t>
  </si>
  <si>
    <t>NB-ANDREMG</t>
  </si>
  <si>
    <t>andremg</t>
  </si>
  <si>
    <t>andremg@algartech.com</t>
  </si>
  <si>
    <t>andremg@algartecnologia.com.br;lponcioni@yahsat.com;mroggerio@hughes.com.br;rsantos@yahsat.com;</t>
  </si>
  <si>
    <t>C:\Users\andremg\Desktop\</t>
  </si>
  <si>
    <t>Cronograma Migração.xlsx</t>
  </si>
  <si>
    <t>andremg@algartecnologia.com.br,lponcioni@yahsat.com,mroggerio@hughes.com.br,rsantos@yahsat.com</t>
  </si>
  <si>
    <t>b4cce3bf-0b58-4b53-bd77-632d6bd29385.tmp</t>
  </si>
  <si>
    <t>\\acsfs\profiles$\adelvinsonle\Downloads\b4cce3bf-0b58-4b53-bd77-632d6bd29385.tmp</t>
  </si>
  <si>
    <t>45f75ddd-a15c-413b-a22d-9b2aef457510.tmp</t>
  </si>
  <si>
    <t>\\acsfs\profiles$\adelvinsonle\Downloads\45f75ddd-a15c-413b-a22d-9b2aef457510.tmp</t>
  </si>
  <si>
    <t>\\acsfs\DEPTOS\Operacao\Banco_Votorantim\Qualidade\Josias\</t>
  </si>
  <si>
    <t>webquiz.xlsx</t>
  </si>
  <si>
    <t>\\acsfs\DEPTOS\Operacao\Banco_Votorantim\Qualidade\Josias\webquiz.xlsx</t>
  </si>
  <si>
    <t>716ae23a-49ed-4d80-be19-a04ae3a329a6.tmp</t>
  </si>
  <si>
    <t>\\acsfs\profiles$\nathaliarmr\Downloads\716ae23a-49ed-4d80-be19-a04ae3a329a6.tmp</t>
  </si>
  <si>
    <t>https://andrelpsa@algartech.com,joaogvc@algartech.com,leonardoao@algartech.com,marianadjc@algartech.com,maristelavodq@bv.algartech.com,paulacn@algartech.com,rafaelggs@algartech.com,taysdss@algartech.com,viniciussg@algartech.com</t>
  </si>
  <si>
    <t>3xh===== conten;ancest;ancestorhasaugmentedpermissions;containsunsubscribedchildren;displayname;domain;emailaddress;explicitlytrashed;file(kind;fileid;filesize;hasthumbnail;hasthumbnail�;hasvisitorpermissions;id;id);items(deleted;items(kind;ken;ken=ac4w5vix_z5c3vm9ln1dolghdosvr2cejg:1578482277703&amp;buildlabel=drive.web-frontend_20191211.00_p19999997907;kind;lastmodifyinguser(kind;lastviewedbymedate;mimetype;modifiedbymedate;modifieddate;ontainsunsubscribedchildren;owners(kind;per;permissionid;pictu;picture;pmzizuzwu=;rpermissions;shared;sharedwithmedate;thumbnailversion;title;userpermission(role);workspaceids;</t>
  </si>
  <si>
    <t>3xh===== conten,ancest,ancestorhasaugmentedpermissions,containsunsubscribedchildren,displayname,domain,emailaddress,explicitlytrashed,file(kind,fileid,filesize,hasthumbnail,hasthumbnail�,hasvisitorpermissions,id,id),items(deleted,items(kind,ken,ken=ac4w5vix_z5c3vm9ln1dolghdosvr2cejg:1578482277703&amp;buildlabel=drive.web-frontend_20191211.00_p19999997907,kind,lastmodifyinguser(kind,lastviewedbymedate,mimetype,modifiedbymedate,modifieddate,ontainsunsubscribedchildren,owners(kind,per,permissionid,pictu,picture,pmzizuzwu=,rpermissions,shared,sharedwithmedate,thumbnailversion,title,userpermission(role),workspaceids</t>
  </si>
  <si>
    <t>ken=ac4w5vix_z5c3vm9ln1dolghdosvr2cejg:1578482277703&amp;buildlabel=drive.web-frontend_20191211.00_p1;</t>
  </si>
  <si>
    <t>ken=ac4w5vix_z5c3vm9ln1dolghdosvr2cejg:1578482277703&amp;buildlabel=drive.web-frontend_20191211.00_p1</t>
  </si>
  <si>
    <t>"[[];0];0]n\lib\_x000E_gen-p;1;1578483183727;1578487095663;17;1738007010;1]";4;62f782-ef2f-4018-bf8a-e9a53647a531\";7r�p�� ��_x0017_�_x0012_&amp;;["157;[1];[3700735];[];[]];[]]"];[]]];[null;ancestorhasaugmentedpermissions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a2yrts9lxdwy2a2qw-5owtggtmrllgiag:412:469)\\n at ht.kc (https://www.gstatic.com/og/_/js/k=og.qtm.en_us.xqsfvjkae_m.o/rt=j/m=qgl;qmd;qmutsd;qsd;shared;sharedwithmeda</t>
  </si>
  <si>
    <t>"[[],0],0]n\lib\_x000E_gen-p,1,1578483183727,1578487095663,17,1738007010,1]",4,62f782-ef2f-4018-bf8a-e9a53647a531\",7r�p�� ��_x0017_�_x0012_&amp;,["157,[1],[3700735],[],[]],[]]"],[]]],[null,ancestorhasaugmentedpermissions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a2yrts9lxdwy2a2qw-5owtggtmrllgiag:412:469)\\n at ht.kc (https://www.gstatic.com/og/_/js/k=og.qtm.en_us.xqsfvjkae_m.o/rt=j/m=qgl,qmd,qmutsd,qsd,shared,sharedwithmeda</t>
  </si>
  <si>
    <t>\\acsfs\DEPTOS\Seguranca do Trabalho\2 - Documentos\2.15 - Aparelhos de Medições - Calibração\</t>
  </si>
  <si>
    <t>Controle de Calibração 1.xlsx</t>
  </si>
  <si>
    <t>ancestorhasaugmentedpermissions,con,cont,containsunsubscribedchildren,displayname,domain,emailaddress,file(kind,fileid,filesize,fmgakpaepm_9bkezgubw' in parents&amp;fields=kind,fmgakpaepm_9bkezgubw?opendrive=false&amp;reason=102&amp;synctype=0&amp;errorrecovery=false&amp;fields=kind,fmgakpaepm_9bkezgubw?opendrive=false&amp;reason=1412&amp;synctype=0&amp;errorrecovery=false&amp;fields=kind,hasthumbnail,hasvisitorpermissions,id,id),items(deleted,items(kind,ken,kind,lastmodifyinguser(kind,lastviewedbymedate,modifiedbymedate,modifieddate,nextpagetoken,ontainsunsubscribedchildren,owners(kind,per,permiss,permissionid,pict,pictu,picture,rpermissions,shared,sharedwithmedate,thumbnailversion,title,userpermission(role),workspaceids</t>
  </si>
  <si>
    <t>04c6f704-0456-422e-a562-9f8cc0e039e0.tmp</t>
  </si>
  <si>
    <t>\\acsfs\profiles$\vivianealda\Downloads\04c6f704-0456-422e-a562-9f8cc0e039e0.tmp</t>
  </si>
  <si>
    <t>2e507837-6b13-4897-9a7f-88df4f43a3e4.tmp</t>
  </si>
  <si>
    <t>\\acsfs\profiles$\jhonatadss\Downloads\2e507837-6b13-4897-9a7f-88df4f43a3e4.tmp</t>
  </si>
  <si>
    <t>3e33217d-64b4-4293-9e58-adb408f8f6b6.tmp</t>
  </si>
  <si>
    <t>\\acsfs\profiles$\jhonatadss\Downloads\3e33217d-64b4-4293-9e58-adb408f8f6b6.tmp</t>
  </si>
  <si>
    <t>03e7b093-4115-4623-9cde-10be5cf5f16f.tmp</t>
  </si>
  <si>
    <t>\\acsfs\profiles$\rafaelahpn\Downloads\03e7b093-4115-4623-9cde-10be5cf5f16f.tmp</t>
  </si>
  <si>
    <t>"[[];"languagecode":"pt-br";"requesttype":"live_request";"scenariotype":"dr;"scenariotype":"dri;"timezone":"-03:00";0];0].c;0]];1;10;117;118;12;1212;1212];1358;15;1578485591688;1578486244215104;1578486244507000;1578486251976000;1578486252079000];1578486252365000;1600];1600]];17;1738007010;1];2;200];241;242;246;256];262;2];3;306;30];379;3]";44777999;61021];62f782-ef2f-4018-bf8a-e9a53647a531\";740;741;76];8;84;84779782]];85;85];87;91023;91023];[11;[15;[1578486251976000;[15];[2;[240;[248;[30;[3700735];[4;[5;[856;[[-1;[[1;[[1578486244466000];[[1578486244507000];[[[116];[[[736;[];[]];[]]"];[]]];[]]]]]];[null;false;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_x0010_y_x000F_ken=ac4w5vix_z5c3vm9ln1dolgh</t>
  </si>
  <si>
    <t>"[[],"languagecode":"pt-br","requesttype":"live_request","scenariotype":"dr,"scenariotype":"dri,"timezone":"-03:00",0],0].c,0]],1,10,117,118,12,1212,1212],1358,15,1578485591688,1578486244215104,1578486244507000,1578486251976000,1578486252079000],1578486252365000,1600],1600]],17,1738007010,1],2,200],241,242,246,256],262,2],3,306,30],379,3]",44777999,61021],62f782-ef2f-4018-bf8a-e9a53647a531\",740,741,76],8,84,84779782]],85,85],87,91023,91023],[11,[15,[1578486251976000,[15],[2,[240,[248,[30,[3700735],[4,[5,[856,[[-1,[[1,[[1578486244466000],[[1578486244507000],[[[116],[[[736,[],[]],[]]"],[]]],[]]]]]],[null,false,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_x0010_y_x000F_ken=ac4w5vix_z5c3vm9ln1dolgh</t>
  </si>
  <si>
    <t>ancest,containsunsubscribedchildren,displayname,domain,emailaddress,filesize,id),lastmodifyinguser(kind,lastviewedbymedate,modifiedbymedate,ontainsunsubscribedchildren,owners(kind,permissionid,pictu,picture,rpermissions,workspaceids</t>
  </si>
  <si>
    <t>1,1578482283785,1738007010,[],[]]],ancest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,picture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,userpermission(role),vxd5874j_rcxytdcakyaqcq4lriewtnjwmfrnjuv2-4muryr1woqdsmriyrxpb6q0jomgaedsibdjbasd4smb8mgt27ilk1iuo3qlr_ieswztassn-4tzfhfs7rn7vgnzv_zjdkl8uk\",workspaceids</t>
  </si>
  <si>
    <t>0]_x000F_;1;106001;109];137;14;156;1578482280746000;1578482280746_wmnyhopw71gf\;1578486252415000];1578486253659;159]];15]]];2;25;2];3;6;9;[1;[1578486252370000;[6];[78;[[10;[[12;[[null;[\"drive.web-frontend_20191211.00_p1\"]]]";[];[]]];[null;false;false]];ken=ac4w5vix_z5c3vm9ln1dolghdosvr2cejg:1578482277703&amp;buildlabel=drive.web-frontend_20191211.00_p1l;null;true];true]]];</t>
  </si>
  <si>
    <t>0]_x000F_,1,106001,109],137,14,156,1578482280746000,1578482280746_wmnyhopw71gf\,1578486252415000],1578486253659,159]],15]]],2,25,2],3,6,9,[1,[1578486252370000,[6],[78,[[10,[[12,[[null,[\"drive.web-frontend_20191211.00_p1\"]]]",[],[]]],[null,false,false]],ken=ac4w5vix_z5c3vm9ln1dolghdosvr2cejg:1578482277703&amp;buildlabel=drive.web-frontend_20191211.00_p1l,null,true],true]]]</t>
  </si>
  <si>
    <t>0]":0}b\_x000E_gen-p;1578487396656;1738007010;18;[];[]]];false;null;true]";ucqtrilxgzh2vmrvsg2jq1cbl4qg2jm47nvobhbfm_yn1fbbaidporrazpamsvj7sqad53jxy8lxn1gsuwlcokff-zk60jt6_mj0zjrpvewalswsaovfsol0bx_rkft-rmwy6dhqz6nive-v4tcaj4fvjzk0ccvxd5874j_rcxytdcakyaqcq4lriewtnjwmfrnjuv2-4muryr1woqdsmriyrxpb6q0jomgaedsibdjbasd4smb8mgt27ilk1iq-3qlr8vixdh40bg7ridqciwsgzc9gx-8lrpwrxylcs\";vxd5874j_rcxytdcakyaqcq4lriewtnjwmfrnjuv2-4muryr1woqdsmriyrxpb6q0jomgaedsibdjbasd4smb8mgt27ilk1iq-3qlr8vixdh40bg7ridqciwsgzc9gx-8lrpwrxylcs\";</t>
  </si>
  <si>
    <t>0]":0}b\_x000E_gen-p,1578487396656,1738007010,18,[],[]]],false,null,true]",ucqtrilxgzh2vmrvsg2jq1cbl4qg2jm47nvobhbfm_yn1fbbaidporrazpamsvj7sqad53jxy8lxn1gsuwlcokff-zk60jt6_mj0zjrpvewalswsaovfsol0bx_rkft-rmwy6dhqz6nive-v4tcaj4fvjzk0ccvxd5874j_rcxytdcakyaqcq4lriewtnjwmfrnjuv2-4muryr1woqdsmriyrxpb6q0jomgaedsibdjbasd4smb8mgt27ilk1iq-3qlr8vixdh40bg7ridqciwsgzc9gx-8lrpwrxylcs\",vxd5874j_rcxytdcakyaqcq4lriewtnjwmfrnjuv2-4muryr1woqdsmriyrxpb6q0jomgaedsibdjbasd4smb8mgt27ilk1iq-3qlr8vixdh40bg7ridqciwsgzc9gx-8lrpwrxylcs\"</t>
  </si>
  <si>
    <t>1578485811043000]]];dywotkwndi5ntixmjk1mty2mqokcij207tggtjnkjdxupg66tkmlha6ddk0nzmxodk4otgwmxfkp/e3lf9/vbgl";</t>
  </si>
  <si>
    <t>1578485811043000]]],dywotkwndi5ntixmjk1mty2mqokcij207tggtjnkjdxupg66tkmlha6ddk0nzmxodk4otgwmxfkp/e3lf9/vbgl"</t>
  </si>
  <si>
    <t>http:///batch?%24ct=multipart%2Fmixed%3B%20boundary%3D%22%3D%3D%3D%3D%3Dsmwbmp7m3gyp%3D%3D%3D%3D%3D%22&amp;key=AIzaSyAy9VVXHSpS2IJpptzYtGbLP3-3_l0aBk4</t>
  </si>
  <si>
    <t>http:///batch?%24ct=multipart%2Fmixed%3B%20boundary%3D%22%3D%3D%3D%3D%3Dk3kcd9gcsy4i%3D%3D%3D%3D%3D%22&amp;key=AIzaSyAy9VVXHSpS2IJpptzYtGbLP3-3_l0aBk4</t>
  </si>
  <si>
    <t>http:///batch?%24ct=multipart%2Fmixed%3B%20boundary%3D%22%3D%3D%3D%3D%3Dhbcwa4qthuc0%3D%3D%3D%3D%3D%22&amp;key=AIzaSyAy9VVXHSpS2IJpptzYtGbLP3-3_l0aBk4</t>
  </si>
  <si>
    <t>0]ok;15;1578486493690;1738007010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xu3qlr9iea7tizefmrvhfs1rsthvhhdn5f8nfdqwcwy\";userpermission(role);vxd5874j_rcxytdcakyaqcq4lriewtnjwmfrnjuv2-4muryr1woqdsmriyrxpb6q0jomgaedsibdjbasd4smb8mgt27ilk1ixu3qlr9iea7tizefmrvhfs1rsthvhhdn5f8nfdqwcwy\";workspaceids;</t>
  </si>
  <si>
    <t>http://0]ok,15,1578486493690,1738007010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xu3qlr9iea7tizefmrvhfs1rsthvhhdn5f8nfdqwcwy\",userpermission(role),vxd5874j_rcxytdcakyaqcq4lriewtnjwmfrnjuv2-4muryr1woqdsmriyrxpb6q0jomgaedsibdjbasd4smb8mgt27ilk1ixu3qlr9iea7tizefmrvhfs1rsthvhhdn5f8nfdqwcwy\",workspaceids</t>
  </si>
  <si>
    <t>http:///batch?%24ct=multipart%2Fmixed%3B%20boundary%3D%22%3D%3D%3D%3D%3Dc31sac7jo38k%3D%3D%3D%3D%3D%22&amp;key=AIzaSyAy9VVXHSpS2IJpptzYtGbLP3-3_l0aBk4</t>
  </si>
  <si>
    <t>1578482882712000]]];ancestorhasaugmentedpermissions;containsunsubscribedchildren;cqov8pllmzi2akekfiouyzcli 7jwjedt;dczmta5mzm2otcxndawmze4naolcj ctkdp unz gewpytj/9eklatqogw5ndczmtg5odk4mdmr8rg/ a4e6y8ycw==";displayname;domain;emailaddress;file(kind;fileid;filesize;hasthumbnail;hasvisitorpermissions;id;id);items(deleted;kalgbcgki4cf1 /lz5gikfioulte4odmxodm0mzu5mze4odm5ntqkcgjxifksicfypwcwpytj/9eklatqogw5ndczmtg5odk4mdmrkie6j4qedae;kalgbcgkinnzn /lz5gikfsotodczmta5mzm2otcxndawmze4naolcj ctkdp unz gewpytj/9eklatqogw5ndczmtg5odk4mdmr8rg/ a4e6y8;ken;kind;lastmodifyinguser(kind;lastviewedbymedate;modifiedbymedate;modifieddate;ontainsunsubscribedchildren;owners(kind;per;permissionid;picture;shared;sharedwithmedate;thumbnailversion;title;userpermission(role);workspaceids;</t>
  </si>
  <si>
    <t>http://1578482882712000]]],ancestorhasaugmentedpermissions,containsunsubscribedchildren,cqov8pllmzi2akekfiouyzcli 7jwjedt,dczmta5mzm2otcxndawmze4naolcj ctkdp unz gewpytj/9eklatqogw5ndczmtg5odk4mdmr8rg/ a4e6y8ycw==",displayname,domain,emailaddress,file(kind,fileid,filesize,hasthumbnail,hasvisitorpermissions,id,id),items(deleted,kalgbcgki4cf1 /lz5gikfioulte4odmxodm0mzu5mze4odm5ntqkcgjxifksicfypwcwpytj/9eklatqogw5ndczmtg5odk4mdmrkie6j4qedae,kalgbcgkinnzn /lz5gikfsotodczmta5mzm2otcxndawmze4naolcj ctkdp unz gewpytj/9eklatqogw5ndczmtg5odk4mdmr8rg/ a4e6y8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v8va7pxu1he9%3D%3D%3D%3D%3D%22&amp;key=AIzaSyAy9VVXHSpS2IJpptzYtGbLP3-3_l0aBk4</t>
  </si>
  <si>
    <t>http:///batch?%24ct=multipart%2Fmixed%3B%20boundary%3D%22%3D%3D%3D%3D%3D9ww880lolmzy%3D%3D%3D%3D%3D%22&amp;key=AIzaSyAy9VVXHSpS2IJpptzYtGbLP3-3_l0aBk4</t>
  </si>
  <si>
    <t>505982fd-6ae2-46f5-a3f9-33f814128371.tmp</t>
  </si>
  <si>
    <t>\\acsfs\profiles$\jhonatadss\Downloads\505982fd-6ae2-46f5-a3f9-33f814128371.tmp</t>
  </si>
  <si>
    <t>c005120e-bab0-46b7-8101-d470792369de.tmp</t>
  </si>
  <si>
    <t>\\acsfs\profiles$\lorrainerdl\Downloads\c005120e-bab0-46b7-8101-d470792369de.tmp</t>
  </si>
  <si>
    <t>$IFJNCY9.txt</t>
  </si>
  <si>
    <t>\\acsfs\profiles$\victoriaksr\My Documents\$RECYCLE.BIN\$IFJNCY9.txt</t>
  </si>
  <si>
    <t>$IMFUQRW.txt</t>
  </si>
  <si>
    <t>\\acsfs\profiles$\victoriaksr\My Documents\$RECYCLE.BIN\$IMFUQRW.txt</t>
  </si>
  <si>
    <t>$IJ89W2Y.xlsx</t>
  </si>
  <si>
    <t>\\acsfs\profiles$\victoriaksr\My Documents\$RECYCLE.BIN\$IJ89W2Y.xlsx</t>
  </si>
  <si>
    <t>.~lock.1724 (Tratados).ods#</t>
  </si>
  <si>
    <t>\\acsfs\profiles$\victoriaksr\My Documents\.~lock.1724 (Tratados).ods#</t>
  </si>
  <si>
    <t>mail.google.com/sync/u/0/i/s?hl=pt-BR&amp;c=690</t>
  </si>
  <si>
    <t>mail.google.com/sync/u/0/i/s?hl=pt-BR&amp;c=692</t>
  </si>
  <si>
    <t>mail.google.com/sync/u/0/i/s?hl=pt-BR&amp;c=696</t>
  </si>
  <si>
    <t>mail.google.com/sync/u/0/i/s?hl=pt-BR&amp;c=701</t>
  </si>
  <si>
    <t>bb8a39c2-311c-497d-9b70-f31023a16a2e.tmp</t>
  </si>
  <si>
    <t>\\acsfs\profiles$\henriquehmdo\Downloads\bb8a39c2-311c-497d-9b70-f31023a16a2e.tmp</t>
  </si>
  <si>
    <t>Não confirmado 922258.crdownload</t>
  </si>
  <si>
    <t>\\acsfs\profiles$\henriquehmdo\Downloads\Não confirmado 922258.crdownload</t>
  </si>
  <si>
    <t>87bda3cf-2706-4972-ac33-0c0e144ffe02.tmp</t>
  </si>
  <si>
    <t>\\acsfs\profiles$\henriquehmdo\Downloads\87bda3cf-2706-4972-ac33-0c0e144ffe02.tmp</t>
  </si>
  <si>
    <t>Q29udHJvbGxlci5DYWxjdWxhZG9yYURlVmVuY2lt (24).ica</t>
  </si>
  <si>
    <t>\\acsfs\profiles$\henriquehmdo\Downloads\Q29udHJvbGxlci5DYWxjdWxhZG9yYURlVmVuY2lt (24).ica</t>
  </si>
  <si>
    <t>mail.google.com/sync/u/0/i/s?hl=pt-BR&amp;c=445</t>
  </si>
  <si>
    <t>mail.google.com/sync/u/0/i/s?hl=pt-BR&amp;c=447</t>
  </si>
  <si>
    <t>89ee120b-9d36-4a43-800e-8323a4d8929b.tmp</t>
  </si>
  <si>
    <t>\\acsfs\profiles$\LAISLG\Downloads\89ee120b-9d36-4a43-800e-8323a4d8929b.tmp</t>
  </si>
  <si>
    <t>b41043f3-8136-436e-88c1-b69b58dc0717.tmp</t>
  </si>
  <si>
    <t>\\acsfs\profiles$\LAISLG\Downloads\b41043f3-8136-436e-88c1-b69b58dc0717.tmp</t>
  </si>
  <si>
    <t>114a49c9-f03b-4358-844a-6a2ce714041a.tmp</t>
  </si>
  <si>
    <t>\\acsfs\profiles$\gabrielhca\Downloads\114a49c9-f03b-4358-844a-6a2ce714041a.tmp</t>
  </si>
  <si>
    <t>7ffa7954-821f-4d50-989d-24f5fb7f92b1.tmp</t>
  </si>
  <si>
    <t>\\acsfs\profiles$\gabriellalpr\Downloads\7ffa7954-821f-4d50-989d-24f5fb7f92b1.tmp</t>
  </si>
  <si>
    <t>3c91106e-65c8-45e6-8664-516cd71e131a.tmp</t>
  </si>
  <si>
    <t>\\acsfs\profiles$\rafaelahpn\Downloads\3c91106e-65c8-45e6-8664-516cd71e131a.tmp</t>
  </si>
  <si>
    <t>0e892a35-ea7f-42b7-8e99-f3fde2c115e9.tmp</t>
  </si>
  <si>
    <t>\\acsfs\profiles$\KARENDSR\Downloads\0e892a35-ea7f-42b7-8e99-f3fde2c115e9.tmp</t>
  </si>
  <si>
    <t>$ICHBJ8V.txt</t>
  </si>
  <si>
    <t>\\acsfs\profiles$\victoriaksr\My Documents\$RECYCLE.BIN\$ICHBJ8V.txt</t>
  </si>
  <si>
    <t>.~lock.Fila 1721 - REORIENTAÇÃO PRIORIDADE OFICIAL - ENCAMINHADO SUPERVISÃO 05.12 (1).xlsx#</t>
  </si>
  <si>
    <t>\\acsfs\profiles$\victoriaksr\My Documents\.~lock.Fila 1721 - REORIENTAÇÃO PRIORIDADE OFICIAL - ENCAMINHADO SUPERVISÃO 05.12 (1).xlsx#</t>
  </si>
  <si>
    <t>$IXKGHIK.xlsx</t>
  </si>
  <si>
    <t>\\acsfs\profiles$\victoriaksr\My Documents\$RECYCLE.BIN\$IXKGHIK.xlsx</t>
  </si>
  <si>
    <t>.~lock.1721 (1).ods#</t>
  </si>
  <si>
    <t>\\acsfs\profiles$\victoriaksr\My Documents\.~lock.1721 (1).ods#</t>
  </si>
  <si>
    <t>$IRM2Z8W.ods</t>
  </si>
  <si>
    <t>\\acsfs\profiles$\victoriaksr\My Documents\$RECYCLE.BIN\$IRM2Z8W.ods</t>
  </si>
  <si>
    <t>.~lock.1721.ods#</t>
  </si>
  <si>
    <t>\\acsfs\profiles$\victoriaksr\My Documents\.~lock.1721.ods#</t>
  </si>
  <si>
    <t>$I9HFE9K.ods</t>
  </si>
  <si>
    <t>\\acsfs\profiles$\victoriaksr\My Documents\$RECYCLE.BIN\$I9HFE9K.ods</t>
  </si>
  <si>
    <t>$IEBXR1J.xlsx</t>
  </si>
  <si>
    <t>\\acsfs\profiles$\victoriaksr\My Documents\$RECYCLE.BIN\$IEBXR1J.xlsx</t>
  </si>
  <si>
    <t>$IZOS1QW.xlsx</t>
  </si>
  <si>
    <t>\\acsfs\profiles$\victoriaksr\My Documents\$RECYCLE.BIN\$IZOS1QW.xlsx</t>
  </si>
  <si>
    <t>$ITS65UT.xlsx</t>
  </si>
  <si>
    <t>\\acsfs\profiles$\victoriaksr\Downloads\$RECYCLE.BIN\$ITS65UT.xlsx</t>
  </si>
  <si>
    <t>$IVM55R2.xlsx</t>
  </si>
  <si>
    <t>\\acsfs\profiles$\victoriaksr\Downloads\$RECYCLE.BIN\$IVM55R2.xlsx</t>
  </si>
  <si>
    <t>$IKD7V38.xlsx</t>
  </si>
  <si>
    <t>\\acsfs\profiles$\victoriaksr\Downloads\$RECYCLE.BIN\$IKD7V38.xlsx</t>
  </si>
  <si>
    <t>$I86AU10.xlsx</t>
  </si>
  <si>
    <t>\\acsfs\profiles$\victoriaksr\Downloads\$RECYCLE.BIN\$I86AU10.xlsx</t>
  </si>
  <si>
    <t>$IMHT7E6.ods</t>
  </si>
  <si>
    <t>\\acsfs\profiles$\victoriaksr\Downloads\$RECYCLE.BIN\$IMHT7E6.ods</t>
  </si>
  <si>
    <t>$IIHG0LZ.xlsx</t>
  </si>
  <si>
    <t>\\acsfs\profiles$\victoriaksr\Downloads\$RECYCLE.BIN\$IIHG0LZ.xlsx</t>
  </si>
  <si>
    <t>$I02L0JB.xlsx</t>
  </si>
  <si>
    <t>\\acsfs\profiles$\victoriaksr\Downloads\$RECYCLE.BIN\$I02L0JB.xlsx</t>
  </si>
  <si>
    <t>$IXWVOF9.xlsx</t>
  </si>
  <si>
    <t>\\acsfs\profiles$\victoriaksr\Downloads\$RECYCLE.BIN\$IXWVOF9.xlsx</t>
  </si>
  <si>
    <t>$ILO9935.xlsx</t>
  </si>
  <si>
    <t>\\acsfs\profiles$\victoriaksr\My Documents\$RECYCLE.BIN\$ILO9935.xlsx</t>
  </si>
  <si>
    <t>$ILJL9EP.xlsx</t>
  </si>
  <si>
    <t>\\acsfs\profiles$\victoriaksr\My Documents\$RECYCLE.BIN\$ILJL9EP.xlsx</t>
  </si>
  <si>
    <t>$IX48J8B.xlsx</t>
  </si>
  <si>
    <t>\\acsfs\profiles$\victoriaksr\My Documents\$RECYCLE.BIN\$IX48J8B.xlsx</t>
  </si>
  <si>
    <t>5e3818f5-075c-4c60-aa6a-ccc28f24003f.tmp</t>
  </si>
  <si>
    <t>\\acsfs\profiles$\victoriaksr\Downloads\5e3818f5-075c-4c60-aa6a-ccc28f24003f.tmp</t>
  </si>
  <si>
    <t>C:\Users\ericacdosc\Desktop\Plano 2020 e Objetivos Específicos\</t>
  </si>
  <si>
    <t>Plano2020.xlsx</t>
  </si>
  <si>
    <t>ances,ancest,ancestorhasaugmentedpermissions,containsunsubscribedchildren,displayname,domain,emailaddress,file(kind,fileid,filesize,hasthumbnail,hasvisitorpermissions,id,id),items(deleted,items(kind,ken,kind,lastmodifyinguser(kind,lastviewedbymedate,modifiedbymedate,modifieddate,mqx9===== cont,ontainsunsubscribedchildren,owners(kind,per,permission,permissionid,pict,pictu,picture,rpermissions,shared,sharedwithmedate,thumbnailversion,title,userpermission(role),workspaceids</t>
  </si>
  <si>
    <t>C2494A3.tmp</t>
  </si>
  <si>
    <t>\\acsfs\ACS\Gabriel da Silva\Contemporânea\Erros Operacionais\C2494A3.tmp</t>
  </si>
  <si>
    <t>65E5A396.tmp</t>
  </si>
  <si>
    <t>\\acsfs\ACS\Gabriel da Silva\Contemporânea\Erros Operacionais\65E5A396.tmp</t>
  </si>
  <si>
    <t>8E23D505.tmp</t>
  </si>
  <si>
    <t>\\acsfs\ACS\Gabriel da Silva\Contemporânea\Erros Operacionais\8E23D505.tmp</t>
  </si>
  <si>
    <t>mail.google.com/sync/u/0/i/s?hl=pt-BR&amp;c=706</t>
  </si>
  <si>
    <t>mail.google.com/sync/u/0/i/s?hl=pt-BR&amp;c=708</t>
  </si>
  <si>
    <t>mail.google.com/sync/u/0/i/s?hl=pt-BR&amp;c=742</t>
  </si>
  <si>
    <t>dde0d13c-1f6e-4b76-8af5-d5e35920b43b.tmp</t>
  </si>
  <si>
    <t>\\acsfs\profiles$\henriquehmdo\Downloads\dde0d13c-1f6e-4b76-8af5-d5e35920b43b.tmp</t>
  </si>
  <si>
    <t>d1dfe447-16bc-4a7e-8142-ade3a4c55ca4.tmp</t>
  </si>
  <si>
    <t>\\acsfs\profiles$\henriquehmdo\Downloads\d1dfe447-16bc-4a7e-8142-ade3a4c55ca4.tmp</t>
  </si>
  <si>
    <t>andrelpsa@algartech.com;antoniocoj@algartech.com;ricardodfm@algartech.com.br;taysdss@algartech.com;viniciussg@algartech.com;</t>
  </si>
  <si>
    <t>andrelpsa@algartech.com,antoniocoj@algartech.com,ricardodfm@algartech.com.br,taysdss@algartech.com,viniciussg@algartech.com</t>
  </si>
  <si>
    <t>a29f2650-32c8-46a9-af97-a1e6b57bbebd.tmp</t>
  </si>
  <si>
    <t>\\acsfs\profiles$\inarajst\Downloads\a29f2650-32c8-46a9-af97-a1e6b57bbebd.tmp</t>
  </si>
  <si>
    <t>6e037dc4-b12e-4b2b-b921-5b1fe2de5bda.tmp</t>
  </si>
  <si>
    <t>\\acsfs\profiles$\geovannasm\Downloads\6e037dc4-b12e-4b2b-b921-5b1fe2de5bda.tmp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;"[[];"[[null;0;0]_`��_x000E_���_�_x001A_� �5s��0g��_x0010_�{�'�py�58�烯`��-�el{�_�_x0011_�on��7��l��`��-�em۲_�_x0014_vǢ�\�6��&lt;�_x001F_`��-�ehu�ݒ�_x0017_q�_x001D_����c�_x0007_��!kn;1;10;1011\;11;135;1578483546681;1578487614813;1578487623626;1738007010;1];283657575;3];424740;4];5;[1;[2;[20090307];[];[]];[]]"];[]]];[null;false;false]]";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;ken=ac4w5vix_z5c3vm9ln1dolghdosvr2cejg:1578482277703&amp;buildlabel=drive.web-frontend_20191211.00_p1null;ken=ac4w5vix_z5c3vm9ln1dolghdosvr2cejg:1578482277703&amp;buildlabel=drive.web-frontend_20191211.00_p1s_x0001_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0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1,135,1578483546681,1578487614813,1578487623626,1738007010,1],283657575,3],424740,4],5,[1,[2,[20090307],[],[]],[]]"],[]]],[null,false,false]]",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,ken=ac4w5vix_z5c3vm9ln1dolghdosvr2cejg:1578482277703&amp;buildlabel=drive.web-frontend_20191211.00_p1null,ken=ac4w5vix_z5c3vm9ln1dolghdosvr2cejg:1578482277703&amp;buildlabel=drive.web-frontend_20191211.00_p1s_x0001_</t>
  </si>
  <si>
    <t>http:///batch?%24ct=multipart%2Fmixed%3B%20boundary%3D%22%3D%3D%3D%3D%3Dkb5r87l8p8z%3D%3D%3D%3D%3D%22&amp;key=AIzaSyAy9VVXHSpS2IJpptzYtGbLP3-3_l0aBk4</t>
  </si>
  <si>
    <t>"[49;0]s3;0]x;10;11;1578484688680;1578484688680000;1578484989680;1578485290678;1738007010;8;[];[]];[]]];\"!xv6lxn9cqj8mh-qzxljy9sq73od3b_ucaaaazfiaaaahmqfntmixjmyw3dmlwsiglvmcia9rdpsnaskx-8otgo9gtnqffijf_egp4ek0w_76qmns-thx6rhizgiow8jpkxsxg7kpvf2v92kljox2sbl8q5ta_xv07h85e9c_foikg4bnxk9zjcl7uhqalq-6lmaljifbkl9a6as8xhnqotw;ancestorhasaugmentedpermissions;containsunsubscribedchildren;displayname;domain;emailaddress;false;file(kind;fileid;filesize;hasthumbnail;hasvisitorpermissions;id;id);items(deleted;items(kind;ken;kind;lastmodifyinguser(kind;lastviewedbymedate;modifiedbymedate;modifieddate;null;ontainsunsubscribedchildren;owners(kind;permiss;permission;permissionid;picture;picture�;rpermissions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w-3qlr9touhbp</t>
  </si>
  <si>
    <t>http://"[49,0]s3,0]x,10,11,1578484688680,1578484688680000,1578484989680,1578485290678,1738007010,8,[],[]],[]]],\"!xv6lxn9cqj8mh-qzxljy9sq73od3b_ucaaaazfiaaaahmqfntmixjmyw3dmlwsiglvmcia9rdpsnaskx-8otgo9gtnqffijf_egp4ek0w_76qmns-thx6rhizgiow8jpkxsxg7kpvf2v92kljox2sbl8q5ta_xv07h85e9c_foikg4bnxk9zjcl7uhqalq-6lmaljifbkl9a6as8xhnqotw,ancestorhasaugmentedpermissions,containsunsubscribedchildren,displayname,domain,emailaddress,false,file(kind,fileid,filesize,hasthumbnail,hasvisitorpermissions,id,id),items(deleted,items(kind,ken,kind,lastmodifyinguser(kind,lastviewedbymedate,modifiedbymedate,modifieddate,null,ontainsunsubscribedchildren,owners(kind,permiss,permission,permissionid,picture,picture�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w-3qlr</t>
  </si>
  <si>
    <t>http:///batch?%24ct=multipart%2Fmixed%3B%20boundary%3D%22%3D%3D%3D%3D%3Dspieepl4pgv%3D%3D%3D%3D%3D%22&amp;key=AIzaSyAy9VVXHSpS2IJpptzYtGbLP3-3_l0aBk4</t>
  </si>
  <si>
    <t>http:///batch?%24ct=multipart%2Fmixed%3B%20boundary%3D%22%3D%3D%3D%3D%3Dkempjvdsqj3f%3D%3D%3D%3D%3D%22&amp;key=AIzaSyAy9VVXHSpS2IJpptzYtGbLP3-3_l0aBk4</t>
  </si>
  <si>
    <t>"[49;0]s3;0]x;10;11;1578484688680;1578484688680000;1578484989680;1578485290678;1738007010;8;[];[]];[]]];\"!xv6lxn9cqj8mh-qzxljy9sq73od3b_ucaaaazfiaaaahmqfntmixjmyw3dmlwsiglvmcia9rdpsnaskx-8otgo9gtnqffijf_egp4ek0w_76qmns-thx6rhizgiow8jpkxsxg7kpvf2v92kljox2sbl8q5ta_xv07h85e9c_foikg4bnxk9zjcl7uhqalq-6lmaljifbkl9a6as8xhnqotw;ancestorhasaugmentedpermissions;containsunsubscribedchildren;displayname;domain;emailaddress;false;file(kind;fileid;filesize;hasthumbnail;hasvisitorpermissions;id;id);items(deleted;items(kind;ken;kind;lastmodifyinguser(kind;lastviewedbymedate;modifiedbymedate;modifieddate;null;ontainsunsubscribedchildren;owners(kind;per;permiss;permission;permissionid;picture;picture�;rpermissions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w-3qlr9to</t>
  </si>
  <si>
    <t>http://"[49,0]s3,0]x,10,11,1578484688680,1578484688680000,1578484989680,1578485290678,1738007010,8,[],[]],[]]],\"!xv6lxn9cqj8mh-qzxljy9sq73od3b_ucaaaazfiaaaahmqfntmixjmyw3dmlwsiglvmcia9rdpsnaskx-8otgo9gtnqffijf_egp4ek0w_76qmns-thx6rhizgiow8jpkxsxg7kpvf2v92kljox2sbl8q5ta_xv07h85e9c_foikg4bnxk9zjcl7uhqalq-6lmaljifbkl9a6as8xhnqotw,ancestorhasaugmentedpermissions,containsunsubscribedchildren,displayname,domain,emailaddress,false,file(kind,fileid,filesize,hasthumbnail,hasvisitorpermissions,id,id),items(deleted,items(kind,ken,kind,lastmodifyinguser(kind,lastviewedbymedate,modifiedbymedate,modifieddate,null,ontainsunsubscribedchildren,owners(kind,per,permiss,permission,permissionid,picture,picture�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w-</t>
  </si>
  <si>
    <t>http:///batch?%24ct=multipart%2Fmixed%3B%20boundary%3D%22%3D%3D%3D%3D%3Dk8ilzsbq7dm%3D%3D%3D%3D%3D%22&amp;key=AIzaSyAy9VVXHSpS2IJpptzYtGbLP3-3_l0aBk4</t>
  </si>
  <si>
    <t>1578485811043000]]];ancestorhasaugmentedpermissions;containsunsubscribedchildren;displayname;domain;dywotkwndi5ntixmjk1mty2mqokcij207tggtjnkjdxupg66tkmlha6ddk0nzmxodk4otgwmxfkp/e3lf9/vbgl";emailaddress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;workspaceids;</t>
  </si>
  <si>
    <t>http://1578485811043000]]],ancestorhasaugmentedpermissions,containsunsubscribedchildren,displayname,domain,dywotkwndi5ntixmjk1mty2mqokcij207tggtjnkjdxupg66tkmlha6ddk0nzmxodk4otgwmxfkp/e3lf9/vbgl",emailaddress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,workspaceids</t>
  </si>
  <si>
    <t>http:///batch?%24ct=multipart%2Fmixed%3B%20boundary%3D%22%3D%3D%3D%3D%3Dsif1d7myrdrw%3D%3D%3D%3D%3D%22&amp;key=AIzaSyAy9VVXHSpS2IJpptzYtGbLP3-3_l0aBk4</t>
  </si>
  <si>
    <t>1578485811043000]]];ancestorhasaugmentedpermissions;containsunsubscribedchildren;displayname;domain;dywotkwndi5ntixmjk1mty2mqokcij207tggtjnkjdxupg66tkmlha6ddk0nzmxodk4otgwmxfkp/e3lf9/vbgl"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1578485811043000]]],ancestorhasaugmentedpermissions,containsunsubscribedchildren,displayname,domain,dywotkwndi5ntixmjk1mty2mqokcij207tggtjnkjdxupg66tkmlha6ddk0nzmxodk4otgwmxfkp/e3lf9/vbgl"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8474brkwsn4m%3D%3D%3D%3D%3D%22&amp;key=AIzaSyAy9VVXHSpS2IJpptzYtGbLP3-3_l0aBk4</t>
  </si>
  <si>
    <t>\\acsfs\DEPTOS\Operacao\Banco_Votorantim\Qualidade\Eliane\ACESSOS\</t>
  </si>
  <si>
    <t>Acessos e pastas.txt</t>
  </si>
  <si>
    <t>\\acsfs\DEPTOS\Operacao\Banco_Votorantim\Qualidade\Eliane\ACESSOS\Acessos e pastas.txt</t>
  </si>
  <si>
    <t>8796ab97-56a2-471b-a24b-7f6795298b71.tmp</t>
  </si>
  <si>
    <t>\\acsfs\profiles$\lorenabmc\Downloads\8796ab97-56a2-471b-a24b-7f6795298b71.tmp</t>
  </si>
  <si>
    <t>e7dffb0f-02bf-44a1-868f-e358b36c0dff.tmp</t>
  </si>
  <si>
    <t>\\acsfs\profiles$\lorenabmc\Downloads\e7dffb0f-02bf-44a1-868f-e358b36c0dff.tmp</t>
  </si>
  <si>
    <t>7a3d266d-953d-4f63-a73e-257693c5a71d.tmp</t>
  </si>
  <si>
    <t>\\acsfs\profiles$\francislayneads\Downloads\7a3d266d-953d-4f63-a73e-257693c5a71d.tmp</t>
  </si>
  <si>
    <t>b43d04de-0a8c-493a-a97d-b530a13c1f26.tmp</t>
  </si>
  <si>
    <t>\\acsfs\profiles$\francislayneads\Downloads\b43d04de-0a8c-493a-a97d-b530a13c1f26.tmp</t>
  </si>
  <si>
    <t>outlook.office.com/owa/service.svc?action=CreateItem&amp;app=Mail&amp;n=193</t>
  </si>
  <si>
    <t>josiascdsj@algartech.com;maristelavodq@bv.algartech.com;</t>
  </si>
  <si>
    <t>josiascdsj@algartech.com,maristelavodq@bv.algartech.com</t>
  </si>
  <si>
    <t>~$Banco de Dados BV.xlsx</t>
  </si>
  <si>
    <t>\\acsfs\ACS\Gabriel da Silva\Contemporânea\BDBV\~$Banco de Dados BV.xlsx</t>
  </si>
  <si>
    <t>outlook.office.com/owa/service.svc?action=UpdateItem&amp;app=Mail&amp;n=196</t>
  </si>
  <si>
    <t>outlook.office.com/owa/service.svc?action=UpdateItem&amp;app=Mail&amp;n=214</t>
  </si>
  <si>
    <t>algartechcpcbv@algartech.com;andrelpsa@algartech.com;josiascdsj@algartech.com;maristelavodq@bv.algartech.com;mirianppb@algartech.com;qualidadealgarbv@algartech.com;supervisaobancovotorantim@algartech.com;talmaiardo@algartech.com;</t>
  </si>
  <si>
    <t>algartechcpcbv@algartech.com,andrelpsa@algartech.com,josiascdsj@algartech.com,maristelavodq@bv.algartech.com,mirianppb@algartech.com,qualidadealgarbv@algartech.com,supervisaobancovotorantim@algartech.com,talmaiardo@algartech.com</t>
  </si>
  <si>
    <t>outlook.office.com/owa/service.svc?action=UpdateItem&amp;app=Mail&amp;n=222</t>
  </si>
  <si>
    <t>algartechcpcbv@algartech.com;andrelpsa@algartech.com;josiascdsj@algartech.com;maristelavodq@bv.algartech.com;mirianppb@algartech.com;qualidadealgarbv@algartech.com;supervisaobancovotorantim@algartech.com;talmaiardo@algartech.com;thiagolrc@bv.algartech.com;</t>
  </si>
  <si>
    <t>algartechcpcbv@algartech.com,andrelpsa@algartech.com,josiascdsj@algartech.com,maristelavodq@bv.algartech.com,mirianppb@algartech.com,qualidadealgarbv@algartech.com,supervisaobancovotorantim@algartech.com,talmaiardo@algartech.com,thiagolrc@bv.algartech.com</t>
  </si>
  <si>
    <t>outlook.office.com/owa/service.svc?action=UpdateItem&amp;app=Mail&amp;n=229</t>
  </si>
  <si>
    <t>outlook.office.com/owa/service.svc?action=CreateItem&amp;app=Mail&amp;n=251</t>
  </si>
  <si>
    <t>outlook.office.com/owa/service.svc?action=UpdateItem&amp;app=Mail&amp;n=272</t>
  </si>
  <si>
    <t>d364fa98-3ce0-46df-b739-315579149d10.tmp</t>
  </si>
  <si>
    <t>\\acsfs\profiles$\mariagsg\Downloads\d364fa98-3ce0-46df-b739-315579149d10.tmp</t>
  </si>
  <si>
    <t>73b4ead1-6374-4d82-aaac-1d4bbe6bbfbf.tmp</t>
  </si>
  <si>
    <t>\\acsfs\profiles$\mariagsg\Downloads\73b4ead1-6374-4d82-aaac-1d4bbe6bbfbf.tmp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;"[[];"[[null;0;0]_`��_x000E_���_�_x001A_� �5s��0g��_x0010_�{�'�py�58�烯`��-�el{�_�_x0011_�on��7��l��`��-�em۲_�_x0014_vǢ�\�6��&lt;�_x001F_`��-�ehu�ݒ�_x0017_q�_x001D_����c�_x0007_��!kn;1;10;1011\;11;135;1578487603652000]]];1578487614813;1578487623626;1];283657575;3];424740;4];5;[1;[2;[20090307];[];[]];[]]"];[]]];[null;agas=";ancestorhasaugmentedpermissions;containsunsubscribedchildren;displayname;domain;emailaddress;explicitlytrashed;false]]";file(kind;fileid;filesize;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;hasthumbnail;hasvisitorpermissions;id;id);items(deleted;items(kind;k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0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1,135,1578487603652000]]],1578487614813,1578487623626,1],283657575,3],424740,4],5,[1,[2,[20090307],[],[]],[]]"],[]]],[null,agas=",ancestorhasaugmentedpermissions,containsunsubscribedchildren,displayname,domain,emailaddress,explicitlytrashed,false]]",file(kind,fileid,filesize,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,hasthumbnail,hasvisitorpermissions,id,id),items(deleted,items(kind,k</t>
  </si>
  <si>
    <t>"[[];0];0]kind;0]n\lib\_x000E_gen-p;1;1578483183727;1578487095663;1578487998656;17;1738007010;1]";20;4;62f782-ef2f-4018-bf8a-e9a53647a531\";7r�p�� ��_x0017_�_x0012_&amp;;["157;[1];[3700735];[];[]];[]]"];[]]];[null;ancestorhasaugmentedpermissions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a2yrts9lxdwy2a2qw-5owtggtmrllgiag:412:469)\\n at ht.kc (https://www.gstatic.com/og/_/js/k=og.qtm.en_us.xqsfvjkae_m.o/rt=j/m=qgl;qmd;qmutsd;q</t>
  </si>
  <si>
    <t>"[[],0],0]kind,0]n\lib\_x000E_gen-p,1,1578483183727,1578487095663,1578487998656,17,1738007010,1]",20,4,62f782-ef2f-4018-bf8a-e9a53647a531\",7r�p�� ��_x0017_�_x0012_&amp;,["157,[1],[3700735],[],[]],[]]"],[]]],[null,ancestorhasaugmentedpermissions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a2yrts9lxdwy2a2qw-5owtggtmrllgiag:412:469)\\n at ht.kc (https://www.gstatic.com/og/_/js/k=og.qtm.en_us.xqsfvjkae_m.o/rt=j/m=qgl,qmd,qmutsd,q</t>
  </si>
  <si>
    <t>http:///batch?%24ct=multipart%2Fmixed%3B%20boundary%3D%22%3D%3D%3D%3D%3Dp64b5me0e9ra%3D%3D%3D%3D%3D%22&amp;key=AIzaSyAy9VVXHSpS2IJpptzYtGbLP3-3_l0aBk4</t>
  </si>
  <si>
    <t>http:///batch?%24ct=multipart%2Fmixed%3B%20boundary%3D%22%3D%3D%3D%3D%3Dqvrsh1uunrpl%3D%3D%3D%3D%3D%22&amp;key=AIzaSyAy9VVXHSpS2IJpptzYtGbLP3-3_l0aBk4</t>
  </si>
  <si>
    <t>http:///batch?%24ct=multipart%2Fmixed%3B%20boundary%3D%22%3D%3D%3D%3D%3Dqt8lyj5euc3g%3D%3D%3D%3D%3D%22&amp;key=AIzaSyAy9VVXHSpS2IJpptzYtGbLP3-3_l0aBk4</t>
  </si>
  <si>
    <t>898b14c8-9cb3-41b2-aef3-6cb705177e18.tmp</t>
  </si>
  <si>
    <t>\\acsfs\profiles$\isabellegtds\Downloads\898b14c8-9cb3-41b2-aef3-6cb705177e18.tmp</t>
  </si>
  <si>
    <t>10.200.61.34</t>
  </si>
  <si>
    <t>54-BF-64-F5-81-6A</t>
  </si>
  <si>
    <t>alinesf@algartech.com</t>
  </si>
  <si>
    <t>0];0]1578���y91;0]ll;1578482714853;1578483015889;247;248;438485186;[];[]]];edw8gaayghbw5glwd3sn2dr01gjuybn6w_gqjpj56vum6i9gtrfwol8tzwfvewik1ppnhefh5sfqvkplby6-_nzfqsv6lxyuvhk2yyktsmasf7o\";edw8gaayghbw5glwd3sn2dr01gjuybn6w_gqjpj56vum6i9gtrfwol8tzwfvewik1ppni0fh5sftryqciivzdm1ip0wqwce_7s4z_sfxjybatp8\";false;null;true]";</t>
  </si>
  <si>
    <t>Piscina.xlsx</t>
  </si>
  <si>
    <t>0],0]1578���y91,0]ll,1578482714853,1578483015889,247,248,438485186,[],[]]],edw8gaayghbw5glwd3sn2dr01gjuybn6w_gqjpj56vum6i9gtrfwol8tzwfvewik1ppnhefh5sfqvkplby6-_nzfqsv6lxyuvhk2yyktsmasf7o\",edw8gaayghbw5glwd3sn2dr01gjuybn6w_gqjpj56vum6i9gtrfwol8tzwfvewik1ppni0fh5sftryqciivzdm1ip0wqwce_7s4z_sfxjybatp8\",false,null,true]"</t>
  </si>
  <si>
    <t>GABRIELA FERREIRA SILVA (3165).contact</t>
  </si>
  <si>
    <t>\\acsfs\profiles$\gabrielafs\Contacts\GABRIELA FERREIRA SILVA (3165).contact</t>
  </si>
  <si>
    <t>b4afb9a4-70d1-4967-8923-703ff89fff2d.tmp</t>
  </si>
  <si>
    <t>\\acsfs\profiles$\gabrielafs\Downloads\b4afb9a4-70d1-4967-8923-703ff89fff2d.tmp</t>
  </si>
  <si>
    <t>9950df7c-64b0-4e31-9746-80ebeb528955.tmp</t>
  </si>
  <si>
    <t>\\acsfs\profiles$\gabrielafs\Downloads\9950df7c-64b0-4e31-9746-80ebeb528955.tmp</t>
  </si>
  <si>
    <t>JANAYNA TEREZA ROCHA ONOFRE_1_6774912018730267558_1_32.wav</t>
  </si>
  <si>
    <t>\\acsfs\Deptos\EDUCACAO EMPRESARIAL\KÉSIA\Ligações 1º Ciclo - Janeiro 2020\JANAYNA TEREZA ROCHA ONOFRE_1_6774912018730267558_1_32.wav</t>
  </si>
  <si>
    <t>b5b8c6a8-764b-4d03-baea-c8fcab19352f.tmp</t>
  </si>
  <si>
    <t>\\acsfs\profiles$\ROZENCAM\Downloads\b5b8c6a8-764b-4d03-baea-c8fcab19352f.tmp</t>
  </si>
  <si>
    <t>7254BFAE.tmp</t>
  </si>
  <si>
    <t>\\acsfs\ACS\Gabriel da Silva\Contemporânea\Erros Operacionais\7254BFAE.tmp</t>
  </si>
  <si>
    <t>cbdb3e17-0891-460a-ba69-703e93b480f4.tmp</t>
  </si>
  <si>
    <t>\\acsfs\profiles$\isabellegtds\Downloads\cbdb3e17-0891-460a-ba69-703e93b480f4.tmp</t>
  </si>
  <si>
    <t>e9cc6b69-c743-4326-99b6-2f66dd9331bc.tmp</t>
  </si>
  <si>
    <t>\\acsfs\profiles$\ALYNYA\Downloads\e9cc6b69-c743-4326-99b6-2f66dd9331bc.tmp</t>
  </si>
  <si>
    <t>3c756faf-f5f2-4823-b5b1-731e689fd3ef.tmp</t>
  </si>
  <si>
    <t>\\acsfs\profiles$\ALYNYA\Downloads\3c756faf-f5f2-4823-b5b1-731e689fd3ef.tmp</t>
  </si>
  <si>
    <t>e238e9ef-2cbd-48dc-9b32-665f54aaad19.tmp</t>
  </si>
  <si>
    <t>\\acsfs\profiles$\gabrielaff\Downloads\e238e9ef-2cbd-48dc-9b32-665f54aaad19.tmp</t>
  </si>
  <si>
    <t>3c95757a-12c7-4639-ba2c-068ed03fe8e1.tmp</t>
  </si>
  <si>
    <t>\\acsfs\profiles$\sarahbal\Downloads\3c95757a-12c7-4639-ba2c-068ed03fe8e1.tmp</t>
  </si>
  <si>
    <t>b84fb301-7136-43f3-8f89-ede7e285472c.tmp</t>
  </si>
  <si>
    <t>\\acsfs\profiles$\sarahbal\Downloads\b84fb301-7136-43f3-8f89-ede7e285472c.tmp</t>
  </si>
  <si>
    <t>\\acsfs\ACS\Gabriel da Silva\Contemporânea\NPS\Nova pasta\</t>
  </si>
  <si>
    <t>~$Controle de Erros operacionais - Dezembro - 02.01.20.xlsb</t>
  </si>
  <si>
    <t>\\acsfs\ACS\Gabriel da Silva\Contemporânea\NPS\Nova pasta\~$Controle de Erros operacionais - Dezembro - 02.01.20.xlsb</t>
  </si>
  <si>
    <t>57F5EC6.tmp</t>
  </si>
  <si>
    <t>\\acsfs\ACS\Gabriel da Silva\Contemporânea\Erros Operacionais\57F5EC6.tmp</t>
  </si>
  <si>
    <t>~$baseLigs.xlsm</t>
  </si>
  <si>
    <t>\\acsfs\ACS\Gabriel da Silva\Contemporânea\Erros Operacionais\~$baseLigs.xlsm</t>
  </si>
  <si>
    <t>6c486546-a3a4-4028-9069-47a7749b33ee.tmp</t>
  </si>
  <si>
    <t>\\acsfs\profiles$\leticiala\Downloads\6c486546-a3a4-4028-9069-47a7749b33ee.tmp</t>
  </si>
  <si>
    <t>c0794e5b-7670-4d54-8a92-ffce2f3538a4.tmp</t>
  </si>
  <si>
    <t>\\acsfs\profiles$\gabrielafs\Downloads\c0794e5b-7670-4d54-8a92-ffce2f3538a4.tmp</t>
  </si>
  <si>
    <t>bacab4af-7993-457b-9072-aeecbb4b1f71.tmp</t>
  </si>
  <si>
    <t>\\acsfs\profiles$\gabrielafs\Downloads\bacab4af-7993-457b-9072-aeecbb4b1f71.tmp</t>
  </si>
  <si>
    <t>d92374de-2b18-4640-a1c3-45d176a19233.tmp</t>
  </si>
  <si>
    <t>\\acsfs\profiles$\gabrielafs\Downloads\d92374de-2b18-4640-a1c3-45d176a19233.tmp</t>
  </si>
  <si>
    <t>RELATORIO DE LOGIN - FINANCEIRA - 06-01 - Cópia.xlsm</t>
  </si>
  <si>
    <t>\\acsfs\DEPTOS\Operacao\PCP\5 - Comum\PLANEJAMENTO BV\14 - ACOMPANHAMENTO\1 - REPORT ACOMPANHAMENTO\2020\1 - JANEIRO\FINANCEIRA\Login Logout Financeira\RELATORIO DE LOGIN - FINANCEIRA - 06-01 - Cópia.xlsm</t>
  </si>
  <si>
    <t>Rateios Victor.xlsx</t>
  </si>
  <si>
    <t>ad3d0b02-80dc-4087-95dc-c7a6299d674b.tmp</t>
  </si>
  <si>
    <t>\\acsfs\profiles$\isabellegtds\Downloads\ad3d0b02-80dc-4087-95dc-c7a6299d674b.tmp</t>
  </si>
  <si>
    <t>JOYCE MARIA MENDES DIAS LOPES_1_6776407693846456800_1_32.wav</t>
  </si>
  <si>
    <t>\\acsfs\Deptos\EDUCACAO EMPRESARIAL\KÉSIA\Ligações 1º Ciclo - Janeiro 2020\JOYCE MARIA MENDES DIAS LOPES_1_6776407693846456800_1_32.wav</t>
  </si>
  <si>
    <t>Análise dos Produtos da Algar Telecom.xlsx</t>
  </si>
  <si>
    <t>mail.google.com/_/upload?authuser=0&amp;dcp=asu-n&amp;upload_id=AEnB2UpNCMKpduC6H2Qo0Y_RuM_gvJTiHZKGTvHE7KtwJh0RaTfKJsQAeEdl-XgfEq40vZgBcI2pB1U3X9hIXOk4NIUAO8N_VlGgNOxoGemi5ULTCS8X4Qk&amp;upload_protocol=resumable</t>
  </si>
  <si>
    <t>C:\Users\edilsonrb\Documents\02.Trabalho\86.ANO.2020\02.NIMBUS\01.JANEIRO\03.HOLDING\</t>
  </si>
  <si>
    <t>152152CB.tmp</t>
  </si>
  <si>
    <t>\\acsfs\ACS\Gabriel da Silva\Contemporânea\Erros Operacionais\152152CB.tmp</t>
  </si>
  <si>
    <t>bd atualizado financeira.xlsx</t>
  </si>
  <si>
    <t>\\acsfs\DEPTOS\Operacao\PCP\5 - Comum\JUKA\bd atualizado financeira.xlsx</t>
  </si>
  <si>
    <t>44f477ff-793a-4d90-95f7-5f2b9cb7705e.tmp</t>
  </si>
  <si>
    <t>\\acsfs\profiles$\anafsb\Downloads\44f477ff-793a-4d90-95f7-5f2b9cb7705e.tmp</t>
  </si>
  <si>
    <t>b26960a3-667d-4e40-810b-0bac60697c9e.tmp</t>
  </si>
  <si>
    <t>\\acsfs\profiles$\kamilamrc\Downloads\b26960a3-667d-4e40-810b-0bac60697c9e.tmp</t>
  </si>
  <si>
    <t>tiagorpf@algartech.com</t>
  </si>
  <si>
    <t>mail.google.com/_/upload?authuser=0&amp;dcp=asu-n&amp;upload_id=AEnB2Uqx1S3ssNViQHjBgUL8Ur1vniNzX-tazmGgrchgzwFr1QYznAxjIhbXFnA0EDkK7v6IQzsIhqeDrqfA20DtNDsdA71PLWr7w95w_OQ0gwQqRp1kRP8&amp;upload_protocol=resumable</t>
  </si>
  <si>
    <t>\\acsfs\DEPTOS\Operacao\PCP\5 - Comum\ACOMPANHAMENTO AMEX\43 - ACOMPANHAMENTO PJ\4 - COMISSÃO DE PLANEJAMENTO\</t>
  </si>
  <si>
    <t>Enviar_Volume Mensal - OFICIAL.xlsx</t>
  </si>
  <si>
    <t>http://cinemagraphs.com/api/census/recordhit</t>
  </si>
  <si>
    <t>3f45d99f-2264-43c9-a657-e24ea6eb3247.tmp</t>
  </si>
  <si>
    <t>\\acsfs\profiles$\rafaelahpn\Downloads\3f45d99f-2264-43c9-a657-e24ea6eb3247.tmp</t>
  </si>
  <si>
    <t>2da72c98-fd4e-40ab-a6ce-dac2113709e5.tmp</t>
  </si>
  <si>
    <t>\\acsfs\profiles$\ROZENCAM\Downloads\2da72c98-fd4e-40ab-a6ce-dac2113709e5.tmp</t>
  </si>
  <si>
    <t>fe75ec51-33c7-49b0-8409-fb4d65b0e85e.tmp</t>
  </si>
  <si>
    <t>\\acsfs\profiles$\sarahbal\Downloads\fe75ec51-33c7-49b0-8409-fb4d65b0e85e.tmp</t>
  </si>
  <si>
    <t>380603d3-9f27-4d8d-9f14-46b45846fa79.tmp</t>
  </si>
  <si>
    <t>\\acsfs\profiles$\lucasqdss\Downloads\380603d3-9f27-4d8d-9f14-46b45846fa79.tmp</t>
  </si>
  <si>
    <t>RES: RES: RES: Painel BO Contas Novas AEB - Fechamento Dezembro/19.</t>
  </si>
  <si>
    <t>1522DF47.tmp</t>
  </si>
  <si>
    <t>\\acsfs\ACS\Gabriel da Silva\Contemporânea\Erros Operacionais\1522DF47.tmp</t>
  </si>
  <si>
    <t>\\acsfs\DEPTOS\Operacao\Banco_Votorantim\Supervisao\Maristela\CRBV vendas\</t>
  </si>
  <si>
    <t>Dados associados.xlsx</t>
  </si>
  <si>
    <t>\\acsfs\DEPTOS\Operacao\Banco_Votorantim\Supervisao\Maristela\CRBV vendas\Dados associados.xlsx</t>
  </si>
  <si>
    <t>3db146f6-0b4f-42cc-998f-7bffbc57f345.tmp</t>
  </si>
  <si>
    <t>\\acsfs\profiles$\leticiala\Downloads\3db146f6-0b4f-42cc-998f-7bffbc57f345.tmp</t>
  </si>
  <si>
    <t>b51db587-f29b-409a-9f8b-75de4de568ae.tmp</t>
  </si>
  <si>
    <t>\\acsfs\profiles$\PEDROHAB\Downloads\b51db587-f29b-409a-9f8b-75de4de568ae.tmp</t>
  </si>
  <si>
    <t>https://udpwfmniceap02/web/guest/home?p_auth=dpo0ix4s&amp;p_p_id=58&amp;p_p_lifecycle=1&amp;p_p_state=maximized&amp;p_p_mode=view&amp;savelastpath=0&amp;_58_struts_action=/login/forgot_password</t>
  </si>
  <si>
    <t>bc543736-fdc9-4f73-8ae8-ff5cdd1618f9.tmp</t>
  </si>
  <si>
    <t>\\acsfs\profiles$\LAISLG\Downloads\bc543736-fdc9-4f73-8ae8-ff5cdd1618f9.tmp</t>
  </si>
  <si>
    <t>http:///batch?%24ct=multipart%2Fmixed%3B%20boundary%3D%22%3D%3D%3D%3D%3Daqhsxhbsddkl%3D%3D%3D%3D%3D%22&amp;key=AIzaSyAy9VVXHSpS2IJpptzYtGbLP3-3_l0aBk4</t>
  </si>
  <si>
    <t>http:///batch?%24ct=multipart%2Fmixed%3B%20boundary%3D%22%3D%3D%3D%3D%3D46qnu766dmdq%3D%3D%3D%3D%3D%22&amp;key=AIzaSyAy9VVXHSpS2IJpptzYtGbLP3-3_l0aBk4</t>
  </si>
  <si>
    <t>http:///batch?%24ct=multipart%2Fmixed%3B%20boundary%3D%22%3D%3D%3D%3D%3Dh2pzukaj8opo%3D%3D%3D%3D%3D%22&amp;key=AIzaSyAy9VVXHSpS2IJpptzYtGbLP3-3_l0aBk4</t>
  </si>
  <si>
    <t>ad3b2144-72a0-4523-a8cd-2cad4d6f63b7.tmp</t>
  </si>
  <si>
    <t>\\acsfs\profiles$\leonardobb\Downloads\ad3b2144-72a0-4523-a8cd-2cad4d6f63b7.tmp</t>
  </si>
  <si>
    <t>003938fe-556d-41d5-b8b0-51ae7d1e728d.tmp</t>
  </si>
  <si>
    <t>\\acsfs\profiles$\leonardobb\Downloads\003938fe-556d-41d5-b8b0-51ae7d1e728d.tmp</t>
  </si>
  <si>
    <t>703b7673-ab5a-45ee-935d-578244a8bae8.tmp</t>
  </si>
  <si>
    <t>\\acsfs\profiles$\leonardobb\Downloads\703b7673-ab5a-45ee-935d-578244a8bae8.tmp</t>
  </si>
  <si>
    <t>paulocruz@algartech.com;</t>
  </si>
  <si>
    <t>F5957D0A.tmp</t>
  </si>
  <si>
    <t>\\acsfs\ACS\Gabriel da Silva\Contemporânea\Erros Operacionais\F5957D0A.tmp</t>
  </si>
  <si>
    <t>https://udpwfmniceap02/web/guest/home?p_auth=le4ez6kf&amp;p_p_id=58&amp;p_p_lifecycle=1&amp;p_p_state=maximized&amp;p_p_mode=view&amp;savelastpath=0&amp;_58_struts_action=/login/forgot_password</t>
  </si>
  <si>
    <t>https://udpmailboxap01.acs.com.br:8443/h/search;jsessionid=ctzgbi6fo7jh1plx7cflv07ph?si=0&amp;so=0&amp;sc=65966&amp;st=conversation&amp;action=compose</t>
  </si>
  <si>
    <t>anakdss@bv.algartech.com;</t>
  </si>
  <si>
    <t>https://anakdss@bv.algartech.com</t>
  </si>
  <si>
    <t>\\acsfs\profiles$\gleycekos\Desktop\</t>
  </si>
  <si>
    <t>AJUDAS do dia.txt</t>
  </si>
  <si>
    <t>\\acsfs\profiles$\gleycekos\Desktop\AJUDAS do dia.txt</t>
  </si>
  <si>
    <t>http:///batch?%24ct=multipart%2Fmixed%3B%20boundary%3D%22%3D%3D%3D%3D%3D984zl9h4u06e%3D%3D%3D%3D%3D%22&amp;key=AIzaSyAy9VVXHSpS2IJpptzYtGbLP3-3_l0aBk4</t>
  </si>
  <si>
    <t>http:///batch?%24ct=multipart%2Fmixed%3B%20boundary%3D%22%3D%3D%3D%3D%3Dwevaclcduh4j%3D%3D%3D%3D%3D%22&amp;key=AIzaSyAy9VVXHSpS2IJpptzYtGbLP3-3_l0aBk4</t>
  </si>
  <si>
    <t>http:///batch?%24ct=multipart%2Fmixed%3B%20boundary%3D%22%3D%3D%3D%3D%3Dtei651ojjyhj%3D%3D%3D%3D%3D%22&amp;key=AIzaSyAy9VVXHSpS2IJpptzYtGbLP3-3_l0aBk4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;1578485811043000]]];ancest;ancestorhasaugmentedpermissions;containsunsubscribedchildren;copyable;displayname;domain;dywotkwndi5ntixmjk1mty2mqokcij207tggtjnkjdxupg66tkmlha6ddk0nzmxodk4otgwmxfkp/e3lf9/vbgl";emailaddress;explicitlytrashed;file(kind;fileextension;fileid;filesize;flaggedford;foldercolor;haschildfolders;hasthumbnail;hasvisitorpermissions;id;id);items(deleted;ken;kind;lastmodifyinguser(kind;lastviewedbymedate;mimetype;modifiedbymedate;modifieddate;ontainsunsubscribedchildren;owners(kind;per;permissionid;pictu;picture;primarysyncparentid;quotabytesused;rpermissions;shareable;shared;sharedwithmedate;sharinguser(kind;subscribed;thumbnailversion;title;userpermission(role);workspaceids;</t>
  </si>
  <si>
    <t>http://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ncest,ancestorhasaugmentedpermissions,containsunsubscribedchildren,copyable,displayname,domain,dywotkwndi5ntixmjk1mty2mqokcij207tggtjnkjdxupg66tkmlha6ddk0nzmxodk4otgwmxfkp/e3lf9/vbgl",emailaddress,explicitlytrashed,file(kind,fileextension,fileid,filesize,flaggedford,foldercolor,haschildfolders,hasthumbnail,hasvisitorpermissions,id,id),items(deleted,ken,kind,lastmodifyinguser(kind,lastviewedbymedate,mimetype,modifiedbymedate,modifieddate,ontainsunsubscribedchildren,owners(kind,per,permissionid,pictu,picture,primarysyncparentid,quotabytesused,rpermissions,shareable,shared,sharedwithmedate,sharinguser(kind,subscribed,thumbnailversion,title,userpermission(role),workspaceids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;1578485811043000]]];actionitems;ancest;ancestorhasaugmentedpermissions;authorizedappid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dywotkwndi5ntixmjk1mty2mqokcij207tggtjnkjdxupg66tkmlha6ddk0nzmxodk4otgwmxfkp/e3lf9/vbgl";emailaddress;explicitlytrashed;file(kind;fileextension;fileid;filesize;flaggedforabuse;flaggedford;foldercolor;folderfeatures;hasaugmentedpermissions;haschildfolders;hasthumbnail;hasvisitorpermissions;hidden;id;id);items(deleted</t>
  </si>
  <si>
    <t>http://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ctionitems,ancest,ancestorhasaugmentedpermissions,authorizedappid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dywotkwndi5ntixmjk1mty2mqokcij207tggtjnkjdxupg66tkmlha6ddk0nzmxodk4otgwmxfkp/e3lf9/vbgl",emailaddress,explicitlytrashed,file(kind,fileextension,fileid,filesize,flaggedforabuse,flaggedford,foldercolor,folderfeatures,hasaugmentedpermissions,haschildfolders,hasthumbnail,hasvisitorpermissions,hidden,id,id),items(</t>
  </si>
  <si>
    <t>http:///batch?%24ct=multipart%2Fmixed%3B%20boundary%3D%22%3D%3D%3D%3D%3D9iu2tbhhzclv%3D%3D%3D%3D%3D%22&amp;key=AIzaSyAy9VVXHSpS2IJpptzYtGbLP3-3_l0aBk4</t>
  </si>
  <si>
    <t>http:///batch?%24ct=multipart%2Fmixed%3B%20boundary%3D%22%3D%3D%3D%3D%3Du7249ipre4le%3D%3D%3D%3D%3D%22&amp;key=AIzaSyAy9VVXHSpS2IJpptzYtGbLP3-3_l0aBk4</t>
  </si>
  <si>
    <t>http:///batch?%24ct=multipart%2Fmixed%3B%20boundary%3D%22%3D%3D%3D%3D%3Dtccguebej24w%3D%3D%3D%3D%3D%22&amp;key=AIzaSyAy9VVXHSpS2IJpptzYtGbLP3-3_l0aBk4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;1578485811043000]]];actionitems;ancest;ancestorhasaugmentedpermissions;authorizedappid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dywotkwndi5ntixmjk1mty2mqokcij207tggtjnkjdxupg66tkmlha6ddk0nzmxodk4otgwmxfkp/e3lf9/vbgl";emailaddress;explicitlytrashed;file(kind;fileextension;fileid;filesize;flaggedforabuse;flaggedford;foldercolor;folderfeatures;guebej24w=;hasaugmentedpermissions;haschildfolders;hasthumbnail;hasvisitorpermissions;hidden;id;id);it</t>
  </si>
  <si>
    <t>http://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ctionitems,ancest,ancestorhasaugmentedpermissions,authorizedappid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dywotkwndi5ntixmjk1mty2mqokcij207tggtjnkjdxupg66tkmlha6ddk0nzmxodk4otgwmxfkp/e3lf9/vbgl",emailaddress,explicitlytrashed,file(kind,fileextension,fileid,filesize,flaggedforabuse,flaggedford,foldercolor,folderfeatures,guebej24w=,hasaugmentedpermissions,haschildfolders,hasthumbnail,hasvisitorpermissions,hidden,id</t>
  </si>
  <si>
    <t>http:///batch?%24ct=multipart%2Fmixed%3B%20boundary%3D%22%3D%3D%3D%3D%3Djz4zlal95pv7%3D%3D%3D%3D%3D%22&amp;key=AIzaSyAy9VVXHSpS2IJpptzYtGbLP3-3_l0aBk4</t>
  </si>
  <si>
    <t>http:///batch?%24ct=multipart%2Fmixed%3B%20boundary%3D%22%3D%3D%3D%3D%3D2qozcgenxfct%3D%3D%3D%3D%3D%22&amp;key=AIzaSyAy9VVXHSpS2IJpptzYtGbLP3-3_l0aBk4</t>
  </si>
  <si>
    <t>http:///batch?%24ct=multipart%2Fmixed%3B%20boundary%3D%22%3D%3D%3D%3D%3Dm84xy97uarpw%3D%3D%3D%3D%3D%22&amp;key=AIzaSyAy9VVXHSpS2IJpptzYtGbLP3-3_l0aBk4</t>
  </si>
  <si>
    <t>http:///batch?%24ct=multipart%2Fmixed%3B%20boundary%3D%22%3D%3D%3D%3D%3Da1a5dxjol37y%3D%3D%3D%3D%3D%22&amp;key=AIzaSyAy9VVXHSpS2IJpptzYtGbLP3-3_l0aBk4</t>
  </si>
  <si>
    <t>http:///batch?%24ct=multipart%2Fmixed%3B%20boundary%3D%22%3D%3D%3D%3D%3Dkr84v9cyuof3%3D%3D%3D%3D%3D%22&amp;key=AIzaSyAy9VVXHSpS2IJpptzYtGbLP3-3_l0aBk4</t>
  </si>
  <si>
    <t>http:///batch?%24ct=multipart%2Fmixed%3B%20boundary%3D%22%3D%3D%3D%3D%3Drtn7jpzb0wzq%3D%3D%3D%3D%3D%22&amp;key=AIzaSyAy9VVXHSpS2IJpptzYtGbLP3-3_l0aBk4</t>
  </si>
  <si>
    <t>http:///batch?%24ct=multipart%2Fmixed%3B%20boundary%3D%22%3D%3D%3D%3D%3Dxys6g26dvydv%3D%3D%3D%3D%3D%22&amp;key=AIzaSyAy9VVXHSpS2IJpptzYtGbLP3-3_l0aBk4</t>
  </si>
  <si>
    <t>http:///batch?%24ct=multipart%2Fmixed%3B%20boundary%3D%22%3D%3D%3D%3D%3Dqtu7seyonc6x%3D%3D%3D%3D%3D%22&amp;key=AIzaSyAy9VVXHSpS2IJpptzYtGbLP3-3_l0aBk4</t>
  </si>
  <si>
    <t>http:///batch?%24ct=multipart%2Fmixed%3B%20boundary%3D%22%3D%3D%3D%3D%3D9wapvt2ifff5%3D%3D%3D%3D%3D%22&amp;key=AIzaSyAy9VVXHSpS2IJpptzYtGbLP3-3_l0aBk4</t>
  </si>
  <si>
    <t>http:///batch?%24ct=multipart%2Fmixed%3B%20boundary%3D%22%3D%3D%3D%3D%3Dmntdtfcbcx2i%3D%3D%3D%3D%3D%22&amp;key=AIzaSyAy9VVXHSpS2IJpptzYtGbLP3-3_l0aBk4</t>
  </si>
  <si>
    <t>http:///batch?%24ct=multipart%2Fmixed%3B%20boundary%3D%22%3D%3D%3D%3D%3Dl15m6xpd7d31%3D%3D%3D%3D%3D%22&amp;key=AIzaSyAy9VVXHSpS2IJpptzYtGbLP3-3_l0aBk4</t>
  </si>
  <si>
    <t>http:///batch?%24ct=multipart%2Fmixed%3B%20boundary%3D%22%3D%3D%3D%3D%3Dmf1fg528sxoy%3D%3D%3D%3D%3D%22&amp;key=AIzaSyAy9VVXHSpS2IJpptzYtGbLP3-3_l0aBk4</t>
  </si>
  <si>
    <t>e2120886-748f-49cc-9fec-1a862d89e571.tmp</t>
  </si>
  <si>
    <t>\\acsfs\profiles$\luanaagl\Downloads\e2120886-748f-49cc-9fec-1a862d89e571.tmp</t>
  </si>
  <si>
    <t>3a07ac33-c01f-41f4-839e-4c2ddc8b1cd9.tmp</t>
  </si>
  <si>
    <t>\\acsfs\profiles$\lucasqdss\Downloads\3a07ac33-c01f-41f4-839e-4c2ddc8b1cd9.tmp</t>
  </si>
  <si>
    <t>C:\ONE DRIVE ALGAR\algar\bradesco 2019\Apresentação Bradesco Melhado.pptx\</t>
  </si>
  <si>
    <t>5C0FED89.tmp</t>
  </si>
  <si>
    <t>\\acsfs\ACS\Gabriel da Silva\Contemporânea\Erros Operacionais\5C0FED89.tmp</t>
  </si>
  <si>
    <t>AEEF5D74.tmp</t>
  </si>
  <si>
    <t>\\acsfs\ACS\Gabriel da Silva\Contemporânea\Erros Operacionais\AEEF5D74.tmp</t>
  </si>
  <si>
    <t>VBF945.tmp</t>
  </si>
  <si>
    <t>\\acsfs\ACS\Gabriel da Silva\Contemporânea\Erros Operacionais\VBF945.tmp</t>
  </si>
  <si>
    <t>43b07d54-e024-4980-ac3c-8b6eccd2ff01.tmp</t>
  </si>
  <si>
    <t>\\acsfs\profiles$\lucasgpe\Downloads\43b07d54-e024-4980-ac3c-8b6eccd2ff01.tmp</t>
  </si>
  <si>
    <t>36558ef0-9d44-404b-bad6-5c1376134334.tmp</t>
  </si>
  <si>
    <t>\\acsfs\profiles$\nathaliarmr\Downloads\36558ef0-9d44-404b-bad6-5c1376134334.tmp</t>
  </si>
  <si>
    <t>0]&lt;m;0]dchild_x0017_&gt;�k;1578488299653;1578488600710;1738007010;21;22;[];[]]];false;ken=ac4w5vix_z5c3vm9ln1dolghdosvr2cejg:1578482277703&amp;buildlabel=drive.web-frontend_20191211.00_p1;null;true]";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;ucqtrilxgzh2vmrvsg2jq1cbl4qg2jm47nvobhbfm_yn1fbbaidporrazpamsvj7sqad53jxy8lxn1gsuwlcokff-zk60jt6_mj0zjrpvewalswsaovfsol0bx_rkft-rmwy6dhqz6nive-v4tcaj4fvjzk0ccvxd5874j_rcxytdcakyaqcq4lriewtnjwmfrnjuv2-4muryr1woqdsmriyrxpb6q0jomgaedsibdjbasd4smb8mgt27ilk1iro3qlr_jdbtgq7fczm-sm6lvenhtpsvobdsf5_cqe7k\";vxd5874j_rcxytdcakyaqcq4lriewtnjwmfrnjuv2-4muryr1woqdsmriyrxpb6q0jomgaedsibdjbasd4smb8mgt27ilk1ir-3qlr8thwczlmmh8kcvmngv__blhlf2exr0tzn4s-c\";vxd5874j_rcxytdcakyaqcq4lriewtnjwmfrnjuv2-4muryr1woqdsmriyrxpb6q0jomgaedsibdjbasd4smb8mgt27ilk1</t>
  </si>
  <si>
    <t>0]&lt;m,0]dchild_x0017_&gt;�k,1578488299653,1578488600710,1738007010,21,22,[],[]]],false,ken=ac4w5vix_z5c3vm9ln1dolghdosvr2cejg:1578482277703&amp;buildlabel=drive.web-frontend_20191211.00_p1,null,true]",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,ucqtrilxgzh2vmrvsg2jq1cbl4qg2jm47nvobhbfm_yn1fbbaidporrazpamsvj7sqad53jxy8lxn1gsuwlcokff-zk60jt6_mj0zjrpvewalswsaovfsol0bx_rkft-rmwy6dhqz6nive-v4tcaj4fvjzk0ccvxd5874j_rcxytdcakyaqcq4lriewtnjwmfrnjuv2-4muryr1woqdsmriyrxpb6q0jomgaedsibdjbasd4smb8mgt27ilk1iro3qlr_jdbtgq7fczm-sm6lvenhtpsvobdsf5_cqe7k\",vxd5874j_rcxytdcakyaqcq4lriewtnjwmfrnjuv2-4muryr1woqdsmriyrxpb6q0jomgaedsibdjbasd4smb8mgt27ilk1ir-3qlr8thwczlmmh8kcvmngv__blhlf2exr0tzn4s-c\",vxd5874j_rcxytdcakyaqcq4lriewtnjwmfrnjuv2-4muryr1woqdsmriyrxpb6q0jomgaedsibdjbasd4smb8mgt27ilk1</t>
  </si>
  <si>
    <t>http:///batch?%24ct=multipart%2Fmixed%3B%20boundary%3D%22%3D%3D%3D%3D%3Dc5glisgafl9%3D%3D%3D%3D%3D%22&amp;key=AIzaSyAy9VVXHSpS2IJpptzYtGbLP3-3_l0aBk4</t>
  </si>
  <si>
    <t>http:///batch?%24ct=multipart%2Fmixed%3B%20boundary%3D%22%3D%3D%3D%3D%3Djplanjjro1d4%3D%3D%3D%3D%3D%22&amp;key=AIzaSyAy9VVXHSpS2IJpptzYtGbLP3-3_l0aBk4</t>
  </si>
  <si>
    <t>http:///batch?%24ct=multipart%2Fmixed%3B%20boundary%3D%22%3D%3D%3D%3D%3Dbzj1k3ge7a6z%3D%3D%3D%3D%3D%22&amp;key=AIzaSyAy9VVXHSpS2IJpptzYtGbLP3-3_l0aBk4</t>
  </si>
  <si>
    <t>1578490133926000]]]n;motq3mze4otg5odazev3mg9ngxgf0gas=";</t>
  </si>
  <si>
    <t>1578490133926000]]]n,motq3mze4otg5odazev3mg9ngxgf0gas="</t>
  </si>
  <si>
    <t>http:///batch?%24ct=multipart%2Fmixed%3B%20boundary%3D%22%3D%3D%3D%3D%3Dq79cr5kx8w43%3D%3D%3D%3D%3D%22&amp;key=AIzaSyAy9VVXHSpS2IJpptzYtGbLP3-3_l0aBk4</t>
  </si>
  <si>
    <t>http:///batch?%24ct=multipart%2Fmixed%3B%20boundary%3D%22%3D%3D%3D%3D%3Dzbudk1gzv82f%3D%3D%3D%3D%3D%22&amp;key=AIzaSyAy9VVXHSpS2IJpptzYtGbLP3-3_l0aBk4</t>
  </si>
  <si>
    <t>http:///batch?%24ct=multipart%2Fmixed%3B%20boundary%3D%22%3D%3D%3D%3D%3Dvrtuacz3w7hy%3D%3D%3D%3D%3D%22&amp;key=AIzaSyAy9VVXHSpS2IJpptzYtGbLP3-3_l0aBk4</t>
  </si>
  <si>
    <t>crcevmc@algartech.com.br;julianags@algartech.com.br;</t>
  </si>
  <si>
    <t>New Corporate Card - Lucas Choi</t>
  </si>
  <si>
    <t>Cópia de New Card Bana - Lucas Choi.xls</t>
  </si>
  <si>
    <t>crcevmc@algartech.com.br,julianags@algartech.com.br</t>
  </si>
  <si>
    <t>773db64d-e767-4cfc-a6e0-c8536a03576c.tmp</t>
  </si>
  <si>
    <t>\\acsfs\profiles$\lorenabmc\Downloads\773db64d-e767-4cfc-a6e0-c8536a03576c.tmp</t>
  </si>
  <si>
    <t>Acompanhamento Backoffice Cornerstone JAN.20 (2).xlsx</t>
  </si>
  <si>
    <t>\\udpavonfs01\AVON\00 - ACOMPANHAMENTO AVON\04 - BACKOFFICE CORNERSTONE\2020\01.2020\RELATORIO\02.01.2020\Acompanhamento Backoffice Cornerstone JAN.20 (2).xlsx</t>
  </si>
  <si>
    <t>b2500940-b054-4dfb-998e-0f99cd5e4d9d.tmp</t>
  </si>
  <si>
    <t>\\acsfs\profiles$\rafaelahpn\Downloads\b2500940-b054-4dfb-998e-0f99cd5e4d9d.tmp</t>
  </si>
  <si>
    <t>cd6a4c96-779e-40ca-a75c-7ccd60c918d7.tmp</t>
  </si>
  <si>
    <t>\\acsfs\profiles$\sarahbal\Downloads\cd6a4c96-779e-40ca-a75c-7ccd60c918d7.tmp</t>
  </si>
  <si>
    <t>613e9a94-5fe2-456d-8d85-1603152d129d.tmp</t>
  </si>
  <si>
    <t>\\acsfs\profiles$\leticiala\Downloads\613e9a94-5fe2-456d-8d85-1603152d129d.tmp</t>
  </si>
  <si>
    <t>a1632366-e90a-4921-80b4-653e39ad0bb2.tmp</t>
  </si>
  <si>
    <t>\\acsfs\profiles$\gabrielafs\Downloads\a1632366-e90a-4921-80b4-653e39ad0bb2.tmp</t>
  </si>
  <si>
    <t>4e8352ab-447a-4098-9e8c-b7f43c0d8dcc.tmp</t>
  </si>
  <si>
    <t>\\acsfs\profiles$\gabrielafs\Downloads\4e8352ab-447a-4098-9e8c-b7f43c0d8dcc.tmp</t>
  </si>
  <si>
    <t>mail.google.com/sync/u/0/i/s?hl=pt-BR&amp;c=535</t>
  </si>
  <si>
    <t>algartechcpcbv@algartech.com;andrelpsa@algartech.com;gabrielsma@algartech.com;joaogvc@algartech.com;leonardoao@algartech.com;marianadjc@algartech.com;maristelavodq@bv.algartech.com;mirianppb@algartech.com;paulacn@algartech.com;qualidadealgarbv@algartech.com;rafaelggs@algartech.com;supervisaobancovotorantim@algartech.com;talmaiardo@algartech.com;taysdss@algartech.com;thiagolrc@bv.algartech.com;thiagordu@algartech.com;viniciussg@algartech.com;</t>
  </si>
  <si>
    <t>algartechcpcbv@algartech.com,andrelpsa@algartech.com,gabrielsma@algartech.com,joaogvc@algartech.com,leonardoao@algartech.com,marianadjc@algartech.com,maristelavodq@bv.algartech.com,mirianppb@algartech.com,paulacn@algartech.com,qualidadealgarbv@algartech.com,rafaelggs@algartech.com,supervisaobancovotorantim@algartech.com,talmaiardo@algartech.com,taysdss@algartech.com,thiagolrc@bv.algartech.com,thiagordu@algartech.com,viniciussg@algartech.com</t>
  </si>
  <si>
    <t>RELATORIO DE LOGIN - FINANCEIRA - 07-01.xlsm</t>
  </si>
  <si>
    <t>\\acsfs\DEPTOS\Operacao\PCP\5 - Comum\PLANEJAMENTO BV\14 - ACOMPANHAMENTO\1 - REPORT ACOMPANHAMENTO\2020\1 - JANEIRO\FINANCEIRA\Login Logout Financeira\RELATORIO DE LOGIN - FINANCEIRA - 07-01.xlsm</t>
  </si>
  <si>
    <t>http:///batch?%24ct=multipart%2Fmixed%3B%20boundary%3D%22%3D%3D%3D%3D%3Dky8s1fshp0iz%3D%3D%3D%3D%3D%22&amp;key=AIzaSyAy9VVXHSpS2IJpptzYtGbLP3-3_l0aBk4</t>
  </si>
  <si>
    <t>0]606;1249879475;1578490616962;3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sox6hol5kanqwbau83b0q5tkjn-hbfch3-4j8cwcvib1u3yw_dbg2iyqsj0vym_b7dfqnwqgkbws1m2cqbfimye2oacaz-vdoe0myeoq9px5wwx6exb7icqyohpqang4pirsidha80hu-xwnd3jeagwtrute_mttiv2j3j8itcgmyhiqrlntav2d-7hfahvdcamin68arejhe3btwkknhscb8zw7n41izr3qad9vajlgdzuawau\";thumbnailversion;title;true]";userpermission(role);workspaceids;</t>
  </si>
  <si>
    <t>http://0]606,1249879475,1578490616962,3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rejhe3btwkknhscb8zw7n41izr3qad9vajlgdzuawau\",thumbnailversion,title,true]",userpermission(role),workspaceids</t>
  </si>
  <si>
    <t>http:///batch?%24ct=multipart%2Fmixed%3B%20boundary%3D%22%3D%3D%3D%3D%3Dmgrl72f45ncv%3D%3D%3D%3D%3D%22&amp;key=AIzaSyAy9VVXHSpS2IJpptzYtGbLP3-3_l0aBk4</t>
  </si>
  <si>
    <t>http:///batch?%24ct=multipart%2Fmixed%3B%20boundary%3D%22%3D%3D%3D%3D%3D9ywcxr6hfel2%3D%3D%3D%3D%3D%22&amp;key=AIzaSyAy9VVXHSpS2IJpptzYtGbLP3-3_l0aBk4</t>
  </si>
  <si>
    <t>b7b9291a-5006-40f3-840b-9baeb8cebc50.tmp</t>
  </si>
  <si>
    <t>\\acsfs\profiles$\lorenabmc\Downloads\b7b9291a-5006-40f3-840b-9baeb8cebc50.tmp</t>
  </si>
  <si>
    <t>C:\Users\leonoraat\OneDrive - Grupo Algar\DOCUMENTOS\ADERENCIA\</t>
  </si>
  <si>
    <t>12 - ADERENCIA JANEIRO - Leonora.xlsx</t>
  </si>
  <si>
    <t>0f488703-9244-4f34-ae7c-9acff1021651.tmp</t>
  </si>
  <si>
    <t>\\acsfs\profiles$\luanarda\Downloads\0f488703-9244-4f34-ae7c-9acff1021651.tmp</t>
  </si>
  <si>
    <t>DED34801.tmp</t>
  </si>
  <si>
    <t>\\acsfs\ACS\Gabriel da Silva\Contemporânea\Erros Operacionais\DED34801.tmp</t>
  </si>
  <si>
    <t>227ed80b-d033-45f9-a813-84957bb89bb6.tmp</t>
  </si>
  <si>
    <t>\\acsfs\profiles$\larissaad\Downloads\227ed80b-d033-45f9-a813-84957bb89bb6.tmp</t>
  </si>
  <si>
    <t>bb5c1ff1-c08c-43b8-933d-35d9e3e9c83c.tmp</t>
  </si>
  <si>
    <t>\\acsfs\profiles$\vivianalds\Downloads\bb5c1ff1-c08c-43b8-933d-35d9e3e9c83c.tmp</t>
  </si>
  <si>
    <t>New Corporate Card - Vitor Ramos</t>
  </si>
  <si>
    <t>Cópia de New Card Bana - Vitor Ramos.xls</t>
  </si>
  <si>
    <t>New Corporate Card - Vitor Morozini -</t>
  </si>
  <si>
    <t>Cópia de New Card Bana - Vitor Morozini.xls</t>
  </si>
  <si>
    <t>JULIANE ARAUJO SILVA_1_6776368317586282434_1_32.wav</t>
  </si>
  <si>
    <t>\\acsfs\Deptos\EDUCACAO EMPRESARIAL\KÉSIA\Ligações 1º Ciclo - Janeiro 2020\JULIANE ARAUJO SILVA_1_6776368317586282434_1_32.wav</t>
  </si>
  <si>
    <t>c:\one drive algar\algar\bu financeira 2020\estrategia\</t>
  </si>
  <si>
    <t>\\acsfs\ACS\Gabriel da Silva\Contemporânea\BDBV\D3B3653A.tmp\</t>
  </si>
  <si>
    <t>\\acsfs\ACS\Gabriel da Silva\Contemporânea\BDBV\D3B3653A.tmp\:Zone.Identifier:$DATA</t>
  </si>
  <si>
    <t>\\acsfs\ACS\Gabriel da Silva\Contemporânea\BDBV\D3B3653A.tmp</t>
  </si>
  <si>
    <t>D3B3653A.tmp</t>
  </si>
  <si>
    <t>D439F179.tmp</t>
  </si>
  <si>
    <t>\\acsfs\ACS\Gabriel da Silva\Contemporânea\D439F179.tmp</t>
  </si>
  <si>
    <t>72FB0824.tmp</t>
  </si>
  <si>
    <t>\\acsfs\ACS\Gabriel da Silva\Contemporânea\Erros Operacionais\72FB0824.tmp</t>
  </si>
  <si>
    <t>~$Dados turma inicial.xlsx</t>
  </si>
  <si>
    <t>\\acsfs\ACS\Gabriel da Silva\Contemporânea\Gen\~$Dados turma inicial.xlsx</t>
  </si>
  <si>
    <t>EAD2473E.tmp</t>
  </si>
  <si>
    <t>\\acsfs\ACS\Gabriel da Silva\Contemporânea\Erros Operacionais\EAD2473E.tmp</t>
  </si>
  <si>
    <t>AD2BA5CD.tmp</t>
  </si>
  <si>
    <t>\\acsfs\ACS\Gabriel da Silva\Contemporânea\Erros Operacionais\AD2BA5CD.tmp</t>
  </si>
  <si>
    <t>~$Erros operacionais - Dezembro.xlsb</t>
  </si>
  <si>
    <t>\\acsfs\ACS\Gabriel da Silva\Contemporânea\Erros Operacionais\~$Erros operacionais - Dezembro.xlsb</t>
  </si>
  <si>
    <t>outlook.office.com/owa/service.svc?action=CreateItem&amp;app=Mail&amp;n=321</t>
  </si>
  <si>
    <t>algartechcpcbv@algartech.com;andrelpsa@algartech.com;camillarl@algartech.com;josiascdsj@algartech.com;maristelavodq@bv.algartech.com;mirianppb@algartech.com;qualidadealgarbv@algartech.com;supervisaobancovotorantim@algartech.com;talmaiardo@algartech.com;thiagolrc@bv.algartech.com;</t>
  </si>
  <si>
    <t>algartechcpcbv@algartech.com,andrelpsa@algartech.com,camillarl@algartech.com,josiascdsj@algartech.com,maristelavodq@bv.algartech.com,mirianppb@algartech.com,qualidadealgarbv@algartech.com,supervisaobancovotorantim@algartech.com,talmaiardo@algartech.com,thiagolrc@bv.algartech.com</t>
  </si>
  <si>
    <t>Erros operacionais - Dezembro.xlsb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]606;1249879475;1578490917993;4;[];[]]];false;null;sox6hol5kanqwbau83b0q5tkjn-hbfch3-4j8cwcvib1u3yw_dbg2iyqsj0vym_b7dfqnwqgkbws1m2cqbfimye2oacaz-vdoe0myeoq9px5wwx6exb7icqyohpqang4pirsidha80hu-xwnd3jeagwtrute_mttiv2j3j8itcgmyhiqrlntav2d-7hfahvdcamin68aqujhe3aroj0ivibsfpsjmoq6vf6bhwyfap4_qymblpm\";true]";</t>
  </si>
  <si>
    <t>0]606,1249879475,1578490917993,4,[],[]]],false,null,sox6hol5kanqwbau83b0q5tkjn-hbfch3-4j8cwcvib1u3yw_dbg2iyqsj0vym_b7dfqnwqgkbws1m2cqbfimye2oacaz-vdoe0myeoq9px5wwx6exb7icqyohpqang4pirsidha80hu-xwnd3jeagwtrute_mttiv2j3j8itcgmyhiqrlntav2d-7hfahvdcamin68aqujhe3aroj0ivibsfpsjmoq6vf6bhwyfap4_qymblpm\",true]"</t>
  </si>
  <si>
    <t>f8e5b6f9-4fcd-40a1-b054-25d944df6c34.tmp</t>
  </si>
  <si>
    <t>\\acsfs\profiles$\isabellegtds\Downloads\f8e5b6f9-4fcd-40a1-b054-25d944df6c34.tmp</t>
  </si>
  <si>
    <t>dd0cd53f-04a2-4d16-94ec-bef521f70384.tmp</t>
  </si>
  <si>
    <t>\\acsfs\profiles$\nataliacsl\Downloads\dd0cd53f-04a2-4d16-94ec-bef521f70384.tmp</t>
  </si>
  <si>
    <t>ad8a8191-4a20-46f3-8595-fdbfcb5e4ddb.tmp</t>
  </si>
  <si>
    <t>\\acsfs\profiles$\paulovadc\Downloads\ad8a8191-4a20-46f3-8595-fdbfcb5e4ddb.tmp</t>
  </si>
  <si>
    <t>c376b1dc-4e6b-4832-9cd2-b7f55674759b.tmp</t>
  </si>
  <si>
    <t>\\acsfs\profiles$\ROZENCAM\Downloads\c376b1dc-4e6b-4832-9cd2-b7f55674759b.tmp</t>
  </si>
  <si>
    <t>/o=exchangelabs/ou=exchange administrative group (fydibohf23spdlt)/cn=recipients/cn=8b5b63d67af648d081a40c45cc800804-fabiana per;</t>
  </si>
  <si>
    <t>ENC: Produtividade CRCe - Fechamento</t>
  </si>
  <si>
    <t>Produtividade CRC Amex e CRC VMC - Dezembro.xlsb</t>
  </si>
  <si>
    <t>/o=exchangelabs/ou=exchange administrative group (fydibohf23spdlt)/cn=recipients/cn=8b5b63d67af648d081a40c45cc800804-fabiana per</t>
  </si>
  <si>
    <t>ENC: Acompanhamento CRC Amex e CRC VMC - Parcial Janeiro</t>
  </si>
  <si>
    <t>\\acsfs\ACS\001 - Qualidade Lilian\PAULO\</t>
  </si>
  <si>
    <t>Erro fatal JaneiroDANIEL PEREIRA DE LIMA.PNG</t>
  </si>
  <si>
    <t>\\acsfs\ACS\001 - Qualidade Lilian\PAULO\Erro fatal JaneiroDANIEL PEREIRA DE LIMA.PNG</t>
  </si>
  <si>
    <t>\\acsfs\ACS\001 - Qualidade Lilian\PAULO\Thumbs.db</t>
  </si>
  <si>
    <t>outlook.office.com/owa/service.svc?action=UpdateItem&amp;app=Mail&amp;n=325</t>
  </si>
  <si>
    <t>outlook.office.com/owa/service.svc?action=CreateItem&amp;app=Mail&amp;n=337</t>
  </si>
  <si>
    <t>outlook.office.com/owa/service.svc?action=UpdateItem&amp;app=Mail&amp;n=355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ctionitems,ancest,ancestorhasaugmentedpermissions,authorizedappid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dywotkwndi5ntixmjk1mty2mqokcij207tggtjnkjdxupg66tkmlha6ddk0nzmxodk4otgwmxfkp/e3lf9/vbgl",emailaddress,explicitlytrashed,file(kind,fileextension,fileid,filesize,flaggedforabuse,flaggedford,foldercolor,folderfeatures,guebej24w=,hasaugmentedpermissions,haschildfolders,hasthumbnail,hasvisitorpermissions,hidden,id,id),it</t>
  </si>
  <si>
    <t>ffacd974-923a-4ef9-a329-03b3b794a313.tmp</t>
  </si>
  <si>
    <t>\\acsfs\profiles$\cintiadcf\Downloads\ffacd974-923a-4ef9-a329-03b3b794a313.tmp</t>
  </si>
  <si>
    <t>SCC CLIENTES DIVERSOS</t>
  </si>
  <si>
    <t>10.211.3.97</t>
  </si>
  <si>
    <t>B8-88-E3-39-23-05</t>
  </si>
  <si>
    <t>NB-FLAVIACS</t>
  </si>
  <si>
    <t>flavia.cecilia</t>
  </si>
  <si>
    <t>flavia.cecilia@algartech.com</t>
  </si>
  <si>
    <t>mail.google.com/_/upload?authuser=0&amp;dcp=asu-n&amp;upload_id=AEnB2UpttqR2UqxQAd87Oo4CniW3qU4GsGKCsf31-5W2ckXcVHguzRoNnifHllZmZ9zV0D8jL3Dsd4453z4p-nE6XRYIUkHfX3oL29df90W_9aU0IA9cJcw&amp;upload_protocol=resumable</t>
  </si>
  <si>
    <t>C:\Users\Flavia\Documents\</t>
  </si>
  <si>
    <t>OCORRÊNCIAS 01 A 3112_028_029_033 EMISSÃO 0801 FLAVIA.xlsm</t>
  </si>
  <si>
    <t>NAYARA NERY ARAUJO OLIVEIRA_1_6774127405514698607_1_32.wav</t>
  </si>
  <si>
    <t>\\acsfs\Deptos\EDUCACAO EMPRESARIAL\KÉSIA\Ligações 1º Ciclo - Janeiro 2020\NAYARA NERY ARAUJO OLIVEIRA_1_6774127405514698607_1_32.wav</t>
  </si>
  <si>
    <t>75276413-cd86-4481-b6ee-c4749c6b3947.tmp</t>
  </si>
  <si>
    <t>\\acsfs\profiles$\websondsa\Downloads\75276413-cd86-4481-b6ee-c4749c6b3947.tmp</t>
  </si>
  <si>
    <t>brunosr@algartech.com;douglas.r.almeida@bradesco.com.br;elizabeth.leve@bradesco.com.br;evertonpdsr@algartech.com.br;ivia.santos@bradesco.com.br;jhonatan.ventino@bradesco.com.br;suzane.b.rodrigues@bradesco.com.br;</t>
  </si>
  <si>
    <t>ENC: COMUNICADO === FLUXO PARA INCLUSÃO DE EMPRESAS NAS UNIDADES GERENCIADAS ===</t>
  </si>
  <si>
    <t>RES COMUNICADO FLUXO PARA INCLUSÃO DE EMPRESAS NAS UNIDADES GERENCIA... (218 KB).msg\s1\</t>
  </si>
  <si>
    <t>20- CONSOLIDADO INCLUSÃO ALGAR -08.01.20.xlsx</t>
  </si>
  <si>
    <t>brunosr@algartech.com,douglas.r.almeida@bradesco.com.br,elizabeth.leve@bradesco.com.br,evertonpdsr@algartech.com.br,ivia.santos@bradesco.com.br,jhonatan.ventino@bradesco.com.br,suzane.b.rodrigues@bradesco.com.br</t>
  </si>
  <si>
    <t>e3f26ab9-0fca-47cb-9705-0e5d9eb8dcab.tmp</t>
  </si>
  <si>
    <t>\\acsfs\profiles$\leticiala\Downloads\e3f26ab9-0fca-47cb-9705-0e5d9eb8dcab.tmp</t>
  </si>
  <si>
    <t>bd3475d2-d9fd-485b-9ec0-5f4a65ca704a.tmp</t>
  </si>
  <si>
    <t>\\acsfs\profiles$\henriquehmdo\Downloads\bd3475d2-d9fd-485b-9ec0-5f4a65ca704a.tmp</t>
  </si>
  <si>
    <t>https://udpmailboxap01.acs.com.br:8443/h/search;jsessionid=gvxbr0yi6isz1r5dysenavplv?si=0&amp;so=0&amp;sc=66118&amp;st=conversation&amp;action=compose</t>
  </si>
  <si>
    <t>XLOG_vanessacgs_08012020_083808.log</t>
  </si>
  <si>
    <t>\\acsfs\profiles$\vanessacgs\My Documents\xworkcenter\logs\XLOG_vanessacgs_08012020_083808.log</t>
  </si>
  <si>
    <t>XLOG_vanessacgs_08012020_081640.log</t>
  </si>
  <si>
    <t>\\acsfs\profiles$\vanessacgs\My Documents\xworkcenter\logs\XLOG_vanessacgs_08012020_081640.log</t>
  </si>
  <si>
    <t>http:///batch?%24ct=multipart%2Fmixed%3B%20boundary%3D%22%3D%3D%3D%3D%3D8046tmw1s30e%3D%3D%3D%3D%3D%22&amp;key=AIzaSyAy9VVXHSpS2IJpptzYtGbLP3-3_l0aBk4</t>
  </si>
  <si>
    <t>http:///batch?%24ct=multipart%2Fmixed%3B%20boundary%3D%22%3D%3D%3D%3D%3Dt1zdveybbcuj%3D%3D%3D%3D%3D%22&amp;key=AIzaSyAy9VVXHSpS2IJpptzYtGbLP3-3_l0aBk4</t>
  </si>
  <si>
    <t>http:///batch?%24ct=multipart%2Fmixed%3B%20boundary%3D%22%3D%3D%3D%3D%3Dyt2i3ty5zw14%3D%3D%3D%3D%3D%22&amp;key=AIzaSyAy9VVXHSpS2IJpptzYtGbLP3-3_l0aBk4</t>
  </si>
  <si>
    <t>\\udpavonfs01\AVON\00 - ACOMPANHAMENTO AVON\04 - BACKOFFICE CORNERSTONE\2020\01.2020\RELATORIO\</t>
  </si>
  <si>
    <t>\\udpavonfs01\AVON\00 - ACOMPANHAMENTO AVON\04 - BACKOFFICE CORNERSTONE\2020\01.2020\RELATORIO\Acompanhamento Backoffice Cornerstone JAN.20.xlsx</t>
  </si>
  <si>
    <t>a04009eb-59fa-4705-92c0-0e6a43319a9f.tmp</t>
  </si>
  <si>
    <t>\\acsfs\profiles$\ALYNYA\Downloads\a04009eb-59fa-4705-92c0-0e6a43319a9f.tmp</t>
  </si>
  <si>
    <t>4ec03a5e-a320-44db-af69-0034fcbdc946.tmp</t>
  </si>
  <si>
    <t>\\acsfs\profiles$\ALYNYA\Downloads\4ec03a5e-a320-44db-af69-0034fcbdc946.tmp</t>
  </si>
  <si>
    <t>e851860f-e9e1-4229-89d7-c9ee0bea062f.tmp</t>
  </si>
  <si>
    <t>\\acsfs\profiles$\ROZENCAM\Downloads\e851860f-e9e1-4229-89d7-c9ee0bea062f.tmp</t>
  </si>
  <si>
    <t>andre.komatsubara@bradesco.com.br;</t>
  </si>
  <si>
    <t>ENC: Painel BO Contas Novas AEB - Fechamento Dezembro/19.</t>
  </si>
  <si>
    <t>BO Contas Novas AEB - Dezembro 2019_.xlsx</t>
  </si>
  <si>
    <t>andre.komatsubara@bradesco.com.br</t>
  </si>
  <si>
    <t>\\acsfs\profiles$\stefaniasdf\Documents\</t>
  </si>
  <si>
    <t>Duvidas e sugerstão.txt</t>
  </si>
  <si>
    <t>\\acsfs\profiles$\stefaniasdf\Documents\Duvidas e sugerstão.txt</t>
  </si>
  <si>
    <t>270f69c4-a369-4ad9-8a63-ccab36b94611.tmp</t>
  </si>
  <si>
    <t>\\acsfs\profiles$\ayalabfi\Downloads\270f69c4-a369-4ad9-8a63-ccab36b94611.tmp</t>
  </si>
  <si>
    <t>0]_x0003_erperm��;1249879475;1578490315940;2;[];[]]];ancestorhasaugmentedpermissions;containsunsubscribedchildren;displayname;domain;emailaddress;false;file(kind;fileid;filesize;hasthumbnail;hasvisitorpermissions;id;id);items(deleted;ken;kind;kon;lastmodifyinguser(kind;lastviewedbymedate;modifiedbymedate;modifieddate;null;ontainsunsubscribedchildren;owners(kind;per;permissionid;picture;shared;sharedwithmedate;sox6hol5kanqwbau83b0q5tkjn-hbfch3-4j8cwcvib1u3yw_dbg2iyqsj0vym_b7dfqnwqgkbws1m2cqbfimye2oacaz-vdoe0myeoq9px5wwx6exb7icqyohpqang4pirsidha80hu-xwnd3jeagwtrute_mttiv2j3j8itcgmyhiqrlntav2d-7hfahvdcamin68arojhe3z8fubhz-w3y6t7qzl-5u417os3zc4efsjngge\";thumbnailversion;title;true]";userpermission(role);workspaceids;</t>
  </si>
  <si>
    <t>0]_x0003_erperm��,1249879475,1578490315940,2,[],[]]],ancestorhasaugmentedpermissions,containsunsubscribedchildren,displayname,domain,emailaddress,false,file(kind,fileid,filesize,hasthumbnail,hasvisitorpermissions,id,id),items(deleted,ken,kind,kon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rojhe3z8fubhz-w3y6t7qzl-5u417os3zc4efsjngge\",thumbnailversion,title,true]",userpermission(role),workspaceids</t>
  </si>
  <si>
    <t>0]606;0]\&lt;mask\��;1;1249879475;1578490017034;1578491520045;6;[];[]]];false;k\\;null;sox6hol5kanqwbau83b0q5tkjn-hbfch3-4j8cwcvib1u3yw_dbg2iyqsj0vym_b7dfqnwqgkbws1m2cqbfimye2oacaz-vdoe0myeoq9px5wwx6exb7icqyohpqang4pirsidha80hu-xwnd3jeagwtrute_mttiv2j3j8itcgmyhiqrlntav2d-7hfahvdcamin68aqojhe3anyjepww2lizp_ycwtgcnqrwqhfkbacodko7e\";sox6hol5kanqwbau83b0q5tkjn-hbfch3-4j8cwcvib1u3yw_dbg2iyqsj0vym_b7dfqnwqgkbws1m2cqbfimye2oacaz-vdoe0myeoq9px5wwx6exb7icqyohpqang4pirsidha80hu-xwnd3jeagwtrute_mttiv2j3j8itcgmyhiqrlntav2d-7hfahvdcamin68ar-jhe3z6p5cxxichtzdryrbcqjppb5p-vt87ihohhxs\";true]";</t>
  </si>
  <si>
    <t>0]606,0]\&lt;mask\��,1,1249879475,1578490017034,1578491520045,6,[],[]]],false,k\\,null,sox6hol5kanqwbau83b0q5tkjn-hbfch3-4j8cwcvib1u3yw_dbg2iyqsj0vym_b7dfqnwqgkbws1m2cqbfimye2oacaz-vdoe0myeoq9px5wwx6exb7icqyohpqang4pirsidha80hu-xwnd3jeagwtrute_mttiv2j3j8itcgmyhiqrlntav2d-7hfahvdcamin68aqojhe3anyjepww2lizp_ycwtgcnqrwqhfkbacodko7e\",sox6hol5kanqwbau83b0q5tkjn-hbfch3-4j8cwcvib1u3yw_dbg2iyqsj0vym_b7dfqnwqgkbws1m2cqbfimye2oacaz-vdoe0myeoq9px5wwx6exb7icqyohpqang4pirsidha80hu-xwnd3jeagwtrute_mttiv2j3j8itcgmyhiqrlntav2d-7hfahvdcamin68ar-jhe3z6p5cxxichtzdryrbcqjppb5p-vt87ihohhxs\",true]"</t>
  </si>
  <si>
    <t>"[[];"languagecode":"pt-br";"requesttype":"live_request";"scenariotype":"dr;"scenariotype":"dri;"timezone":"-03:00";0];0].c;0]\\˔0n\\;0]];0]l;1;10;117;118;12;1212;1212];1358;15;1578485591688;1578486244215104;1578486244507000;1578486251976000;1578486252079000];1578486252365000;1578489503863;1600];1600]];17;1738007010;1];2;200];241;242;246;25;256];262;2];3;306;30];379;3]";44777999;61021];62f782-ef2f-4018-bf8a-e9a53647a531\";740;741;76];8;84;84779782]];85;85];87;91023;91023];[11;[15;[1578486251976000;[15];[2;[240;[248;[30;[3700735];[4;[5;[856;[[-1;[[1;[[1578486244466000];[[1578486244507000];[[[116];[[[736;[];[]];[]]"];[]]];[]]]]]];[null;false;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</t>
  </si>
  <si>
    <t>"[[],"languagecode":"pt-br","requesttype":"live_request","scenariotype":"dr,"scenariotype":"dri,"timezone":"-03:00",0],0].c,0]\\˔0n\\,0]],0]l,1,10,117,118,12,1212,1212],1358,15,1578485591688,1578486244215104,1578486244507000,1578486251976000,1578486252079000],1578486252365000,1578489503863,1600],1600]],17,1738007010,1],2,200],241,242,246,25,256],262,2],3,306,30],379,3]",44777999,61021],62f782-ef2f-4018-bf8a-e9a53647a531\",740,741,76],8,84,84779782]],85,85],87,91023,91023],[11,[15,[1578486251976000,[15],[2,[240,[248,[30,[3700735],[4,[5,[856,[[-1,[[1,[[1578486244466000],[[1578486244507000],[[[116],[[[736,[],[]],[]]"],[]]],[]]]]]],[null,false,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;"[[];"[[null;"mozilla/5.0 (windows nt 6.1) applewebkit/537.36 (khtml;0;0];0]_`��_x000E_���_�_x001A_� �5s��0g��_x0010_�{�'�py�58�烯`��-�el{�_�_x0011_�on��7��l��`��-�em۲_�_x0014_vǢ�\�6��&lt;�_x001F_`��-�ehu�ݒ�_x0017_q�_x001D_����c�_x0007_��!kn;1;10;1011\;10233.650000001944;103.717;103.717];10340;11;11356.019999999262;1193;1193];12;12.38;12.883;12.883];12366.479999996955;12378.259999997681;12387.699999999313;12388.615000003483;12389.47499999631;12391.649999997753;12653;13;13029.58999999828;1303.6599999977625;13314.989999998943;135;13700014;13700109;13700167;13700185;13700235;13700451;13700563;13700607;137008;13700883;13700946;13700951;13700982;13701078;13701139;13701207;13701235;13701239;13701262;13701276;13701298;13701418;13701422;13701430;13701450;13701458;13701486;13701506;13701510;13701534;13701537]];13701537]]];13701573;13701577;13701589;13701609;13701614;13701625;13701653;13701657;13701693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"mozilla/5.0 (windows nt 6.1) applewebkit/537.36 (khtml,0,0]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0233.650000001944,103.717,103.717],10340,11,11356.019999999262,1193,1193],12,12.38,12.883,12.883],12366.479999996955,12378.259999997681,12387.699999999313,12388.615000003483,12389.47499999631,12391.649999997753,12653,13,13029.58999999828,1303.6599999977625,13314.989999998943,135,13700014,13700109,13700167,13700185,13700235,13700451,13700563,13700607,137008,13700883,13700946,13700951,13700982,13701078,13701139,13701207,13701235,13701239,13701262,13701276,13701298,13701418,13701422,13701430,13701450,13701458,13701486,13701506,13701510,13701534,13701537]],13701537]]],13701573,13701577,13701589,13701609,13701614,13701625,13701653,13701657,13701693</t>
  </si>
  <si>
    <t>0]&lt;m;14;1578486193674;1738007010;[];[]]];false;null;true]";ucqtrilxgzh2vmrvsg2jq1cbl4qg2jm47nvobhbfm_yn1fbbaidporrazpamsvj7sqad53jxy8lxn1gsuwlcokff-zk60jt6_mj0zjrpvewalswsaovfsol0bx_rkft-rmwy6dhqz6nive-v4tcaj4fvjzk0ccvxd5874j_rcxytdcakyaqcq4lriewtnjwmfrnjuv2-4muryr1woqdsmriyrxpb6q0jomgaedsibdjbasd4smb8mgt27ilk1ix-3qlr9sl-zxuxzewe7syf9mvehnwhvmp6t-r1zunnk\";vxd5874j_rcxytdcakyaqcq4lriewtnjwmfrnjuv2-4muryr1woqdsmriyrxpb6q0jomgaedsibdjbasd4smb8mgt27ilk1ix-3qlr9sl-zxuxzewe7syf9mvehnwhvmp6t-r1zunnk\";</t>
  </si>
  <si>
    <t>0]&lt;m,14,1578486193674,1738007010,[],[]]],false,null,true]",ucqtrilxgzh2vmrvsg2jq1cbl4qg2jm47nvobhbfm_yn1fbbaidporrazpamsvj7sqad53jxy8lxn1gsuwlcokff-zk60jt6_mj0zjrpvewalswsaovfsol0bx_rkft-rmwy6dhqz6nive-v4tcaj4fvjzk0ccvxd5874j_rcxytdcakyaqcq4lriewtnjwmfrnjuv2-4muryr1woqdsmriyrxpb6q0jomgaedsibdjbasd4smb8mgt27ilk1ix-3qlr9sl-zxuxzewe7syf9mvehnwhvmp6t-r1zunnk\",vxd5874j_rcxytdcakyaqcq4lriewtnjwmfrnjuv2-4muryr1woqdsmriyrxpb6q0jomgaedsibdjbasd4smb8mgt27ilk1ix-3qlr9sl-zxuxzewe7syf9mvehnwhvmp6t-r1zunnk\"</t>
  </si>
  <si>
    <t>0]:;1578486794662;1578488361639000]]]lk1iqe4��j8b;16;1738007010;[];[]]];da4odc1ndc1ntkyndq1mda4nwolco7ewqi6nd7bpaewm5snr5ch8lzrogw5ndczmtg5odk4mdmrxpdltafkiowycw==";false;ilyukfioulkkud/sm4x cd1dtfagqz5qajzmkfioumqy;null;true]";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;vxd5874j_rcxytdcakyaqcq4lriewtnjwmfrnjuv2-4muryr1woqdsmriyrxpb6q0jomgaedsibdjbasd4smb8mgt27ilk1iqe3qlr8b1sd409kfraom87dyjq4br50g3xqdg0h7ucy\";</t>
  </si>
  <si>
    <t>0]:,1578486794662,1578488361639000]]]lk1iqe4��j8b,16,1738007010,[],[]]],da4odc1ndc1ntkyndq1mda4nwolco7ewqi6nd7bpaewm5snr5ch8lzrogw5ndczmtg5odk4mdmrxpdltafkiowycw==",false,ilyukfioulkkud/sm4x cd1dtfagqz5qajzmkfioumqy,null,true]",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,vxd5874j_rcxytdcakyaqcq4lriewtnjwmfrnjuv2-4muryr1woqdsmriyrxpb6q0jomgaedsibdjbasd4smb8mgt27ilk1iqe3qlr8b1sd409kfraom87dyjq4br50g3xqdg0h7ucy\"</t>
  </si>
  <si>
    <t>C:\Users\rodrigormc\Downloads\</t>
  </si>
  <si>
    <t>Dados Time Polati - Supervisores e coordenadores.xlsx</t>
  </si>
  <si>
    <t>52a105b8-908c-47d1-b2e2-6dc34171aec7.tmp</t>
  </si>
  <si>
    <t>\\acsfs\profiles$\luanarda\Downloads\52a105b8-908c-47d1-b2e2-6dc34171aec7.tmp</t>
  </si>
  <si>
    <t>176cd194-6eae-4435-ad37-d27f48f8d88f.tmp</t>
  </si>
  <si>
    <t>\\acsfs\profiles$\anafsb\Downloads\176cd194-6eae-4435-ad37-d27f48f8d88f.tmp</t>
  </si>
  <si>
    <t>\\acsfs\engeset\FINANCEIRO_ULA\CONTROLA\Orc 2020\Templates\DRE_QLIKVIEW\PACOTE\</t>
  </si>
  <si>
    <t>DRE_reducao OPEX ref PROJETOS DAF 2020.xlsx</t>
  </si>
  <si>
    <t>0a9c0390-665f-49ea-8fc1-230f714e983e.tmp</t>
  </si>
  <si>
    <t>\\acsfs\profiles$\lorrainerdl\Downloads\0a9c0390-665f-49ea-8fc1-230f714e983e.tmp</t>
  </si>
  <si>
    <t>proposta agenda (1).xlsx</t>
  </si>
  <si>
    <t>a6cbd3b9-9831-4a17-9371-631008c1f78f.tmp</t>
  </si>
  <si>
    <t>\\acsfs\profiles$\lucasgpe\Downloads\a6cbd3b9-9831-4a17-9371-631008c1f78f.tmp</t>
  </si>
  <si>
    <t>10.200.35.184</t>
  </si>
  <si>
    <t>64-1C-67-9C-32-F9</t>
  </si>
  <si>
    <t>NB-AGUINALDOAS</t>
  </si>
  <si>
    <t>aguinaldoasj</t>
  </si>
  <si>
    <t>C:\Users\aguinaldoasj\Desktop\</t>
  </si>
  <si>
    <t>Trade.xlsx</t>
  </si>
  <si>
    <t>ancestorhasaugmented,ancestorhasaugmentedp,ancestorhasaugmentedpermissions,containsunsubscribedchildren,displ,displayname,domain,emailaddr,emailaddre,emailaddress,explicitlytrashed�,file(kind,fileid,filesize,hasthumbnail,hasvisitorpermissions,id,id),items(deleted,ken,kind,lastmodifyinguser(kind,lastviewedbymedate,modifiedbymedate,modifieddate,ontainsunsubscribedchildren,owners(kind,permissionid,picture,rpermissions,shared,sharedwithmedate,thumbnailversion,title,userpermission(role)</t>
  </si>
  <si>
    <t>http:///batch?%24ct=multipart%2Fmixed%3B%20boundary%3D%22%3D%3D%3D%3D%3D9invjmw4qrnv%3D%3D%3D%3D%3D%22&amp;key=AIzaSyAy9VVXHSpS2IJpptzYtGbLP3-3_l0aBk4</t>
  </si>
  <si>
    <t>http:///batch?%24ct=multipart%2Fmixed%3B%20boundary%3D%22%3D%3D%3D%3D%3Dphcc81o0mfxr%3D%3D%3D%3D%3D%22&amp;key=AIzaSyAy9VVXHSpS2IJpptzYtGbLP3-3_l0aBk4</t>
  </si>
  <si>
    <t>81o0mfxr===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81o0mfxr===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7aafa31r01g%3D%3D%3D%3D%3D%22&amp;key=AIzaSyAy9VVXHSpS2IJpptzYtGbLP3-3_l0aBk4</t>
  </si>
  <si>
    <t>a053c8c1-7115-427b-b08b-81d43e6dcc1f.tmp</t>
  </si>
  <si>
    <t>\\acsfs\profiles$\vivianalds\Downloads\a053c8c1-7115-427b-b08b-81d43e6dcc1f.tmp</t>
  </si>
  <si>
    <t>Registro de Tratamento Dados - Leonardo Elias &amp; Waleska Maria Miranda - Governança Jurídica.xlsx</t>
  </si>
  <si>
    <t>21 de janeiro 2020.jpg</t>
  </si>
  <si>
    <t>/o=exchangelabs/ou=exchange administrative group (fydibohf23spdlt)/cn=recipients/cn=8b5b63d67af648d081a40c45cc800804-fabiana per;/o=exchangelabs/ou=exchange administrative group (fydibohf23spdlt)/cn=recipients/cn=b1a72fc2d0234efca84c7771ea70c7ee-roberta cri;thaismo@algartech.com.br;</t>
  </si>
  <si>
    <t>Fechamento Financeiro Dezembro e Prévia Jan.</t>
  </si>
  <si>
    <t>Financeiro_JAN.zip\</t>
  </si>
  <si>
    <t>Financeiro_JAN.xlsx</t>
  </si>
  <si>
    <t>/o=exchangelabs/ou=exchange administrative group (fydibohf23spdlt)/cn=recipients/cn=8b5b63d67af648d081a40c45cc800804-fabiana per,/o=exchangelabs/ou=exchange administrative group (fydibohf23spdlt)/cn=recipients/cn=b1a72fc2d0234efca84c7771ea70c7ee-roberta cri,thaismo@algartech.com.br</t>
  </si>
  <si>
    <t>8b5ab8be-a67b-4376-ba0d-ffbd9d0228d3.tmp</t>
  </si>
  <si>
    <t>\\acsfs\profiles$\gabrielsma\Downloads\8b5ab8be-a67b-4376-ba0d-ffbd9d0228d3.tmp</t>
  </si>
  <si>
    <t>\\acsfs\ACS\Gabriel da Silva\Contemporânea\BDBV\Q29udHJvbGxlci5BQ09NLVNvdUJWXzE-.ica.crdownload</t>
  </si>
  <si>
    <t>3f40d6f2-c191-4f6e-bf9d-e890fe875d6c.tmp</t>
  </si>
  <si>
    <t>\\acsfs\profiles$\henriquehmdo\Downloads\3f40d6f2-c191-4f6e-bf9d-e890fe875d6c.tmp</t>
  </si>
  <si>
    <t>e035970f-9962-4584-b2d9-4d83b338c8da.tmp</t>
  </si>
  <si>
    <t>\\acsfs\profiles$\gabrielafs\Downloads\e035970f-9962-4584-b2d9-4d83b338c8da.tmp</t>
  </si>
  <si>
    <t>dcc2fa30-878d-46bd-84d7-56b79c84e12e.tmp</t>
  </si>
  <si>
    <t>\\acsfs\profiles$\ayalabfi\Downloads\dcc2fa30-878d-46bd-84d7-56b79c84e12e.tmp</t>
  </si>
  <si>
    <t>THAYNARA CAMILA SANTOS LOPES_1_6776371272523782990_1_32.wav</t>
  </si>
  <si>
    <t>\\acsfs\Deptos\EDUCACAO EMPRESARIAL\KÉSIA\Ligações 1º Ciclo - Janeiro 2020\THAYNARA CAMILA SANTOS LOPES_1_6776371272523782990_1_32.wav</t>
  </si>
  <si>
    <t>rafaelaas@algartech.com</t>
  </si>
  <si>
    <t>fredericobs@algartecnologia.com.br;jacqueline.mariano@bradesco.com.br;lucas.jose@bradesco.com.br;</t>
  </si>
  <si>
    <t>AHT Retenção - skills 513,560,600.xlsx</t>
  </si>
  <si>
    <t>fredericobs@algartecnologia.com.br,jacqueline.mariano@bradesco.com.br,lucas.jose@bradesco.com.br</t>
  </si>
  <si>
    <t>2ee7cf82-f49f-4612-ad15-40e4b36ced86.tmp</t>
  </si>
  <si>
    <t>\\acsfs\profiles$\LUCASNS\Downloads\2ee7cf82-f49f-4612-ad15-40e4b36ced86.tmp</t>
  </si>
  <si>
    <t>d5d7a3b1-5417-4411-94c5-43177b217aee.tmp</t>
  </si>
  <si>
    <t>\\acsfs\profiles$\nathaliarmr\Downloads\d5d7a3b1-5417-4411-94c5-43177b217aee.tmp</t>
  </si>
  <si>
    <t>ac73cdd2-e7e7-4800-96ee-7c6c8f886941.tmp</t>
  </si>
  <si>
    <t>\\acsfs\profiles$\wedersonbadr\My Documents\My Music\ac73cdd2-e7e7-4800-96ee-7c6c8f886941.tmp</t>
  </si>
  <si>
    <t>adenilsonbdg@algartech.com;</t>
  </si>
  <si>
    <t>C:\Comercial\2020\Apresentação\Pague Seguro\Apresentação Pague Seguro.pptx\</t>
  </si>
  <si>
    <t>adenilsonbdg@algartech.com</t>
  </si>
  <si>
    <t>29e62cdc-42a5-4dd8-ab58-1d2483cca4ff.tmp</t>
  </si>
  <si>
    <t>\\acsfs\profiles$\ROZENCAM\Downloads\29e62cdc-42a5-4dd8-ab58-1d2483cca4ff.tmp</t>
  </si>
  <si>
    <t>aaeb7dd0-654e-4602-a077-8db0a9f66fdd.tmp</t>
  </si>
  <si>
    <t>\\acsfs\profiles$\victoriaksr\Downloads\aaeb7dd0-654e-4602-a077-8db0a9f66fdd.tmp</t>
  </si>
  <si>
    <t>lu150961grspn.tmp</t>
  </si>
  <si>
    <t>\\acsfs\profiles$\BRUNAAR\Numero\lu150961grspn.tmp</t>
  </si>
  <si>
    <t>lu150961grspr.tmp</t>
  </si>
  <si>
    <t>\\acsfs\profiles$\BRUNAAR\Numero\lu150961grspr.tmp</t>
  </si>
  <si>
    <t>c:\users\adilsonloj\downloads\</t>
  </si>
  <si>
    <t>kit_pre_deslig_disp_sem_justa_causa_ind_94594_barbara vasconcelos de paula neves.pdf</t>
  </si>
  <si>
    <t>27093652-ea5c-4e26-9d23-2afd907c6473.tmp</t>
  </si>
  <si>
    <t>\\acsfs\profiles$\nathaliarmr\Downloads\27093652-ea5c-4e26-9d23-2afd907c6473.tmp</t>
  </si>
  <si>
    <t>10.200.58.86</t>
  </si>
  <si>
    <t>64-1C-67-9C-32-37</t>
  </si>
  <si>
    <t>NB-ROSANAPCCB</t>
  </si>
  <si>
    <t>rosanapccb</t>
  </si>
  <si>
    <t>rosanapccb@algartech.com</t>
  </si>
  <si>
    <t>C:\Users\rosanapccb\Desktop\DIARIO\</t>
  </si>
  <si>
    <t>TEC Controle diario Dezembro 2019.xls</t>
  </si>
  <si>
    <t>New Corporate Card - Pedro Destro</t>
  </si>
  <si>
    <t>Cópia de New Card Bana - Pedro Destro.xls</t>
  </si>
  <si>
    <t>f1b54369-2e95-4d35-b30f-1f24cbcce5fa.tmp</t>
  </si>
  <si>
    <t>\\acsfs\profiles$\luanaagl\Downloads\f1b54369-2e95-4d35-b30f-1f24cbcce5fa.tmp</t>
  </si>
  <si>
    <t>ac6d4ac1-d498-48a3-a985-fea05db6f6f2.tmp</t>
  </si>
  <si>
    <t>\\acsfs\profiles$\luanaagl\Downloads\ac6d4ac1-d498-48a3-a985-fea05db6f6f2.tmp</t>
  </si>
  <si>
    <t>THAIS MACHADO BEZERRA_1_6774693989010448600_1_32.wav</t>
  </si>
  <si>
    <t>\\acsfs\Deptos\EDUCACAO EMPRESARIAL\KÉSIA\Ligações 1º Ciclo - Janeiro 2020\THAIS MACHADO BEZERRA_1_6774693989010448600_1_32.wav</t>
  </si>
  <si>
    <t>b6f30385-d47f-4259-8ebb-657e4a59d7e0.tmp</t>
  </si>
  <si>
    <t>\\acsfs\profiles$\claudiajca\Downloads\b6f30385-d47f-4259-8ebb-657e4a59d7e0.tmp</t>
  </si>
  <si>
    <t>f6643743-feb5-4b62-aad2-4aeb5e8e5689.tmp</t>
  </si>
  <si>
    <t>\\acsfs\profiles$\anafsb\Downloads\f6643743-feb5-4b62-aad2-4aeb5e8e5689.tmp</t>
  </si>
  <si>
    <t>8627ccc8-2e53-40e2-a133-31a8294975c8.tmp</t>
  </si>
  <si>
    <t>\\acsfs\profiles$\KARENDSR\Downloads\8627ccc8-2e53-40e2-a133-31a8294975c8.tmp</t>
  </si>
  <si>
    <t>655cc66e-9e7c-4deb-a720-b8e3320914a8.tmp</t>
  </si>
  <si>
    <t>\\acsfs\profiles$\lucasqdss\Downloads\655cc66e-9e7c-4deb-a720-b8e3320914a8.tmp</t>
  </si>
  <si>
    <t>mail.google.com/_/upload?authuser=0&amp;dcp=asu-n&amp;upload_id=AEnB2Uo8Vu5QpS0Exuaq16Do4rCUh8o9kzV0b1et8sT5tp1xB_r9EnM4GllMq5ThAtl-J_Z41J5wO2-_NfM5EeKYnyrFXx3UrtxnK1UpJ0rt9tj2znSVpkA&amp;upload_protocol=resumable</t>
  </si>
  <si>
    <t>21 de janeiro 2020 (1).jpg</t>
  </si>
  <si>
    <t>386f9a45-47de-4e9e-ad37-8b07c433b38a.tmp</t>
  </si>
  <si>
    <t>\\acsfs\profiles$\milenaas\Downloads\386f9a45-47de-4e9e-ad37-8b07c433b38a.tmp</t>
  </si>
  <si>
    <t>82932b1a-ba28-4b1c-a6d4-9ed9b39c4167.tmp</t>
  </si>
  <si>
    <t>\\acsfs\profiles$\vivianalds\Downloads\82932b1a-ba28-4b1c-a6d4-9ed9b39c4167.tmp</t>
  </si>
  <si>
    <t>0]ok,15,1578486493690,1738007010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xu3qlr9iea7tizefmrvhfs1rsthvhhdn5f8nfdqwcwy\",userpermission(role),vxd5874j_rcxytdcakyaqcq4lriewtnjwmfrnjuv2-4muryr1woqdsmriyrxpb6q0jomgaedsibdjbasd4smb8mgt27ilk1ixu3qlr9iea7tizefmrvhfs1rsthvhhdn5f8nfdqwcwy\",workspaceids</t>
  </si>
  <si>
    <t>0]":0}4��|�;0]:;1249879475;1578486794662;1578488361639000]]]lk1iqe4��j8b;1578492423126;16;1738007010;9;[];[]]];da4odc1ndc1ntkyndq1mda4nwolco7ewqi6nd7bpaewm5snr5ch8lzrogw5ndczmtg5odk4mdmrxpdltafkiowycw==";false;ilyukfioulkkud/sm4x cd1dtfagqz5qajzmkfioumqy;kl�;null;sox6hol5kanqwbau83b0q5tkjn-hbfch3-4j8cwcvib1u3yw_dbg2iyqsj0vym_b7dfqnwqgkbws1m2cqbfimye2oacaz-vdoe0myeoq9px5wwx6exb7icqyohpqang4pirsidha80hu-xwnd3jeagwtrute_mttiv2j3j8itcgmyhiqrlntav2d-7hfahvdcamin68ap-jhe3yafm0mslqeeqci4nx4iejzajqnszh2d1puqlk\";true]";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;vxd5874j_rcxytdcakyaqcq4lriewtnjwmfrnjuv2-4muryr1woqdsmriyrxpb6q0jomgaedsibdjbasd4smb8mgt27ilk1iqe3qlr8b1sd409kfraom87dyjq4br50g3xqdg0h7ucy\";</t>
  </si>
  <si>
    <t>0]":0}4��|�,0]:,1249879475,1578486794662,1578488361639000]]]lk1iqe4��j8b,1578492423126,16,1738007010,9,[],[]]],da4odc1ndc1ntkyndq1mda4nwolco7ewqi6nd7bpaewm5snr5ch8lzrogw5ndczmtg5odk4mdmrxpdltafkiowycw==",false,ilyukfioulkkud/sm4x cd1dtfagqz5qajzmkfioumqy,kl�,null,sox6hol5kanqwbau83b0q5tkjn-hbfch3-4j8cwcvib1u3yw_dbg2iyqsj0vym_b7dfqnwqgkbws1m2cqbfimye2oacaz-vdoe0myeoq9px5wwx6exb7icqyohpqang4pirsidha80hu-xwnd3jeagwtrute_mttiv2j3j8itcgmyhiqrlntav2d-7hfahvdcamin68ap-jhe3yafm0mslqeeqci4nx4iejzajqnszh2d1puqlk\",true]",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,vxd5874j_rcxytdcakyaqcq4lriewtnjwmfrnjuv2-4muryr1woqdsmriyrxpb6q0jomgaedsibdjbasd4smb8mgt27ilk1iqe3qlr8b1sd409kfraom87dyjq4br50g3xqdg0h7ucy\"</t>
  </si>
  <si>
    <t>mail.google.com/sync/u/0/i/s?hl=pt-BR&amp;c=684</t>
  </si>
  <si>
    <t>a6c2f548-70c7-46e7-be2c-08dd5107ab99.tmp</t>
  </si>
  <si>
    <t>\\acsfs\profiles$\luanaagl\Downloads\a6c2f548-70c7-46e7-be2c-08dd5107ab99.tmp</t>
  </si>
  <si>
    <t>88788ad5-20ae-4d4f-8db8-1f3a57801367.tmp</t>
  </si>
  <si>
    <t>\\acsfs\profiles$\ALYNYA\Downloads\88788ad5-20ae-4d4f-8db8-1f3a57801367.tmp</t>
  </si>
  <si>
    <t>4da9dbb1-67d2-49ee-abb8-9e43b581c4c3.tmp</t>
  </si>
  <si>
    <t>\\acsfs\profiles$\anafsb\Downloads\4da9dbb1-67d2-49ee-abb8-9e43b581c4c3.tmp</t>
  </si>
  <si>
    <t>189a91f2-a593-48a6-bc4a-88bc110d2b57.tmp</t>
  </si>
  <si>
    <t>\\acsfs\profiles$\anafsb\Downloads\189a91f2-a593-48a6-bc4a-88bc110d2b57.tmp</t>
  </si>
  <si>
    <t>b19a840d-3b8e-4dc0-a737-f49d494297f0.tmp</t>
  </si>
  <si>
    <t>\\acsfs\profiles$\anafsb\Downloads\b19a840d-3b8e-4dc0-a737-f49d494297f0.tmp</t>
  </si>
  <si>
    <t>fa68af3c-a825-4be0-b25e-0239848e16c7.tmp</t>
  </si>
  <si>
    <t>\\acsfs\profiles$\anafsb\Downloads\fa68af3c-a825-4be0-b25e-0239848e16c7.tmp</t>
  </si>
  <si>
    <t>90106342-ec9d-40a9-8991-b78181383c44.tmp</t>
  </si>
  <si>
    <t>\\acsfs\profiles$\KARENDSR\Downloads\90106342-ec9d-40a9-8991-b78181383c44.tmp</t>
  </si>
  <si>
    <t>.~lock.Palno de Aula 6 horas2.xls#</t>
  </si>
  <si>
    <t>\\acsfs\DEPTOS\EDUCACAO EMPRESARIAL\2 - Operações\0.01 BV CARTÕES\Larisa\Formação BV\.~lock.Palno de Aula 6 horas2.xls#</t>
  </si>
  <si>
    <t>PLanejamento</t>
  </si>
  <si>
    <t>01 - Gerenciadas Amex - Backoffice.xlsx</t>
  </si>
  <si>
    <t>\\acsfs\deptos\Regionais\SPO\TALENTOS_HUMANOS_SPO\SESMT_SPO\2015_ORGANIZAÇÃO DOS DIRETÓRIOS\Indicadores\Segurança do Trabalho\2019\Janeiro\</t>
  </si>
  <si>
    <t>Atual - Estatística de Abertura de CAT (Mensal)-Dezembro.xlsx</t>
  </si>
  <si>
    <t>C:\Users\hugooc\Downloads\</t>
  </si>
  <si>
    <t>Análise - Operadores e Supervisores.xlsx</t>
  </si>
  <si>
    <t>http://play.google.com/log?format=json&amp;hasfast=true</t>
  </si>
  <si>
    <t>http:///batch?%24ct=multipart%2Fmixed%3B%20boundary%3D%22%3D%3D%3D%3D%3D9c8485v23sda%3D%3D%3D%3D%3D%22&amp;key=AIzaSyAy9VVXHSpS2IJpptzYtGbLP3-3_l0aBk4</t>
  </si>
  <si>
    <t>http:///batch?%24ct=multipart%2Fmixed%3B%20boundary%3D%22%3D%3D%3D%3D%3Dre0bzh1vilbf%3D%3D%3D%3D%3D%22&amp;key=AIzaSyAy9VVXHSpS2IJpptzYtGbLP3-3_l0aBk4</t>
  </si>
  <si>
    <t>e9f3d500-1735-4ac9-abdf-221a7532c71d.tmp</t>
  </si>
  <si>
    <t>\\acsfs\profiles$\henriquehmdo\Downloads\e9f3d500-1735-4ac9-abdf-221a7532c71d.tmp</t>
  </si>
  <si>
    <t>10.200.60.124</t>
  </si>
  <si>
    <t>64-1C-67-9C-32-3B</t>
  </si>
  <si>
    <t>mail.google.com/_/upload?authuser=3&amp;dcp=asu-n</t>
  </si>
  <si>
    <t>C:\Users\matheusvs\Desktop\</t>
  </si>
  <si>
    <t>Work Items - Astechs.xlsx</t>
  </si>
  <si>
    <t>100031549241687;</t>
  </si>
  <si>
    <t>https://100031549241687</t>
  </si>
  <si>
    <t>http:///batch?%24ct=multipart%2Fmixed%3B%20boundary%3D%22%3D%3D%3D%3D%3Drtaduv6rqmfi%3D%3D%3D%3D%3D%22&amp;key=AIzaSyAy9VVXHSpS2IJpptzYtGbLP3-3_l0aBk4</t>
  </si>
  <si>
    <t>0]4�_x0017_�ij�&amp;_x0005_k�h;1249879475;14;1578493928201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sox6hol5kanqwbau83b0q5tkjn-hbfch3-4j8cwcvib1u3yw_dbg2iyqsj0vym_b7dfqnwqgkbws1m2cqbfimye2oacaz-vdoe0myeoq9px5wwx6exb7icqyohpqang4pirsidha80hu-xwnd3jeagwtrute_mttiv2j3j8itcgmyhiqrlntav2d-7hfahvdcamin68aoojhe3avjucyjpjp108fy38ua2icb3uu6j6njxtaxqc\";thumbnailversion;title;true]";userpermission(role);workspaceids;</t>
  </si>
  <si>
    <t>http://0]4�_x0017_�ij�&amp;_x0005_k�h,1249879475,14,1578493928201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oojhe3avjucyjpjp108fy38ua2icb3uu6j6njxtaxqc\",thumbnailversion,title,true]",userpermission(role),workspaceids</t>
  </si>
  <si>
    <t>http:///batch?%24ct=multipart%2Fmixed%3B%20boundary%3D%22%3D%3D%3D%3D%3Dss9eirwlklxe%3D%3D%3D%3D%3D%22&amp;key=AIzaSyAy9VVXHSpS2IJpptzYtGbLP3-3_l0aBk4</t>
  </si>
  <si>
    <t>http:///batch?%24ct=multipart%2Fmixed%3B%20boundary%3D%22%3D%3D%3D%3D%3Dv3paghwkcdza%3D%3D%3D%3D%3D%22&amp;key=AIzaSyAy9VVXHSpS2IJpptzYtGbLP3-3_l0aBk4</t>
  </si>
  <si>
    <t>"mozilla/5.0 (windows nt 6.1) applewebkit/537.36 (khtml;0]_x000F_;0]]]];1;106001;109];13;137;13700167;13700185;13700235;13700451;13700607;13700883;13700946;1370095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14;156;1578482280746000;1578482280746_wmnyhopw71gf\;1578486252415000];1578486253659;1578487697659;159]];15]]];1738007010;19;2;25;2];3;5701393;6;9;[1;[1578486252370000;[6];[78;[[10;[[12;[[13701214;[[null;[\"drive.web-frontend_20191211.00_p1\"]]]";[];[]]];[null;ancestorhasaugmentedpermissions;containsunsubscribedchildren;displayname;domain;emailaddress;false;false];false]];file(kind;fileid;filesize;gampqtp7yn6iriu24ksnqvk-esmg4wwpxf";hasthumbnail;hasvisitorpermissions;id;id);items(deleted;ken;ken=ac4w5vix_z5c3vm9ln1dolghdosvr2cejg:1578482277703&amp;buildlabel=drive.web-fronten</t>
  </si>
  <si>
    <t>http://"mozilla/5.0 (windows nt 6.1) applewebkit/537.36 (khtml,0]_x000F_,0]]]],1,106001,109],13,137,13700167,13700185,13700235,13700451,13700607,13700883,13700946,1370095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14,156,1578482280746000,1578482280746_wmnyhopw71gf\,1578486252415000],1578486253659,1578487697659,159]],15]]],1738007010,19,2,25,2],3,5701393,6,9,[1,[1578486252370000,[6],[78,[[10,[[12,[[13701214,[[null,[\"drive.web-frontend_20191211.00_p1\"]]]",[],[]]],[null,ancestorhasaugmentedpermissions,containsunsubscribedchildren,displayname,domain,emailaddress,false,false],false]],file(kind,fileid,filesize,gampqtp7yn6iriu24ksnqvk-esmg4wwpxf",hasthumbnail,hasvisitorpermissions,id,id),items(deleted,ken,ken=ac4w5vix_z5c3vm9ln1dolghdosvr2cejg:1578482277703&amp;buildlabel=drive.web-</t>
  </si>
  <si>
    <t>"languagecode":"pt-br";"requesttype":"background_request";"scenariotype;"timezone":"-03:00";1578482882712000]]];ancestorhasaugmentedpermissions;containsunsubscribedchildren;cqov8pllmzi2akekfiouyzcli 7jwjedt;dczmta5mzm2otcxndawmze4naolcj ctkdp unz gewpytj/9eklatqogw5ndczmtg5odk4mdmr8rg/ a4e6y8ycw==";displayname;domain;emailaddress;file(kind;fileid;filesize;hasthumbnail;hasvisitorpermissions;id;id);items(deleted;kalgbcgki4cf1 /lz5gikfioulte4odmxodm0mzu5mze4odm5ntqkcgjxifksicfypwcwpytj/9eklatqogw5ndczmtg5odk4mdmrkie6j4qedae;kalgbcgkinnzn /lz5gikfsotodczmta5mzm2otcxndawmze4naolcj ctkdp unz gewpytj/9eklatqogw5ndczmtg5odk4mdmr8rg/ a4e6y8;ken;kind;lastmodifyinguser(kind;lastviewedbymedate;modifiedbymedate;modifieddate;ontainsunsubscribedchildren;owners(kind;p";per;permissionid;picture;shared;sharedwithmedate;thumbnailversion;title;userpermission(role);workspaceids;</t>
  </si>
  <si>
    <t>"languagecode":"pt-br","requesttype":"background_request","scenariotype,"timezone":"-03:00",1578482882712000]]],ancestorhasaugmentedpermissions,containsunsubscribedchildren,cqov8pllmzi2akekfiouyzcli 7jwjedt,dczmta5mzm2otcxndawmze4naolcj ctkdp unz gewpytj/9eklatqogw5ndczmtg5odk4mdmr8rg/ a4e6y8ycw==",displayname,domain,emailaddress,file(kind,fileid,filesize,hasthumbnail,hasvisitorpermissions,id,id),items(deleted,kalgbcgki4cf1 /lz5gikfioulte4odmxodm0mzu5mze4odm5ntqkcgjxifksicfypwcwpytj/9eklatqogw5ndczmtg5odk4mdmrkie6j4qedae,kalgbcgkinnzn /lz5gikfsotodczmta5mzm2otcxndawmze4naolcj ctkdp unz gewpytj/9eklatqogw5ndczmtg5odk4mdmr8rg/ a4e6y8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5a7m39xrecx5%3D%3D%3D%3D%3D%22&amp;key=AIzaSyAy9VVXHSpS2IJpptzYtGbLP3-3_l0aBk4</t>
  </si>
  <si>
    <t>0]\\;13;1578485892673;1578488901799;1738007010;23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ru3qlr8teqa2w81rzujveecytfu7nla2fwezhd44ofy\";ucqtrilxgzh2vmrvsg2jq1cbl4qg2jm47nvobhbfm_yn1fbbaidporrazpamsvj7sqad53jxy8lxn1gsuwlcokff-zk60jt6_mj0zjrpvewalswsaovfsol0bx_rkft-rmwy6dhqz6nive-v4tcaj4fvjzk0ccvxd5874j_rcxytdcakyaqcq4lriewtnjwmfrnjuv2-4muryr1woqdsmriyrxpb6q0jomgaedsibdjbasd4smb8mgt27ilk1ixo3qlr-0jc_tnh-rgx91qontmn</t>
  </si>
  <si>
    <t>http://0]\\,13,1578485892673,1578488901799,1738007010,23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ru3qlr8teqa2w81rzujveecytfu7nla2fwezhd44ofy\",ucqtrilxgzh2vmrvsg2jq1cbl4qg2jm47nvobhbfm_yn1fbbaidporrazpamsvj7sqad53jxy8lxn1gsuwlcokff-zk60jt6_mj0zjrpvewalswsaovfsol0bx_rkft-rmwy6dhqz6nive-v4tcaj4fvjzk0ccvxd5874j_rcxytdcakyaqcq4lriewtnjwmfrnjuv2-4muryr1woqdsmriyrxpb6q0jomgaedsibdjbasd4smb8mgt27ilk1ixo3qlr-0jc_tnh-rgx9</t>
  </si>
  <si>
    <t>http:///batch?%24ct=multipart%2Fmixed%3B%20boundary%3D%22%3D%3D%3D%3D%3D4f6lhabtr7e8%3D%3D%3D%3D%3D%22&amp;key=AIzaSyAy9VVXHSpS2IJpptzYtGbLP3-3_l0aBk4</t>
  </si>
  <si>
    <t>http:///batch?%24ct=multipart%2Fmixed%3B%20boundary%3D%22%3D%3D%3D%3D%3Dx4ugy81sqbku%3D%3D%3D%3D%3D%22&amp;key=AIzaSyAy9VVXHSpS2IJpptzYtGbLP3-3_l0aBk4</t>
  </si>
  <si>
    <t>JESSICA DE ALMEIDA GOMES_1_6774031000678768807_1_32.wav</t>
  </si>
  <si>
    <t>\\acsfs\Deptos\EDUCACAO EMPRESARIAL\KÉSIA\Ligações 1º Ciclo - Janeiro 2020\JESSICA DE ALMEIDA GOMES_1_6774031000678768807_1_32.wav</t>
  </si>
  <si>
    <t>C:\Users\gildaepma\Downloads\</t>
  </si>
  <si>
    <t>CAPEX_2020_Oficial - Info_Caixa_Depreciação_Cenário2 (1).xlsx</t>
  </si>
  <si>
    <t>e426a2a2-6a57-47a5-95aa-34cae2627512.tmp</t>
  </si>
  <si>
    <t>\\acsfs\profiles$\lorrainerdl\Downloads\e426a2a2-6a57-47a5-95aa-34cae2627512.tmp</t>
  </si>
  <si>
    <t>B9BDD856.tmp</t>
  </si>
  <si>
    <t>\\acsfs\ACS\Gabriel da Silva\Contemporânea\Acessos\B9BDD856.tmp</t>
  </si>
  <si>
    <t>0]4�_x0017_�ij�&amp;_x0005_k�h,1249879475,14,1578493928201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oojhe3avjucyjpjp108fy38ua2icb3uu6j6njxtaxqc\",thumbnailversion,title,true]",userpermission(role),workspaceids</t>
  </si>
  <si>
    <t>1578482583077;1578487998672000]]];1578487999645000]]];1738007010;2;[];[]]];ancestorhasaugmentedpermissions;containsunsubscribedchildren;dg4mzi2nzy3mdm0ntgwotgwmwokcj/mra67tjriezc28iwz/p2tos86ddk0nzmxodk4otgwmxfickmsclgcmrgl";displayname;domain;emailaddress;false;file(kind;fileid;filesize;hasthumbnail;hasvisitorpermissions;id;id);items(deleted;ken;ken=ac4w5vix_z5c3vm9ln1dolghdosvr2cejg:1578482277703&amp;buildlabel=drive.web-frontend_20191211.00_p10{_x0001_;kind;lastmodifyinguser(kind;lastviewedbymedate;modifiedbymedate;modifieddate;null;ontainsunsubscribedchildren;owners(kind;per;permissionid;picture;s86ddk0nzmxodk4otgwmxejpotdufhswhgl"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;userpermission(role);vxd5874j_rcxytd</t>
  </si>
  <si>
    <t>1578482583077,1578487998672000]]],1578487999645000]]],1738007010,2,[],[]]],ancestorhasaugmentedpermissions,containsunsubscribedchildren,dg4mzi2nzy3mdm0ntgwotgwmwokcj/mra67tjriezc28iwz/p2tos86ddk0nzmxodk4otgwmxfickmsclgcmrgl",displayname,domain,emailaddress,false,file(kind,fileid,filesize,hasthumbnail,hasvisitorpermissions,id,id),items(deleted,ken,ken=ac4w5vix_z5c3vm9ln1dolghdosvr2cejg:1578482277703&amp;buildlabel=drive.web-frontend_20191211.00_p10{_x0001_,kind,lastmodifyinguser(kind,lastviewedbymedate,modifiedbymedate,modifieddate,null,ontainsunsubscribedchildren,owners(kind,per,permissionid,picture,s86ddk0nzmxodk4otgwmxejpotdufhswhgl"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,userpermission(role),vxd5874j_rcxytd</t>
  </si>
  <si>
    <t>0]\\,13,1578485892673,1578488901799,1738007010,23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ru3qlr8teqa2w81rzujveecytfu7nla2fwezhd44ofy\",ucqtrilxgzh2vmrvsg2jq1cbl4qg2jm47nvobhbfm_yn1fbbaidporrazpamsvj7sqad53jxy8lxn1gsuwlcokff-zk60jt6_mj0zjrpvewalswsaovfsol0bx_rkft-rmwy6dhqz6nive-v4tcaj4fvjzk0ccvxd5874j_rcxytdcakyaqcq4lriewtnjwmfrnjuv2-4muryr1woqdsmriyrxpb6q0jomgaedsibdjbasd4smb8mgt27ilk1ixo3qlr-0jc_tnh-rgx91qontmn</t>
  </si>
  <si>
    <t>mail.google.com/sync/u/0/i/s?hl=pt-BR&amp;c=791</t>
  </si>
  <si>
    <t>0]&lt;m;0]dchild_x0017_&gt;�k;0]s;1249879475;15;1578488299653;1578488600710;1578494229200;1738007010;21;22;[];[]]];false;ken=ac4w5vix_z5c3vm9ln1dolghdosvr2cejg:1578482277703&amp;buildlabel=drive.web-frontend_20191211.00_p1;null;sox6hol5kanqwbau83b0q5tkjn-hbfch3-4j8cwcvib1u3yw_dbg2iyqsj0vym_b7dfqnwqgkbws1m2cqbfimye2oacaz-vdoe0myeoq9px5wwx6exb7icqyohpqang4pirsidha80hu-xwnd3jeagwtrute_mttiv2j3j8itcgmyhiqrlntav2d-7hfahvdcamin68aoejhe3yrrpkvpo0tr7gr773h1atzmoqbqahistrkhew\";true]";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;ucqtrilxgzh2vmrvsg2jq1cbl4qg2jm47nvobhbfm_yn1fbbaidporrazpamsvj7sqad53jxy8lxn1gsuwlcokff-zk60jt6_mj0zjrpvewalswsaovfsol0bx_rkft-rmwy6dhqz6nive-v4tcaj4fvjzk0ccvxd5874j_rcxytdcakyaqcq4lriewtnjwmfrnjuv2-4muryr1woqdsmriyrxpb6q0jomgaedsibdjbasd4smb8mgt27ilk1iro3ql</t>
  </si>
  <si>
    <t>0]&lt;m,0]dchild_x0017_&gt;�k,0]s,1249879475,15,1578488299653,1578488600710,1578494229200,1738007010,21,22,[],[]]],false,ken=ac4w5vix_z5c3vm9ln1dolghdosvr2cejg:1578482277703&amp;buildlabel=drive.web-frontend_20191211.00_p1,null,sox6hol5kanqwbau83b0q5tkjn-hbfch3-4j8cwcvib1u3yw_dbg2iyqsj0vym_b7dfqnwqgkbws1m2cqbfimye2oacaz-vdoe0myeoq9px5wwx6exb7icqyohpqang4pirsidha80hu-xwnd3jeagwtrute_mttiv2j3j8itcgmyhiqrlntav2d-7hfahvdcamin68aoejhe3yrrpkvpo0tr7gr773h1atzmoqbqahistrkhew\",true]",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,ucqtrilxgzh2vmrvsg2jq1cbl4qg2jm47nvobhbfm_yn1fbbaidporrazpamsvj7sqad53jxy8lxn1gsuwlcokff-zk60jt6_mj0zjrpvewalswsaovfsol0bx_rkft-rmwy6dhqz6nive-v4tcaj4fvjzk0ccvxd5874j_rcxytdcakyaqcq4lriewtnjwmfrnjuv2-4muryr1woqdsmriyrxpb6q0jomgaedsibdjbasd4smb8mgt27ilk1iro3ql</t>
  </si>
  <si>
    <t>89552083-72bd-46bb-9f95-7fc104af4fad.tmp</t>
  </si>
  <si>
    <t>\\acsfs\profiles$\claudiajca\Downloads\89552083-72bd-46bb-9f95-7fc104af4fad.tmp</t>
  </si>
  <si>
    <t>e37703ff-086b-463e-b245-b88f903755d2.tmp</t>
  </si>
  <si>
    <t>\\acsfs\profiles$\ROZENCAM\Downloads\e37703ff-086b-463e-b245-b88f903755d2.tmp</t>
  </si>
  <si>
    <t>outlook.office.com/owa/service.svc?action=createitem&amp;app=mail&amp;n=739</t>
  </si>
  <si>
    <t>outlook.office.com/owa/service.svc?action=createitem&amp;app=mail&amp;n=741</t>
  </si>
  <si>
    <t>outlook.office.com/owa/service.svc?action=createitem&amp;app=mail&amp;n=745</t>
  </si>
  <si>
    <t>9aab3345-8e29-48af-8807-49e83e8d85f6.tmp</t>
  </si>
  <si>
    <t>\\acsfs\profiles$\danielac\Downloads\9aab3345-8e29-48af-8807-49e83e8d85f6.tmp</t>
  </si>
  <si>
    <t>lu150961grspv.tmp</t>
  </si>
  <si>
    <t>\\acsfs\profiles$\BRUNAAR\Numero\lu150961grspv.tmp</t>
  </si>
  <si>
    <t>http:///batch?%24ct=multipart%2Fmixed%3B%20boundary%3D%22%3D%3D%3D%3D%3Dl710cwpene6t%3D%3D%3D%3D%3D%22&amp;key=AIzaSyAy9VVXHSpS2IJpptzYtGbLP3-3_l0aBk4</t>
  </si>
  <si>
    <t>http:///batch?%24ct=multipart%2Fmixed%3B%20boundary%3D%22%3D%3D%3D%3D%3Dhpiuw1djx7x4%3D%3D%3D%3D%3D%22&amp;key=AIzaSyAy9VVXHSpS2IJpptzYtGbLP3-3_l0aBk4</t>
  </si>
  <si>
    <t>http:///batch?%24ct=multipart%2Fmixed%3B%20boundary%3D%22%3D%3D%3D%3D%3D42bbhz4b49ut%3D%3D%3D%3D%3D%22&amp;key=AIzaSyAy9VVXHSpS2IJpptzYtGbLP3-3_l0aBk4</t>
  </si>
  <si>
    <t>http:///batch?%24ct=multipart%2Fmixed%3B%20boundary%3D%22%3D%3D%3D%3D%3D32uov2yuckyl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http:///batch?%24ct=multipart%2Fmixed%3B%20boundary%3D%22%3D%3D%3D%3D%3Dg5725s4xx0vn%3D%3D%3D%3D%3D%22&amp;key=AIzaSyAy9VVXHSpS2IJpptzYtGbLP3-3_l0aBk4</t>
  </si>
  <si>
    <t>http:///batch?%24ct=multipart%2Fmixed%3B%20boundary%3D%22%3D%3D%3D%3D%3Dy4ev6ejwh59k%3D%3D%3D%3D%3D%22&amp;key=AIzaSyAy9VVXHSpS2IJpptzYtGbLP3-3_l0aBk4</t>
  </si>
  <si>
    <t>http:///batch?%24ct=multipart%2Fmixed%3B%20boundary%3D%22%3D%3D%3D%3D%3Dzgbuwgxor1ko%3D%3D%3D%3D%3D%22&amp;key=AIzaSyAy9VVXHSpS2IJpptzYtGbLP3-3_l0aBk4</t>
  </si>
  <si>
    <t>http:///batch?%24ct=multipart%2Fmixed%3B%20boundary%3D%22%3D%3D%3D%3D%3Dvsnlekj4zrzg%3D%3D%3D%3D%3D%22&amp;key=AIzaSyAy9VVXHSpS2IJpptzYtGbLP3-3_l0aBk4</t>
  </si>
  <si>
    <t>http:///batch?%24ct=multipart%2Fmixed%3B%20boundary%3D%22%3D%3D%3D%3D%3Dvuz531l5ksbx%3D%3D%3D%3D%3D%22&amp;key=AIzaSyAy9VVXHSpS2IJpptzYtGbLP3-3_l0aBk4</t>
  </si>
  <si>
    <t>http:///batch?%24ct=multipart%2Fmixed%3B%20boundary%3D%22%3D%3D%3D%3D%3Ddc24muk5ig0p%3D%3D%3D%3D%3D%22&amp;key=AIzaSyAy9VVXHSpS2IJpptzYtGbLP3-3_l0aBk4</t>
  </si>
  <si>
    <t>http:///batch?%24ct=multipart%2Fmixed%3B%20boundary%3D%22%3D%3D%3D%3D%3Dml6rpexdh1yv%3D%3D%3D%3D%3D%22&amp;key=AIzaSyAy9VVXHSpS2IJpptzYtGbLP3-3_l0aBk4</t>
  </si>
  <si>
    <t>http:///batch?%24ct=multipart%2Fmixed%3B%20boundary%3D%22%3D%3D%3D%3D%3D4zpnyd2ssdtq%3D%3D%3D%3D%3D%22&amp;key=AIzaSyAy9VVXHSpS2IJpptzYtGbLP3-3_l0aBk4</t>
  </si>
  <si>
    <t>http:///batch?%24ct=multipart%2Fmixed%3B%20boundary%3D%22%3D%3D%3D%3D%3D5fkw2lvdspjo%3D%3D%3D%3D%3D%22&amp;key=AIzaSyAy9VVXHSpS2IJpptzYtGbLP3-3_l0aBk4</t>
  </si>
  <si>
    <t>http:///batch?%24ct=multipart%2Fmixed%3B%20boundary%3D%22%3D%3D%3D%3D%3Dwng6vul3cj5a%3D%3D%3D%3D%3D%22&amp;key=AIzaSyAy9VVXHSpS2IJpptzYtGbLP3-3_l0aBk4</t>
  </si>
  <si>
    <t>http:///batch?%24ct=multipart%2Fmixed%3B%20boundary%3D%22%3D%3D%3D%3D%3D5i2opsmg8z2u%3D%3D%3D%3D%3D%22&amp;key=AIzaSyAy9VVXHSpS2IJpptzYtGbLP3-3_l0aBk4</t>
  </si>
  <si>
    <t>e911d956-3209-4a22-a12a-906def197008.tmp</t>
  </si>
  <si>
    <t>\\acsfs\profiles$\gabrielafs\Downloads\e911d956-3209-4a22-a12a-906def197008.tmp</t>
  </si>
  <si>
    <t>6a88783d-f007-458e-a70b-c8f11d7de718.tmp</t>
  </si>
  <si>
    <t>\\acsfs\profiles$\leonardobb\Downloads\6a88783d-f007-458e-a70b-c8f11d7de718.tmp</t>
  </si>
  <si>
    <t>mail.google.com/sync/u/0/i/s?hl=pt-BR&amp;c=795</t>
  </si>
  <si>
    <t>mail.google.com/sync/u/0/i/s?hl=pt-BR&amp;c=802</t>
  </si>
  <si>
    <t>ancestorhasaugmentedpe,containsunsubscribedchildren,displayname,domain,emailaddres,emailaddress,filesize,id),lastmodifyinguser(kind,lastviewedbymedate,modifiedbymedate,ontainsunsubscribedchildren,owners(kind,permissionid,picture,rpermissions,workspaceids</t>
  </si>
  <si>
    <t>mail.google.com/sync/u/0/i/s?hl=pt-BR&amp;c=811</t>
  </si>
  <si>
    <t>10.200.99.117</t>
  </si>
  <si>
    <t>54-BF-64-F5-7F-56</t>
  </si>
  <si>
    <t>C:\Users\victorvgar\Desktop\AVON\Financeiro incentivo\</t>
  </si>
  <si>
    <t>Incentivo - DEZ 19.xlsb</t>
  </si>
  <si>
    <t>8d910ee6-81bc-458d-bac5-d1206519e77c.tmp</t>
  </si>
  <si>
    <t>\\acsfs\profiles$\KARENDSR\Downloads\8d910ee6-81bc-458d-bac5-d1206519e77c.tmp</t>
  </si>
  <si>
    <t>389af827-a720-4bf1-a134-72c88c72efdc.tmp</t>
  </si>
  <si>
    <t>\\acsfs\profiles$\sarahbal\Downloads\389af827-a720-4bf1-a134-72c88c72efdc.tmp</t>
  </si>
  <si>
    <t>8878cbf9-b426-4a4d-90e9-245536c63869.tmp</t>
  </si>
  <si>
    <t>\\acsfs\profiles$\matheushds\Downloads\8878cbf9-b426-4a4d-90e9-245536c63869.tmp</t>
  </si>
  <si>
    <t>fc9bf86f-317b-4cc0-b9cc-fbddf2c4be6f.tmp</t>
  </si>
  <si>
    <t>\\acsfs\profiles$\matheushds\Downloads\fc9bf86f-317b-4cc0-b9cc-fbddf2c4be6f.tmp</t>
  </si>
  <si>
    <t>/o=exchangelabs/ou=exchange administrative group (fydibohf23spdlt)/cn=recipients/cn=8b5b63d67af648d081a40c45cc800804-fabiana per;jheniffergs@algartech.com;</t>
  </si>
  <si>
    <t>Indicador SLA Contratado - Dezembro/2019</t>
  </si>
  <si>
    <t>12. SLA GRC Dezembro.xlsx</t>
  </si>
  <si>
    <t>/o=exchangelabs/ou=exchange administrative group (fydibohf23spdlt)/cn=recipients/cn=8b5b63d67af648d081a40c45cc800804-fabiana per,jheniffergs@algartech.com</t>
  </si>
  <si>
    <t>outlook.office.com/owa/service.svc?action=createitem&amp;app=mail&amp;n=746</t>
  </si>
  <si>
    <t>outlook.office.com/owa/service.svc?action=createitem&amp;app=mail&amp;n=747</t>
  </si>
  <si>
    <t>outlook.office.com/owa/service.svc?action=createitem&amp;app=mail&amp;n=748</t>
  </si>
  <si>
    <t>outlook.office.com/owa/service.svc?action=createitem&amp;app=mail&amp;n=749</t>
  </si>
  <si>
    <t>outlook.office.com/owa/service.svc?action=createitem&amp;app=mail&amp;n=752</t>
  </si>
  <si>
    <t>outlook.office.com/owa/service.svc?action=createitem&amp;app=mail&amp;n=763</t>
  </si>
  <si>
    <t>outlook.office.com/owa/service.svc?action=CreateItem&amp;app=Mail&amp;n=123</t>
  </si>
  <si>
    <t>algartechcpcbv@algartech.com;andrelpsa@algartech.com;camillarl@algartech.com;eliane.martins@bv.com.br;josiascdsj@algartech.com;maristelavodq@bv.algartech.com;mirianppb@algartech.com;qualidadealgarbv@algartech.com;supervisaobancovotorantim@algartech.com;talmaiardo@algartech.com;thiagolrc@bv.algartech.com;</t>
  </si>
  <si>
    <t>algartechcpcbv@algartech.com,andrelpsa@algartech.com,camillarl@algartech.com,eliane.martins@bv.com.br,josiascdsj@algartech.com,maristelavodq@bv.algartech.com,mirianppb@algartech.com,qualidadealgarbv@algartech.com,supervisaobancovotorantim@algartech.com,talmaiardo@algartech.com,thiagolrc@bv.algartech.com</t>
  </si>
  <si>
    <t>outlook.office.com/owa/service.svc?action=UpdateItem&amp;app=Mail&amp;n=138</t>
  </si>
  <si>
    <t>17CA08C5.tmp</t>
  </si>
  <si>
    <t>\\acsfs\ACS\Gabriel da Silva\Contemporânea\17CA08C5.tmp</t>
  </si>
  <si>
    <t>lu150961grspz.tmp</t>
  </si>
  <si>
    <t>\\acsfs\profiles$\BRUNAAR\Numero\lu150961grspz.tmp</t>
  </si>
  <si>
    <t>cb3eb34d-bf92-4795-847a-1c0f59a01b47.tmp</t>
  </si>
  <si>
    <t>\\acsfs\profiles$\henriquehmdo\Downloads\cb3eb34d-bf92-4795-847a-1c0f59a01b47.tmp</t>
  </si>
  <si>
    <t>48f77568-b6e8-41e4-8357-bb7739fbb9dd.tmp</t>
  </si>
  <si>
    <t>\\acsfs\profiles$\henriquehmdo\Downloads\48f77568-b6e8-41e4-8357-bb7739fbb9dd.tmp</t>
  </si>
  <si>
    <t>XLOG_gleycekos_08012020_093516.log</t>
  </si>
  <si>
    <t>\\acsfs\profiles$\gleycekos\My Documents\xworkcenter\logs\XLOG_gleycekos_08012020_093516.log</t>
  </si>
  <si>
    <t>Template_folha_retificadora (1).xlsx</t>
  </si>
  <si>
    <t>846fcfd8-f39f-4049-9fa1-19a8630090d2.tmp</t>
  </si>
  <si>
    <t>\\acsfs\profiles$\ALYNYA\Downloads\846fcfd8-f39f-4049-9fa1-19a8630090d2.tmp</t>
  </si>
  <si>
    <t>C:\04.orçamento DAF e PRE\orçamento 2020\Privado\</t>
  </si>
  <si>
    <t>Recuperacao de custos DAF 2020 fechado 2020.xls</t>
  </si>
  <si>
    <t>dec82ac1-4045-4005-97d9-914bd04a6236.tmp</t>
  </si>
  <si>
    <t>\\acsfs\profiles$\KARENDSR\Downloads\dec82ac1-4045-4005-97d9-914bd04a6236.tmp</t>
  </si>
  <si>
    <t>84df6f63-fb77-47ee-aa1e-daf4b70d780a.tmp</t>
  </si>
  <si>
    <t>\\acsfs\profiles$\sarahbal\Downloads\84df6f63-fb77-47ee-aa1e-daf4b70d780a.tmp</t>
  </si>
  <si>
    <t>e2600e32-a680-4d9a-92d4-e430d83ca2e1.tmp</t>
  </si>
  <si>
    <t>\\acsfs\profiles$\sarahbal\Downloads\e2600e32-a680-4d9a-92d4-e430d83ca2e1.tmp</t>
  </si>
  <si>
    <t>ea0b15b7-06a2-49b7-92fc-4654adaf5f97.tmp</t>
  </si>
  <si>
    <t>\\acsfs\profiles$\matheushds\Downloads\ea0b15b7-06a2-49b7-92fc-4654adaf5f97.tmp</t>
  </si>
  <si>
    <t>e3f17464-b1ad-442b-8ca3-e70a14f38dfd.tmp</t>
  </si>
  <si>
    <t>\\acsfs\profiles$\matheushds\Downloads\e3f17464-b1ad-442b-8ca3-e70a14f38dfd.tmp</t>
  </si>
  <si>
    <t>\\acsfs\ACS\Gabriel da Silva\Contemporânea\BDBV\FBF38C6E.tmp\</t>
  </si>
  <si>
    <t>\\acsfs\ACS\Gabriel da Silva\Contemporânea\BDBV\FBF38C6E.tmp\:Zone.Identifier:$DATA</t>
  </si>
  <si>
    <t>\\acsfs\ACS\Gabriel da Silva\Contemporânea\BDBV\FBF38C6E.tmp</t>
  </si>
  <si>
    <t>FBF38C6E.tmp</t>
  </si>
  <si>
    <t>outlook.office.com/owa/service.svc?action=CreateItem&amp;app=Mail&amp;n=179</t>
  </si>
  <si>
    <t>algartechcpcbv@algartech.com;andrelpsa@algartech.com;camillarl@algartech.com;eliane.martins@bv.com.br;josiascdsj@algartech.com;maristelavodq@bv.algartech.com;martala@algartech.com;mirianppb@algartech.com;qualidadealgarbv@algartech.com;supervisaobancovotorantim@algartech.com;talmaiardo@algartech.com;thiagolrc@bv.algartech.com;</t>
  </si>
  <si>
    <t>algartechcpcbv@algartech.com,andrelpsa@algartech.com,camillarl@algartech.com,eliane.martins@bv.com.br,josiascdsj@algartech.com,maristelavodq@bv.algartech.com,martala@algartech.com,mirianppb@algartech.com,qualidadealgarbv@algartech.com,supervisaobancovotorantim@algartech.com,talmaiardo@algartech.com,thiagolrc@bv.algartech.com</t>
  </si>
  <si>
    <t>e0aa6c53-91e8-4dfb-b2d3-5c134fda017b.tmp</t>
  </si>
  <si>
    <t>\\acsfs\profiles$\gabrielsma\Downloads\e0aa6c53-91e8-4dfb-b2d3-5c134fda017b.tmp</t>
  </si>
  <si>
    <t>Não confirmado 134093.crdownload</t>
  </si>
  <si>
    <t>\\acsfs\ACS\Gabriel da Silva\Contemporânea\VENDAS\Não confirmado 134093.crdownload</t>
  </si>
  <si>
    <t>bbd579b0-e43c-42cb-ac98-efa85522f520.tmp</t>
  </si>
  <si>
    <t>\\acsfs\profiles$\gabrielsma\Downloads\bbd579b0-e43c-42cb-ac98-efa85522f520.tmp</t>
  </si>
  <si>
    <t>Não confirmado 238570.crdownload</t>
  </si>
  <si>
    <t>\\acsfs\ACS\Gabriel da Silva\Contemporânea\VENDAS\Não confirmado 238570.crdownload</t>
  </si>
  <si>
    <t>\\acsfs\ACS\Gabriel da Silva\Contemporânea\BDBV\E59F28D3.tmp\</t>
  </si>
  <si>
    <t>\\acsfs\ACS\Gabriel da Silva\Contemporânea\BDBV\E59F28D3.tmp\:Zone.Identifier:$DATA</t>
  </si>
  <si>
    <t>\\acsfs\ACS\Gabriel da Silva\Contemporânea\BDBV\E59F28D3.tmp</t>
  </si>
  <si>
    <t>E59F28D3.tmp</t>
  </si>
  <si>
    <t>mail.google.com/_/upload?authuser=0&amp;dcp=asu-n&amp;upload_id=AEnB2UrMNFg_61n0E1MGjW8w7cw1iF9ZJYSazeiwyqxIvPRVVO5ZvXnKKyWMvTSPgMacrB8TpMN1g3s0l6mXuI9610kd1MTVN9c-Ly4Q8Abbb2xI8xf33KI&amp;upload_protocol=resumable</t>
  </si>
  <si>
    <t>Sistemas Operação.xlsx</t>
  </si>
  <si>
    <t>CSGSB - COORDENACAO DE SERVICOS GERENCIADOS S</t>
  </si>
  <si>
    <t>10.208.12.69</t>
  </si>
  <si>
    <t>74-86-7A-FD-D6-F0</t>
  </si>
  <si>
    <t>DFSTAFF-01</t>
  </si>
  <si>
    <t>simoneesm</t>
  </si>
  <si>
    <t>C:\Users\simoneesm\OneDrive - Grupo Algar\Controle\ALGAR\TH\Férias\2019\</t>
  </si>
  <si>
    <t>Férias_CNJ_PF_PRF.xlsx</t>
  </si>
  <si>
    <t>e09f4b46-6f7c-4541-9774-08e515ff0224.tmp</t>
  </si>
  <si>
    <t>\\acsfs\profiles$\maxmillianosv\Downloads\e09f4b46-6f7c-4541-9774-08e515ff0224.tmp</t>
  </si>
  <si>
    <t>84e1712e-ccd5-4df5-9340-822051a26335.tmp</t>
  </si>
  <si>
    <t>\\acsfs\profiles$\rafaelamsv\Downloads\84e1712e-ccd5-4df5-9340-822051a26335.tmp</t>
  </si>
  <si>
    <t>6507c72b-9843-49cf-9ec4-52380584ef90.tmp</t>
  </si>
  <si>
    <t>\\acsfs\profiles$\rafaelamsv\Downloads\6507c72b-9843-49cf-9ec4-52380584ef90.tmp</t>
  </si>
  <si>
    <t>1036df26-1d80-4a7f-ac53-0854aa1a2e5f.tmp</t>
  </si>
  <si>
    <t>\\acsfs\profiles$\rafaelamsv\Downloads\1036df26-1d80-4a7f-ac53-0854aa1a2e5f.tmp</t>
  </si>
  <si>
    <t>5f9bc4ec-4423-46d2-8372-213a0e0e15e3.tmp</t>
  </si>
  <si>
    <t>\\acsfs\profiles$\gabrielsma\Downloads\5f9bc4ec-4423-46d2-8372-213a0e0e15e3.tmp</t>
  </si>
  <si>
    <t>fabiolacc@algartech.com;lucas.jose@bradesco.com.br;rosemery.silva@bradesco.com.br;</t>
  </si>
  <si>
    <t>Parcelamento - Divisão de Metas.xlsx</t>
  </si>
  <si>
    <t>fabiolacc@algartech.com,lucas.jose@bradesco.com.br,rosemery.silva@bradesco.com.br</t>
  </si>
  <si>
    <t>http:///batch?%24ct=multipart%2Fmixed%3B%20boundary%3D%22%3D%3D%3D%3D%3Dt0mkqt6sfwu9%3D%3D%3D%3D%3D%22&amp;key=AIzaSyAy9VVXHSpS2IJpptzYtGbLP3-3_l0aBk4</t>
  </si>
  <si>
    <t>http:///batch?%24ct=multipart%2Fmixed%3B%20boundary%3D%22%3D%3D%3D%3D%3D7so27h9y36fz%3D%3D%3D%3D%3D%22&amp;key=AIzaSyAy9VVXHSpS2IJpptzYtGbLP3-3_l0aBk4</t>
  </si>
  <si>
    <t>http:///batch?%24ct=multipart%2Fmixed%3B%20boundary%3D%22%3D%3D%3D%3D%3Dexux281belve%3D%3D%3D%3D%3D%22&amp;key=AIzaSyAy9VVXHSpS2IJpptzYtGbLP3-3_l0aBk4</t>
  </si>
  <si>
    <t>kit_pre_deslig_disp_sem_justa_causa_ind_100377_lays costa braga (1).pdf</t>
  </si>
  <si>
    <t>e77d80ff-dfcc-4aac-ad9c-6547940f4e1d.tmp</t>
  </si>
  <si>
    <t>\\acsfs\profiles$\vivianealda\Downloads\e77d80ff-dfcc-4aac-ad9c-6547940f4e1d.tmp</t>
  </si>
  <si>
    <t>D5B7C386.tmp</t>
  </si>
  <si>
    <t>\\acsfs\ACS\Gabriel da Silva\Contemporânea\Acessos\D5B7C386.tmp</t>
  </si>
  <si>
    <t>~$safagfrwar.xlsx</t>
  </si>
  <si>
    <t>\\acsfs\ACS\Gabriel da Silva\Contemporânea\Acessos\~$safagfrwar.xlsx</t>
  </si>
  <si>
    <t>~$Acompanhamento de solicitações.xlsm</t>
  </si>
  <si>
    <t>\\acsfs\ACS\Gabriel da Silva\Contemporânea\Acessos\~$Acompanhamento de solicitações.xlsm</t>
  </si>
  <si>
    <t>28F5F41E.tmp</t>
  </si>
  <si>
    <t>\\acsfs\ACS\Gabriel da Silva\Contemporânea\Erros Operacionais\28F5F41E.tmp</t>
  </si>
  <si>
    <t>~$Base de Erros_copiaContratao.xlsx</t>
  </si>
  <si>
    <t>\\acsfs\ACS\Gabriel da Silva\Contemporânea\Erros Operacionais\~$Base de Erros_copiaContratao.xlsx</t>
  </si>
  <si>
    <t>8e6a8096-4463-4179-bbc7-37fdcaba2322.tmp</t>
  </si>
  <si>
    <t>\\acsfs\profiles$\BRUNAAR\Downloads\8e6a8096-4463-4179-bbc7-37fdcaba2322.tmp</t>
  </si>
  <si>
    <t>http:///batch?%24ct=multipart%2Fmixed%3B%20boundary%3D%22%3D%3D%3D%3D%3Dc45rya6usek%3D%3D%3D%3D%3D%22&amp;key=AIzaSyAy9VVXHSpS2IJpptzYtGbLP3-3_l0aBk4</t>
  </si>
  <si>
    <t>http:///batch?%24ct=multipart%2Fmixed%3B%20boundary%3D%22%3D%3D%3D%3D%3De67c0owctpj%3D%3D%3D%3D%3D%22&amp;key=AIzaSyAy9VVXHSpS2IJpptzYtGbLP3-3_l0aBk4</t>
  </si>
  <si>
    <t>http:///batch?%24ct=multipart%2Fmixed%3B%20boundary%3D%22%3D%3D%3D%3D%3Dr9q269lx15oq%3D%3D%3D%3D%3D%22&amp;key=AIzaSyAy9VVXHSpS2IJpptzYtGbLP3-3_l0aBk4</t>
  </si>
  <si>
    <t>ketelenprsdc@algartech.com.br;</t>
  </si>
  <si>
    <t>ENC: Produtividade CRCe 07/01</t>
  </si>
  <si>
    <t>D-1 Produtividade CRC Amex e CRC VMC - Outubro .xlsb</t>
  </si>
  <si>
    <t>ketelenprsdc@algartech.com.br</t>
  </si>
  <si>
    <t>senildapdo@algartech.com</t>
  </si>
  <si>
    <t>alessiors@algartech.com;brunowp@algartech.com;dioniziorn@algartech.com;eduardost@algartech.com;humbertopj@algartech.com;jefersonfo@algartech.com;joseasn@algartech.com;karinars@algartech.com;</t>
  </si>
  <si>
    <t>alessiors@algartech.com,brunowp@algartech.com,dioniziorn@algartech.com,eduardost@algartech.com,humbertopj@algartech.com,jefersonfo@algartech.com,joseasn@algartech.com,karinars@algartech.com</t>
  </si>
  <si>
    <t>a6125e18-3677-4030-9db2-6917a7d64b87.tmp</t>
  </si>
  <si>
    <t>\\acsfs\profiles$\wenderbnm\Downloads\a6125e18-3677-4030-9db2-6917a7d64b87.tmp</t>
  </si>
  <si>
    <t>ade9907b-3fe7-4866-9565-76f3294fe946.tmp</t>
  </si>
  <si>
    <t>\\acsfs\profiles$\sarahbal\Downloads\ade9907b-3fe7-4866-9565-76f3294fe946.tmp</t>
  </si>
  <si>
    <t>74c5fe8a-5729-4420-9943-a52b303b4fd2.tmp</t>
  </si>
  <si>
    <t>\\acsfs\profiles$\Flaviojmm\Downloads\74c5fe8a-5729-4420-9943-a52b303b4fd2.tmp</t>
  </si>
  <si>
    <t>lu150961grsq3.tmp</t>
  </si>
  <si>
    <t>\\acsfs\profiles$\BRUNAAR\Numero\lu150961grsq3.tmp</t>
  </si>
  <si>
    <t>lu150961grsq7.tmp</t>
  </si>
  <si>
    <t>\\acsfs\profiles$\BRUNAAR\Numero\lu150961grsq7.tmp</t>
  </si>
  <si>
    <t>2d5f0255-4b8d-465b-a91f-c88acad4a816.tmp</t>
  </si>
  <si>
    <t>\\acsfs\profiles$\nathaliarmr\Downloads\2d5f0255-4b8d-465b-a91f-c88acad4a816.tmp</t>
  </si>
  <si>
    <t>5f47152c-3a4c-4e22-92b0-80ff62cff2f8.tmp</t>
  </si>
  <si>
    <t>\\acsfs\profiles$\lorrainerdl\Downloads\5f47152c-3a4c-4e22-92b0-80ff62cff2f8.tmp</t>
  </si>
  <si>
    <t>a0a0c1e7-9d30-4c5a-b18c-9a0e24b08f1d.tmp</t>
  </si>
  <si>
    <t>\\acsfs\profiles$\lucasqdss\Downloads\a0a0c1e7-9d30-4c5a-b18c-9a0e24b08f1d.tmp</t>
  </si>
  <si>
    <t>e8fefae4-a900-4e2d-be09-785212d972b3.tmp</t>
  </si>
  <si>
    <t>\\acsfs\profiles$\Flaviojmm\Downloads\e8fefae4-a900-4e2d-be09-785212d972b3.tmp</t>
  </si>
  <si>
    <t>lu150961grsqb.tmp</t>
  </si>
  <si>
    <t>\\acsfs\profiles$\BRUNAAR\Numero\lu150961grsqb.tmp</t>
  </si>
  <si>
    <t>\\acsfs\DEPTOS\EDUCACAO EMPRESARIAL\2 - Operações\0 - BV\1 - TREINADORES\Haruna\Arquivos Leandra Alto Valor.pptx\</t>
  </si>
  <si>
    <t>\\acsfs\DEPTOS\EDUCACAO EMPRESARIAL\2 - Operações\0 - BV\1 - TREINADORES\Haruna\Arquivos Leandra Alto Valor.pptx</t>
  </si>
  <si>
    <t>Arquivos Leandra Alto Valor.pptx</t>
  </si>
  <si>
    <t>cd8fb24a-f650-43f1-af5c-21f52618187e.tmp</t>
  </si>
  <si>
    <t>\\acsfs\profiles$\paulovadc\Downloads\cd8fb24a-f650-43f1-af5c-21f52618187e.tmp</t>
  </si>
  <si>
    <t>55e87ee6-621f-4aea-8d7c-92c1387d1b2d.tmp</t>
  </si>
  <si>
    <t>\\acsfs\profiles$\sarahbal\Downloads\55e87ee6-621f-4aea-8d7c-92c1387d1b2d.tmp</t>
  </si>
  <si>
    <t>de4cd69e-abda-4ffd-8c19-70f043f4d038.tmp</t>
  </si>
  <si>
    <t>\\acsfs\profiles$\lucasqdss\Downloads\de4cd69e-abda-4ffd-8c19-70f043f4d038.tmp</t>
  </si>
  <si>
    <t>2451161f-4208-4e76-95ad-6412d80dc1e8.tmp</t>
  </si>
  <si>
    <t>\\acsfs\profiles$\mariagsg\Downloads\2451161f-4208-4e76-95ad-6412d80dc1e8.tmp</t>
  </si>
  <si>
    <t>NatanaelLF</t>
  </si>
  <si>
    <t>\\acsfs\profiles$\NatanaelLF\Contacts\</t>
  </si>
  <si>
    <t>NATANAEL LAURENCIO FURTADO (20463).contact</t>
  </si>
  <si>
    <t>\\acsfs\profiles$\NatanaelLF\Contacts\NATANAEL LAURENCIO FURTADO (20463).contact</t>
  </si>
  <si>
    <t>\\acsfs\profiles$\NatanaelLF\My Documents\My Videos\</t>
  </si>
  <si>
    <t>\\acsfs\profiles$\NatanaelLF\My Documents\My Videos\desktop.ini</t>
  </si>
  <si>
    <t>\\acsfs\profiles$\NatanaelLF\My Documents\My Pictures\</t>
  </si>
  <si>
    <t>\\acsfs\profiles$\NatanaelLF\My Documents\My Pictures\desktop.ini</t>
  </si>
  <si>
    <t>\\acsfs\profiles$\NatanaelLF\Contacts\desktop.ini</t>
  </si>
  <si>
    <t>\\acsfs\profiles$\NatanaelLF\Favorites\</t>
  </si>
  <si>
    <t>\\acsfs\profiles$\NatanaelLF\Favorites\desktop.ini</t>
  </si>
  <si>
    <t>\\acsfs\profiles$\NatanaelLF\My Documents\My Music\</t>
  </si>
  <si>
    <t>\\acsfs\profiles$\NatanaelLF\My Documents\My Music\desktop.ini</t>
  </si>
  <si>
    <t>\\acsfs\profiles$\NatanaelLF\Searches\</t>
  </si>
  <si>
    <t>\\acsfs\profiles$\NatanaelLF\Searches\desktop.ini</t>
  </si>
  <si>
    <t>\\acsfs\profiles$\NatanaelLF\Downloads\</t>
  </si>
  <si>
    <t>\\acsfs\profiles$\NatanaelLF\Downloads\desktop.ini</t>
  </si>
  <si>
    <t>\\acsfs\profiles$\NatanaelLF\My Documents\</t>
  </si>
  <si>
    <t>\\acsfs\profiles$\NatanaelLF\My Documents\desktop.ini</t>
  </si>
  <si>
    <t>\\acsfs\profiles$\NatanaelLF\Saved Games\</t>
  </si>
  <si>
    <t>\\acsfs\profiles$\NatanaelLF\Saved Games\desktop.ini</t>
  </si>
  <si>
    <t>\\acsfs\profiles$\natanaellf\Favorites\Links for Brasil\</t>
  </si>
  <si>
    <t>\\acsfs\profiles$\natanaellf\Favorites\Links for Brasil\desktop.ini</t>
  </si>
  <si>
    <t>\\acsfs\profiles$\natanaellf\Favorites\Links for Brasil\Microsoft Brasil.url</t>
  </si>
  <si>
    <t>\\acsfs\profiles$\natanaellf\Favorites\Links for Brasil\Windows Brasil.url</t>
  </si>
  <si>
    <t>\\acsfs\profiles$\natanaellf\Favorites\Links for Brasil\MSN Brasil.url</t>
  </si>
  <si>
    <t>f90937bf-9ef1-42dc-8262-eb531c897837.tmp</t>
  </si>
  <si>
    <t>\\acsfs\profiles$\regisedsj\Downloads\f90937bf-9ef1-42dc-8262-eb531c897837.tmp</t>
  </si>
  <si>
    <t>f0c1329d-9dfd-46f8-b3ba-7bfbe9e66dde.tmp</t>
  </si>
  <si>
    <t>\\acsfs\profiles$\regisedsj\Downloads\f0c1329d-9dfd-46f8-b3ba-7bfbe9e66dde.tmp</t>
  </si>
  <si>
    <t>62392743.tmp</t>
  </si>
  <si>
    <t>\\acsfs\ACS\Gabriel da Silva\Contemporânea\Erros Operacionais\62392743.tmp</t>
  </si>
  <si>
    <t>7D393AB6.tmp</t>
  </si>
  <si>
    <t>\\acsfs\ACS\Gabriel da Silva\Contemporânea\Erros Operacionais\7D393AB6.tmp</t>
  </si>
  <si>
    <t>5DD20AA5.tmp</t>
  </si>
  <si>
    <t>\\acsfs\ACS\Gabriel da Silva\Contemporânea\Erros Operacionais\5DD20AA5.tmp</t>
  </si>
  <si>
    <t>fe08ace2-609f-44f4-b024-3ec583eea836.tmp</t>
  </si>
  <si>
    <t>\\acsfs\profiles$\sarahbal\Downloads\fe08ace2-609f-44f4-b024-3ec583eea836.tmp</t>
  </si>
  <si>
    <t>90e23e90-8473-4ba6-8727-03b9ae4bd4fd.tmp</t>
  </si>
  <si>
    <t>\\acsfs\profiles$\matheushds\Downloads\90e23e90-8473-4ba6-8727-03b9ae4bd4fd.tmp</t>
  </si>
  <si>
    <t>1f9c9180-5260-421f-9502-535e64fa6f21.tmp</t>
  </si>
  <si>
    <t>\\acsfs\profiles$\rafaelamsv\Downloads\1f9c9180-5260-421f-9502-535e64fa6f21.tmp</t>
  </si>
  <si>
    <t>Erro Fatal Diosquely chat.PNG</t>
  </si>
  <si>
    <t>\\acsfs\ACS\001 - Qualidade Lilian\PAULO\Erro Fatal Diosquely chat.PNG</t>
  </si>
  <si>
    <t>BB0966C0.tmp</t>
  </si>
  <si>
    <t>\\acsfs\ACS\Gabriel da Silva\Contemporânea\Erros Operacionais\BB0966C0.tmp</t>
  </si>
  <si>
    <t>mail.google.com/sync/u/0/i/s?hl=pt-BR&amp;c=1200</t>
  </si>
  <si>
    <t>mail.google.com/sync/u/0/i/s?hl=pt-BR&amp;c=1202</t>
  </si>
  <si>
    <t>mail.google.com/sync/u/0/i/s?hl=pt-BR&amp;c=1214</t>
  </si>
  <si>
    <t>http:///batch?%24ct=multipart%2Fmixed%3B%20boundary%3D%22%3D%3D%3D%3D%3Dyqzoeygrmy4m%3D%3D%3D%3D%3D%22&amp;key=AIzaSyAy9VVXHSpS2IJpptzYtGbLP3-3_l0aBk4</t>
  </si>
  <si>
    <t>http:///batch?%24ct=multipart%2Fmixed%3B%20boundary%3D%22%3D%3D%3D%3D%3Do4rpwbly0sqs%3D%3D%3D%3D%3D%22&amp;key=AIzaSyAy9VVXHSpS2IJpptzYtGbLP3-3_l0aBk4</t>
  </si>
  <si>
    <t>http:///batch?%24ct=multipart%2Fmixed%3B%20boundary%3D%22%3D%3D%3D%3D%3Dr02gp1sf3ubu%3D%3D%3D%3D%3D%22&amp;key=AIzaSyAy9VVXHSpS2IJpptzYtGbLP3-3_l0aBk4</t>
  </si>
  <si>
    <t>6b7160bc-4ffe-4c73-8694-8edd77ff7b7f.tmp</t>
  </si>
  <si>
    <t>\\acsfs\profiles$\isabellegtds\Downloads\6b7160bc-4ffe-4c73-8694-8edd77ff7b7f.tmp</t>
  </si>
  <si>
    <t>f2a10792-76e3-47cc-9e8e-8eb3d3fd1415.tmp</t>
  </si>
  <si>
    <t>\\acsfs\profiles$\LUISPLS\Downloads\f2a10792-76e3-47cc-9e8e-8eb3d3fd1415.tmp</t>
  </si>
  <si>
    <t>6c069e73-a1b5-4f8c-9569-e68ef810ce5b.tmp</t>
  </si>
  <si>
    <t>\\acsfs\profiles$\lorrainerdl\Downloads\6c069e73-a1b5-4f8c-9569-e68ef810ce5b.tmp</t>
  </si>
  <si>
    <t>8acdd09a-eabf-4c67-87f1-a1307f6bf797.tmp</t>
  </si>
  <si>
    <t>\\acsfs\profiles$\Flaviojmm\Downloads\8acdd09a-eabf-4c67-87f1-a1307f6bf797.tmp</t>
  </si>
  <si>
    <t>~$Base de Erros_copiaContrato.xlsx</t>
  </si>
  <si>
    <t>\\acsfs\ACS\Gabriel da Silva\Contemporânea\Erros Operacionais\~$Base de Erros_copiaContrato.xlsx</t>
  </si>
  <si>
    <t>416AE818.tmp</t>
  </si>
  <si>
    <t>\\acsfs\ACS\Gabriel da Silva\Contemporânea\Erros Operacionais\416AE818.tmp</t>
  </si>
  <si>
    <t>~$Erros operacionais - Dezembro.xlsx</t>
  </si>
  <si>
    <t>\\acsfs\ACS\Gabriel da Silva\Contemporânea\Erros Operacionais\~$Erros operacionais - Dezembro.xlsx</t>
  </si>
  <si>
    <t>/o=exchangelabs/ou=exchange administrative group (fydibohf23spdlt)/cn=recipients/cn=5af2cae509964078b2026f7f550380b0-andre luis;/o=exchangelabs/ou=exchange administrative group (fydibohf23spdlt)/cn=recipients/cn=9b52022a6e624c30a92f50cf4538a4bf-talmaia rod;/o=exchangelabs/ou=exchange administrative group (fydibohf23spdlt)/cn=recipients/cn=groupd5c96cfa;maristelavodq@bv.algartech.com;thiagolrc@bv.algartech.com;</t>
  </si>
  <si>
    <t>Erros operacionais - Dezembro</t>
  </si>
  <si>
    <t>/o=exchangelabs/ou=exchange administrative group (fydibohf23spdlt)/cn=recipients/cn=5af2cae509964078b2026f7f550380b0-andre luis,/o=exchangelabs/ou=exchange administrative group (fydibohf23spdlt)/cn=recipients/cn=9b52022a6e624c30a92f50cf4538a4bf-talmaia rod,/o=exchangelabs/ou=exchange administrative group (fydibohf23spdlt)/cn=recipients/cn=groupd5c96cfa,maristelavodq@bv.algartech.com,thiagolrc@bv.algartech.com</t>
  </si>
  <si>
    <t>camillafc@algartech.com.br;gisele.cristina@temposervicos.com.br;leticiamgr@algartech.com.br;micheless@algartech.com;</t>
  </si>
  <si>
    <t>RES: Base de analista</t>
  </si>
  <si>
    <t>Base.xls</t>
  </si>
  <si>
    <t>camillafc@algartech.com.br,gisele.cristina@temposervicos.com.br,leticiamgr@algartech.com.br,micheless@algartech.com</t>
  </si>
  <si>
    <t>http:///batch?%24ct=multipart%2Fmixed%3B%20boundary%3D%22%3D%3D%3D%3D%3Djrvhz45tmjqa%3D%3D%3D%3D%3D%22&amp;key=AIzaSyAy9VVXHSpS2IJpptzYtGbLP3-3_l0aBk4</t>
  </si>
  <si>
    <t>http://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0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1,135,1578487603652000]]],1578487614813,1578487623626,1],283657575,3],424740,4],5,[1,[2,[20090307],[],[]],[]]"],[]]],[null,agas=",ancestorhasaugmentedpermissions,containsunsubscribedchildren,displayname,domain,emailaddress,explicitlytrashed,false]]",file(kind,fileid,filesize,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,hasthumbnail,hasvisitorpermissions,id,id),items(deleted,items</t>
  </si>
  <si>
    <t>http:///batch?%24ct=multipart%2Fmixed%3B%20boundary%3D%22%3D%3D%3D%3D%3Dk4uoci1yyhw%3D%3D%3D%3D%3D%22&amp;key=AIzaSyAy9VVXHSpS2IJpptzYtGbLP3-3_l0aBk4</t>
  </si>
  <si>
    <t>1c3c12bd-3b28-4193-9d13-43b92a25c28c.tmp</t>
  </si>
  <si>
    <t>\\acsfs\profiles$\isabellegtds\Downloads\1c3c12bd-3b28-4193-9d13-43b92a25c28c.tmp</t>
  </si>
  <si>
    <t>5ed4707b-bd4d-4cf0-b4a5-6501d0318bb2.tmp</t>
  </si>
  <si>
    <t>\\acsfs\profiles$\gabriellalpr\Downloads\5ed4707b-bd4d-4cf0-b4a5-6501d0318bb2.tmp</t>
  </si>
  <si>
    <t>ecf94838-0142-4f69-876b-76b21c50d9eb.tmp</t>
  </si>
  <si>
    <t>\\acsfs\profiles$\LUISPLS\Downloads\ecf94838-0142-4f69-876b-76b21c50d9eb.tmp</t>
  </si>
  <si>
    <t>\\acsfs\profiles$\brendavdoa\My Documents\My Pictures\</t>
  </si>
  <si>
    <t>untitled.png</t>
  </si>
  <si>
    <t>\\acsfs\profiles$\brendavdoa\My Documents\My Pictures\untitled.png</t>
  </si>
  <si>
    <t>\\acsfs\profiles$\brendavdoa\Downloads\$RECYCLE.BIN\</t>
  </si>
  <si>
    <t>$IC6U31C.pdf</t>
  </si>
  <si>
    <t>\\acsfs\profiles$\brendavdoa\Downloads\$RECYCLE.BIN\$IC6U31C.pdf</t>
  </si>
  <si>
    <t>$IE3BPR9.crdownload</t>
  </si>
  <si>
    <t>\\acsfs\profiles$\brendavdoa\Downloads\$RECYCLE.BIN\$IE3BPR9.crdownload</t>
  </si>
  <si>
    <t>$IVIM2D8.partial</t>
  </si>
  <si>
    <t>\\acsfs\profiles$\brendavdoa\Downloads\$RECYCLE.BIN\$IVIM2D8.partial</t>
  </si>
  <si>
    <t>$IS2IXEX.ica</t>
  </si>
  <si>
    <t>\\acsfs\profiles$\brendavdoa\Downloads\$RECYCLE.BIN\$IS2IXEX.ica</t>
  </si>
  <si>
    <t>$IWZ0GXV.xlsx</t>
  </si>
  <si>
    <t>\\acsfs\profiles$\brendavdoa\Downloads\$RECYCLE.BIN\$IWZ0GXV.xlsx</t>
  </si>
  <si>
    <t>$ICQEPFH.ica</t>
  </si>
  <si>
    <t>\\acsfs\profiles$\brendavdoa\Downloads\$RECYCLE.BIN\$ICQEPFH.ica</t>
  </si>
  <si>
    <t>$IG7TH7D.ica</t>
  </si>
  <si>
    <t>\\acsfs\profiles$\brendavdoa\Downloads\$RECYCLE.BIN\$IG7TH7D.ica</t>
  </si>
  <si>
    <t>$I7P2S5P.ica</t>
  </si>
  <si>
    <t>\\acsfs\profiles$\brendavdoa\Downloads\$RECYCLE.BIN\$I7P2S5P.ica</t>
  </si>
  <si>
    <t>$IXTPV6S.ica</t>
  </si>
  <si>
    <t>\\acsfs\profiles$\brendavdoa\Downloads\$RECYCLE.BIN\$IXTPV6S.ica</t>
  </si>
  <si>
    <t>$IQFEFEU.cr</t>
  </si>
  <si>
    <t>\\acsfs\profiles$\brendavdoa\Downloads\$RECYCLE.BIN\$IQFEFEU.cr</t>
  </si>
  <si>
    <t>$I7877IF.xlsx</t>
  </si>
  <si>
    <t>\\acsfs\profiles$\brendavdoa\Downloads\$RECYCLE.BIN\$I7877IF.xlsx</t>
  </si>
  <si>
    <t>$IEL9QND.xlsx</t>
  </si>
  <si>
    <t>\\acsfs\profiles$\brendavdoa\Downloads\$RECYCLE.BIN\$IEL9QND.xlsx</t>
  </si>
  <si>
    <t>\\acsfs\profiles$\brendavdoa\My Documents\My Videos\</t>
  </si>
  <si>
    <t>\\acsfs\profiles$\brendavdoa\My Documents\My Videos\untitled.png</t>
  </si>
  <si>
    <t>5edf2e10-b54f-4b59-add3-af7de719ed4b.tmp</t>
  </si>
  <si>
    <t>\\acsfs\profiles$\leticiala\Downloads\5edf2e10-b54f-4b59-add3-af7de719ed4b.tmp</t>
  </si>
  <si>
    <t>ad0cdedf-1c9a-476e-b493-1d7a1d38ae69.tmp</t>
  </si>
  <si>
    <t>\\acsfs\profiles$\luanarda\Downloads\ad0cdedf-1c9a-476e-b493-1d7a1d38ae69.tmp</t>
  </si>
  <si>
    <t>\\acsfs\profiles$\brendavdoa\My Documents\My Pictures\$RECYCLE.BIN\</t>
  </si>
  <si>
    <t>$IMA553R.png</t>
  </si>
  <si>
    <t>\\acsfs\profiles$\brendavdoa\My Documents\My Pictures\$RECYCLE.BIN\$IMA553R.png</t>
  </si>
  <si>
    <t>\\acsfs\profiles$\stefaniasdf\My Documents\xworkcenter\lex\</t>
  </si>
  <si>
    <t>\\acsfs\profiles$\stefaniasdf\My Documents\xworkcenter\lex\temp.tlx</t>
  </si>
  <si>
    <t>lu150961grsqh.tmp</t>
  </si>
  <si>
    <t>\\acsfs\profiles$\BRUNAAR\Numero\lu150961grsqh.tmp</t>
  </si>
  <si>
    <t>lu150961grsql.tmp</t>
  </si>
  <si>
    <t>\\acsfs\profiles$\BRUNAAR\Numero\lu150961grsql.tmp</t>
  </si>
  <si>
    <t>lu150961grsqp.tmp</t>
  </si>
  <si>
    <t>\\acsfs\profiles$\BRUNAAR\Numero\lu150961grsqp.tmp</t>
  </si>
  <si>
    <t>mail.google.com/sync/u/0/i/s?hl=pt-BR&amp;c=879</t>
  </si>
  <si>
    <t>"[[];0];0]6;0]kind;0]n\lib\_x000E_gen-p;0]�_x000F_y���ӈ3k��;1;1249879475;1578483183727;1578487095663;1578487998656;1578489804891;1578496035312;17;1738007010;1]";20;21;26;4;62f782-ef2f-4018-bf8a-e9a53647a531\";7r�p�� ��_x0017_�_x0012_&amp;;["157;[1];[3700735];[];[]];[]]"];[]]];[null;ancestorhasaugmentedpermissions;andrelpsa@algartech.com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aristelavodq@bv.algartech.com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a2yrts9lxdwy2a2qw-5owt</t>
  </si>
  <si>
    <t>"[[],0],0]6,0]kind,0]n\lib\_x000E_gen-p,0]�_x000F_y���ӈ3k��,1,1249879475,1578483183727,1578487095663,1578487998656,1578489804891,1578496035312,17,1738007010,1]",20,21,26,4,62f782-ef2f-4018-bf8a-e9a53647a531\",7r�p�� ��_x0017_�_x0012_&amp;,["157,[1],[3700735],[],[]],[]]"],[]]],[null,ancestorhasaugmentedpermissions,andrelpsa@algartech.com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aristelavodq@bv.algartech.com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a2yrts9lxdwy2a2qw-5owt</t>
  </si>
  <si>
    <t>mail.google.com/sync/u/0/i/s?hl=pt-BR&amp;c=882</t>
  </si>
  <si>
    <t>"languagecode":"pt-br";"requesttype":"background_request";"scenariotype;"timezone":"-03:00";andrelpsa@algartech.com;ess"}};maristelavodq@bv.algartech.com;p";supervisaobancovotorantim@algartech.com;talmaiardo@algartech.com;thiagolrc@bv.algartech.com;</t>
  </si>
  <si>
    <t>"languagecode":"pt-br","requesttype":"background_request","scenariotype,"timezone":"-03:00",andrelpsa@algartech.com,ess"}},maristelavodq@bv.algartech.com,p",supervisaobancovotorantim@algartech.com,talmaiardo@algartech.com,thiagolrc@bv.algartech.com</t>
  </si>
  <si>
    <t>mail.google.com/sync/u/0/i/s?hl=pt-BR&amp;c=884</t>
  </si>
  <si>
    <t>0]606;1249879475;1578492122099;8;[];[]]];ancest;andrelpsa@algartech.com;containsunsubscribedchildren;displayname;domain;emailaddress;false;filesize;id);lastmodifyinguser(kind;lastviewedbymedate;maristelavodq@bv.algartech.com;modifiedbymedate;null;ontainsunsubscribedchildren;owners(kind;permissionid;pictu;picture;rpermissions;sox6hol5kanqwbau83b0q5tkjn-hbfch3-4j8cwcvib1u3yw_dbg2iyqsj0vym_b7dfqnwqgkbws1m2cqbfimye2oacaz-vdoe0myeoq9px5wwx6exb7icqyohpqang4pirsidha80hu-xwnd3jeagwtrute_mttiv2j3j8itcgmyhiqrlntav2d-7hfahvdcamin68apujhe3y1su7qunhz0ipgsfwvkqnyvl_eg4bvnh-hxka\";supervisaobancovotorantim@algartech.com;talmaiardo@algartech.com;thiagolrc@bv.algartech.com;true]";workspaceids;</t>
  </si>
  <si>
    <t>0]606,1249879475,1578492122099,8,[],[]]],ancest,andrelpsa@algartech.com,containsunsubscribedchildren,displayname,domain,emailaddress,false,filesize,id),lastmodifyinguser(kind,lastviewedbymedate,maristelavodq@bv.algartech.com,modifiedbymedate,null,ontainsunsubscribedchildren,owners(kind,permissionid,pictu,picture,rpermissions,sox6hol5kanqwbau83b0q5tkjn-hbfch3-4j8cwcvib1u3yw_dbg2iyqsj0vym_b7dfqnwqgkbws1m2cqbfimye2oacaz-vdoe0myeoq9px5wwx6exb7icqyohpqang4pirsidha80hu-xwnd3jeagwtrute_mttiv2j3j8itcgmyhiqrlntav2d-7hfahvdcamin68apujhe3y1su7qunhz0ipgsfwvkqnyvl_eg4bvnh-hxka\",supervisaobancovotorantim@algartech.com,talmaiardo@algartech.com,thiagolrc@bv.algartech.com,true]",workspaceids</t>
  </si>
  <si>
    <t>mail.google.com/sync/u/0/i/s?hl=pt-BR&amp;c=886</t>
  </si>
  <si>
    <t>"languagecode":"pt-br";"requesttype":"background_request";"scenariotype;"timezone":"-03:00";1578482882712000]]];ancestorhasaugmentedpermissions;andrelpsa@algartech.com;containsunsubscribedchildren;cqov8pllmzi2akekfiouyzcli 7jwjedt;dczmta5mzm2otcxndawmze4naolcj ctkdp unz gewpytj/9eklatqogw5ndczmtg5odk4mdmr8rg/ a4e6y8ycw==";displayname;domain;emailaddress;file(kind;fileid;filesize;hasthumbnail;hasvisitorpermissions;id;id);items(deleted;kalgbcgki4cf1 /lz5gikfioulte4odmxodm0mzu5mze4odm5ntqkcgjxifksicfypwcwpytj/9eklatqogw5ndczmtg5odk4mdmrkie6j4qedae;kalgbcgkinnzn /lz5gikfsotodczmta5mzm2otcxndawmze4naolcj ctkdp unz gewpytj/9eklatqogw5ndczmtg5odk4mdmr8rg/ a4e6y8;ken;kind;lastmodifyinguser(kind;lastviewedbymedate;maristelavodq@bv.algartech.com;modifiedbymedate;modifieddate;ontainsunsubscribedchildren;owners(kind;p";per;permissionid;picture;shared;sharedwithmedate;supervisaobancovotorantim@algartech.com;talmaiardo@algartech.com;thiagolrc@bv.algartech.com;thumbnailversion;title;userpermission(role);workspaceids;</t>
  </si>
  <si>
    <t>"languagecode":"pt-br","requesttype":"background_request","scenariotype,"timezone":"-03:00",1578482882712000]]],ancestorhasaugmentedpermissions,andrelpsa@algartech.com,containsunsubscribedchildren,cqov8pllmzi2akekfiouyzcli 7jwjedt,dczmta5mzm2otcxndawmze4naolcj ctkdp unz gewpytj/9eklatqogw5ndczmtg5odk4mdmr8rg/ a4e6y8ycw==",displayname,domain,emailaddress,file(kind,fileid,filesize,hasthumbnail,hasvisitorpermissions,id,id),items(deleted,kalgbcgki4cf1 /lz5gikfioulte4odmxodm0mzu5mze4odm5ntqkcgjxifksicfypwcwpytj/9eklatqogw5ndczmtg5odk4mdmrkie6j4qedae,kalgbcgkinnzn /lz5gikfsotodczmta5mzm2otcxndawmze4naolcj ctkdp unz gewpytj/9eklatqogw5ndczmtg5odk4mdmr8rg/ a4e6y8,ken,kind,lastmodifyinguser(kind,lastviewedbymedate,maristelavodq@bv.algartech.com,modifiedbymedate,modifieddate,ontainsunsubscribedchildren,owners(kind,p",per,permissionid,picture,shared,sharedwithmedate,supervisaobancovotorantim@algartech.com,talmaiardo@algartech.com,thiagolrc@bv.algartech.com,thumbnailversion,title,userpermission(role),workspaceids</t>
  </si>
  <si>
    <t>mail.google.com/sync/u/0/i/s?hl=pt-BR&amp;c=888</t>
  </si>
  <si>
    <t>0]&lt;m;0]dchild_x0017_&gt;�k;0]s;1249879475;15;1578488299653;1578488600710;1578494229200;1738007010;21;22;[];[]]];andrelpsa@algartech.com;false;ken=ac4w5vix_z5c3vm9ln1dolghdosvr2cejg:1578482277703&amp;buildlabel=drive.web-frontend_20191211.00_p1;maristelavodq@bv.algartech.com;null;sox6hol5kanqwbau83b0q5tkjn-hbfch3-4j8cwcvib1u3yw_dbg2iyqsj0vym_b7dfqnwqgkbws1m2cqbfimye2oacaz-vdoe0myeoq9px5wwx6exb7icqyohpqang4pirsidha80hu-xwnd3jeagwtrute_mttiv2j3j8itcgmyhiqrlntav2d-7hfahvdcamin68aoejhe3yrrpkvpo0tr7gr773h1atzmoqbqahistrkhew\";supervisaobancovotorantim@algartech.com;talmaiardo@algartech.com;thiagolrc@bv.algartech.com;true]";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;ucqtrilxgzh2vmrvsg2jq1cbl4qg2jm47nvobhbfm_yn1fbbaidporrazpamsvj7sqad53jxy8lxn1gsuwlcokff-zk60jt6_mj0zjrpvewalsws</t>
  </si>
  <si>
    <t>0]&lt;m,0]dchild_x0017_&gt;�k,0]s,1249879475,15,1578488299653,1578488600710,1578494229200,1738007010,21,22,[],[]]],andrelpsa@algartech.com,false,ken=ac4w5vix_z5c3vm9ln1dolghdosvr2cejg:1578482277703&amp;buildlabel=drive.web-frontend_20191211.00_p1,maristelavodq@bv.algartech.com,null,sox6hol5kanqwbau83b0q5tkjn-hbfch3-4j8cwcvib1u3yw_dbg2iyqsj0vym_b7dfqnwqgkbws1m2cqbfimye2oacaz-vdoe0myeoq9px5wwx6exb7icqyohpqang4pirsidha80hu-xwnd3jeagwtrute_mttiv2j3j8itcgmyhiqrlntav2d-7hfahvdcamin68aoejhe3yrrpkvpo0tr7gr773h1atzmoqbqahistrkhew\",supervisaobancovotorantim@algartech.com,talmaiardo@algartech.com,thiagolrc@bv.algartech.com,true]",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,ucqtrilxgzh2vmrvsg2jq1cbl4qg2jm47nvobhbfm_yn1fbbaidporrazpamsvj7sqad53jxy8lxn1gsuwlcokff-zk60jt6_mj0zjrpvewalsws</t>
  </si>
  <si>
    <t>mail.google.com/sync/u/0/i/s?hl=pt-BR&amp;c=892</t>
  </si>
  <si>
    <t>mail.google.com/sync/u/0/i/s?hl=pt-BR&amp;c=896</t>
  </si>
  <si>
    <t>213601df-4bd1-43f7-88be-61735ed648d4.tmp</t>
  </si>
  <si>
    <t>\\acsfs\profiles$\leticiala\Downloads\213601df-4bd1-43f7-88be-61735ed648d4.tmp</t>
  </si>
  <si>
    <t>OPERACAO CSC SCC</t>
  </si>
  <si>
    <t>10.211.2.81</t>
  </si>
  <si>
    <t>FC-01-7C-B3-C0-23</t>
  </si>
  <si>
    <t>NB-NADIAG</t>
  </si>
  <si>
    <t>paulohfg</t>
  </si>
  <si>
    <t>C:\Users\paulohfg\Desktop\Algar Tech\</t>
  </si>
  <si>
    <t>Curadoria_Estella_Algar Tech - Dezembro_2019.xlsx</t>
  </si>
  <si>
    <t>ances,ancest,ancestorhasaugme,ancestorhasaugmen,ancestorhasaugmentedpermissions,c921a_u x-goog-authuser: 0 --=====pj99a2q90m3=====-- ,containsunsubscribedchildren,dis,displayname,domain,email,emaila,emailaddress,file(kind,fileid,filesize,hasthumbnail,hasvisitorpermissions,id,id),items(deleted,items(kind,ken,kind,lastmodifyi,lastmodifyinguser(kind,lastviewedbymedate,modifiedbymedate,modifieddate,ontainsunsubscribedchildren,owners(kind,per,permission,permissionid,pict,pictu,picture,rpermissions,shared,sharedwithmedate,thumbnailversion,title,userpermission(role),workspaceids</t>
  </si>
  <si>
    <t>57377f2d-9e26-408d-9750-9307d42b8f1b.tmp</t>
  </si>
  <si>
    <t>\\acsfs\profiles$\adelvinsonle\Downloads\57377f2d-9e26-408d-9750-9307d42b8f1b.tmp</t>
  </si>
  <si>
    <t>f2049c84-c632-42aa-b31d-8b04c41fde3b.tmp</t>
  </si>
  <si>
    <t>\\acsfs\profiles$\geovannasm\Downloads\f2049c84-c632-42aa-b31d-8b04c41fde3b.tmp</t>
  </si>
  <si>
    <t>3ab8de63-53aa-411b-8c73-336883d1250c.tmp</t>
  </si>
  <si>
    <t>\\acsfs\profiles$\vivianalds\Downloads\3ab8de63-53aa-411b-8c73-336883d1250c.tmp</t>
  </si>
  <si>
    <t>3e5fd66a-6678-40ce-b09e-982d2e630940.tmp</t>
  </si>
  <si>
    <t>\\acsfs\profiles$\lorrainerdl\Downloads\3e5fd66a-6678-40ce-b09e-982d2e630940.tmp</t>
  </si>
  <si>
    <t>4075fd4b-e683-4cf6-b419-fc9b5e515ac9.tmp</t>
  </si>
  <si>
    <t>\\acsfs\profiles$\marcellewdl\Downloads\4075fd4b-e683-4cf6-b419-fc9b5e515ac9.tmp</t>
  </si>
  <si>
    <t>b31527c8-2d41-4669-8e82-2240fc217275.tmp</t>
  </si>
  <si>
    <t>\\acsfs\profiles$\gabrielafs\Downloads\b31527c8-2d41-4669-8e82-2240fc217275.tmp</t>
  </si>
  <si>
    <t>a6075b98-51b8-401e-9c33-00617c4ff2f2.tmp</t>
  </si>
  <si>
    <t>\\acsfs\profiles$\leonardobb\Downloads\a6075b98-51b8-401e-9c33-00617c4ff2f2.tmp</t>
  </si>
  <si>
    <t>2b2dce36-58f0-45fe-84d5-5cd78f831981.tmp</t>
  </si>
  <si>
    <t>\\acsfs\profiles$\vivianalds\Downloads\2b2dce36-58f0-45fe-84d5-5cd78f831981.tmp</t>
  </si>
  <si>
    <t>$IVBN839.png</t>
  </si>
  <si>
    <t>\\acsfs\profiles$\brendavdoa\My Documents\My Pictures\$RECYCLE.BIN\$IVBN839.png</t>
  </si>
  <si>
    <t>bd64d6f8-7818-4e51-932b-4b5e0291b81d.tmp</t>
  </si>
  <si>
    <t>\\acsfs\profiles$\brunalas\Downloads\bd64d6f8-7818-4e51-932b-4b5e0291b81d.tmp</t>
  </si>
  <si>
    <t>2764702a-1cf9-4b4c-97fe-9a20b1b402f0.tmp</t>
  </si>
  <si>
    <t>\\acsfs\profiles$\marcosvnds\Downloads\2764702a-1cf9-4b4c-97fe-9a20b1b402f0.tmp</t>
  </si>
  <si>
    <t>037b10f8-c4eb-44d9-8409-009b555d2159.tmp</t>
  </si>
  <si>
    <t>\\acsfs\profiles$\marcosvnds\Downloads\037b10f8-c4eb-44d9-8409-009b555d2159.tmp</t>
  </si>
  <si>
    <t>99fc4be7-c388-40ee-967f-a3939c8cf3fc.tmp</t>
  </si>
  <si>
    <t>\\acsfs\profiles$\marcosvnds\Downloads\99fc4be7-c388-40ee-967f-a3939c8cf3fc.tmp</t>
  </si>
  <si>
    <t>https://udpmailboxap01.acs.com.br:8443/h/search?si=21&amp;so=0&amp;sc=66420&amp;sfi=2&amp;st=conversation&amp;action=compose&amp;paction=paneview</t>
  </si>
  <si>
    <t>t;</t>
  </si>
  <si>
    <t>https://t</t>
  </si>
  <si>
    <t>t;thiagolrc@bv.algartech.com;</t>
  </si>
  <si>
    <t>https://t,thiagolrc@bv.algartech.com</t>
  </si>
  <si>
    <t>49532378-e81a-48dd-b595-4b01f29d66cd.tmp</t>
  </si>
  <si>
    <t>\\acsfs\profiles$\luanaagl\Downloads\49532378-e81a-48dd-b595-4b01f29d66cd.tmp</t>
  </si>
  <si>
    <t>03690b0c-12fb-447d-93ee-895e902beb88.tmp</t>
  </si>
  <si>
    <t>\\acsfs\profiles$\luanaagl\Downloads\03690b0c-12fb-447d-93ee-895e902beb88.tmp</t>
  </si>
  <si>
    <t>c0329703-8bbf-4e0c-9343-a27a70d623bb.tmp</t>
  </si>
  <si>
    <t>\\acsfs\profiles$\brunalas\Downloads\c0329703-8bbf-4e0c-9343-a27a70d623bb.tmp</t>
  </si>
  <si>
    <t>833acc34-e7e1-49ab-8622-bbcc78f864a5.tmp</t>
  </si>
  <si>
    <t>\\acsfs\profiles$\marcosvnds\Downloads\833acc34-e7e1-49ab-8622-bbcc78f864a5.tmp</t>
  </si>
  <si>
    <t>56b3ac87-8d69-45af-84a4-cf485e4093c9.tmp</t>
  </si>
  <si>
    <t>\\acsfs\profiles$\marcosvnds\Downloads\56b3ac87-8d69-45af-84a4-cf485e4093c9.tmp</t>
  </si>
  <si>
    <t>af66252c-6aa9-4711-8784-0d473b787e7b.tmp</t>
  </si>
  <si>
    <t>\\acsfs\profiles$\marcosvnds\Downloads\af66252c-6aa9-4711-8784-0d473b787e7b.tmp</t>
  </si>
  <si>
    <t>512a31c8-dbe8-4939-aca4-282a74262433.tmp</t>
  </si>
  <si>
    <t>\\acsfs\profiles$\geovannasm\Downloads\512a31c8-dbe8-4939-aca4-282a74262433.tmp</t>
  </si>
  <si>
    <t>6d7c97ce-1401-4184-94f2-308c0ef252d5.tmp</t>
  </si>
  <si>
    <t>\\acsfs\profiles$\francislayneads\Downloads\6d7c97ce-1401-4184-94f2-308c0ef252d5.tmp</t>
  </si>
  <si>
    <t>lu120163sty3x.tmp</t>
  </si>
  <si>
    <t>\\acsfs\profiles$\CLAUDIAJCA\lu120163sty3x.tmp</t>
  </si>
  <si>
    <t>\\acsfs\profiles$\CLAUDIAJCA\lu120163sty3x.tmp\</t>
  </si>
  <si>
    <t>\\acsfs\profiles$\CLAUDIAJCA\lu120163sty3x.tmp\META-INF\</t>
  </si>
  <si>
    <t>\\acsfs\profiles$\CLAUDIAJCA\lu120163sty3x.tmp\Thumbnails\</t>
  </si>
  <si>
    <t>c2dbeb14-83e7-4942-adef-56ae34018c28.tmp</t>
  </si>
  <si>
    <t>\\acsfs\profiles$\larissaad\Downloads\c2dbeb14-83e7-4942-adef-56ae34018c28.tmp</t>
  </si>
  <si>
    <t>514d6df7-d475-4fbc-b90c-8f28be52d6e9.tmp</t>
  </si>
  <si>
    <t>\\acsfs\profiles$\marcosvnds\Downloads\514d6df7-d475-4fbc-b90c-8f28be52d6e9.tmp</t>
  </si>
  <si>
    <t>37c6eb73-e149-4802-8fe9-588280511e9f.tmp</t>
  </si>
  <si>
    <t>\\acsfs\profiles$\marcosvnds\Downloads\37c6eb73-e149-4802-8fe9-588280511e9f.tmp</t>
  </si>
  <si>
    <t>c7082fea-df5f-4c24-a6b4-2ff7738a6f77.tmp</t>
  </si>
  <si>
    <t>\\acsfs\profiles$\paulovadc\Downloads\c7082fea-df5f-4c24-a6b4-2ff7738a6f77.tmp</t>
  </si>
  <si>
    <t>3ef0801f-8361-4d19-933c-198ab95517d6.tmp</t>
  </si>
  <si>
    <t>\\acsfs\profiles$\lorrainerdl\Downloads\3ef0801f-8361-4d19-933c-198ab95517d6.tmp</t>
  </si>
  <si>
    <t>74cfbfe1-1d2e-4937-a4ec-d8a029716e95.tmp</t>
  </si>
  <si>
    <t>\\acsfs\profiles$\lorrainerdl\Downloads\74cfbfe1-1d2e-4937-a4ec-d8a029716e95.tmp</t>
  </si>
  <si>
    <t>4f69b378-ba60-4475-bb7d-bd82638f52ae.tmp</t>
  </si>
  <si>
    <t>\\acsfs\profiles$\rafaelamsv\Downloads\4f69b378-ba60-4475-bb7d-bd82638f52ae.tmp</t>
  </si>
  <si>
    <t>0525fb3e-95c6-40bc-810b-ec09312c93f4.tmp</t>
  </si>
  <si>
    <t>\\acsfs\profiles$\marcellewdl\Downloads\0525fb3e-95c6-40bc-810b-ec09312c93f4.tmp</t>
  </si>
  <si>
    <t>Gustavomro</t>
  </si>
  <si>
    <t>\\acsfs\profiles$\Gustavomro\My Documents\My Pictures\</t>
  </si>
  <si>
    <t>\\acsfs\profiles$\Gustavomro\My Documents\My Videos\desktop.ini</t>
  </si>
  <si>
    <t>\\acsfs\profiles$\Gustavomro\My Documents\My Videos\</t>
  </si>
  <si>
    <t>\\acsfs\profiles$\Gustavomro\My Documents\My Music\</t>
  </si>
  <si>
    <t>\\acsfs\profiles$\Gustavomro\My Documents\My Pictures\desktop.ini</t>
  </si>
  <si>
    <t>\\acsfs\profiles$\Gustavomro\Contacts\</t>
  </si>
  <si>
    <t>\\acsfs\profiles$\Gustavomro\Contacts\desktop.ini</t>
  </si>
  <si>
    <t>\\acsfs\profiles$\Gustavomro\My Documents\</t>
  </si>
  <si>
    <t>\\acsfs\profiles$\Gustavomro\Favorites\desktop.ini</t>
  </si>
  <si>
    <t>\\acsfs\profiles$\Gustavomro\My Documents\My Music\desktop.ini</t>
  </si>
  <si>
    <t>\\acsfs\profiles$\Gustavomro\Searches\</t>
  </si>
  <si>
    <t>\\acsfs\profiles$\Gustavomro\Searches\desktop.ini</t>
  </si>
  <si>
    <t>\\acsfs\profiles$\Gustavomro\Downloads\</t>
  </si>
  <si>
    <t>\\acsfs\profiles$\Gustavomro\Downloads\desktop.ini</t>
  </si>
  <si>
    <t>\\acsfs\profiles$\Gustavomro\Favorites\</t>
  </si>
  <si>
    <t>\\acsfs\profiles$\Gustavomro\My Documents\desktop.ini</t>
  </si>
  <si>
    <t>\\acsfs\profiles$\Gustavomro\Saved Games\desktop.ini</t>
  </si>
  <si>
    <t>\\acsfs\profiles$\Gustavomro\Saved Games\</t>
  </si>
  <si>
    <t>joaogvc@algartech.com;katia.cardoso@bv.com.br;leonardoao@algartech.com;marianadjc@algartech.com;paulacn@algartech.com;rafaelggs@algartech.com;robsonams@algartech.com;taysdss@algartech.com;viniciussg@algartech.com;</t>
  </si>
  <si>
    <t>joaogvc@algartech.com,katia.cardoso@bv.com.br,leonardoao@algartech.com,marianadjc@algartech.com,paulacn@algartech.com,rafaelggs@algartech.com,robsonams@algartech.com,taysdss@algartech.com,viniciussg@algartech.com</t>
  </si>
  <si>
    <t>algartechcpcbv@algartech.com;andrelpsa@algartech.com;gabrielsma@algartech.com;joaogvc@algartech.com;leonardoao@algartech.com;marianadjc@algartech.com;maristelavodq@bv.algartech.com;mirianppb@algartech.com;paulacn@algartech.com;qualidadealgarbv@algartech.com;rafaelggs@algartech.com;robsonams@algartech.com;supervisaobancovotorantim@algartech.com;talmaiardo@algartech.com;taysdss@algartech.com;thiagolrc@bv.algartech.com;thiagordu@algartech.com;viniciussg@algartech.com;</t>
  </si>
  <si>
    <t>algartechcpcbv@algartech.com,andrelpsa@algartech.com,gabrielsma@algartech.com,joaogvc@algartech.com,leonardoao@algartech.com,marianadjc@algartech.com,maristelavodq@bv.algartech.com,mirianppb@algartech.com,paulacn@algartech.com,qualidadealgarbv@algartech.com,rafaelggs@algartech.com,robsonams@algartech.com,supervisaobancovotorantim@algartech.com,talmaiardo@algartech.com,taysdss@algartech.com,thiagolrc@bv.algartech.com,thiagordu@algartech.com,viniciussg@algartech.com</t>
  </si>
  <si>
    <t>andrelpsa@algartech.com;joaogvc@algartech.com;leonardoao@algartech.com;marianadjc@algartech.com;maristelavodq@bv.algartech.com;paulacn@algartech.com;rafaelggs@algartech.com;robsonams@algartech.com;taysdss@algartech.com;viniciussg@algartech.com;</t>
  </si>
  <si>
    <t>andrelpsa@algartech.com,joaogvc@algartech.com,leonardoao@algartech.com,marianadjc@algartech.com,maristelavodq@bv.algartech.com,paulacn@algartech.com,rafaelggs@algartech.com,robsonams@algartech.com,taysdss@algartech.com,viniciussg@algartech.com</t>
  </si>
  <si>
    <t>joaogvc@algartech.com;leonardoao@algartech.com;marianadjc@algartech.com;paulacn@algartech.com;rafaelggs@algartech.com;robsonams@algartech.com;taysdss@algartech.com;thiagordu@algartech.com;viniciussg@algartech.com;</t>
  </si>
  <si>
    <t>joaogvc@algartech.com,leonardoao@algartech.com,marianadjc@algartech.com,paulacn@algartech.com,rafaelggs@algartech.com,robsonams@algartech.com,taysdss@algartech.com,thiagordu@algartech.com,viniciussg@algartech.com</t>
  </si>
  <si>
    <t>joaogvc@algartech.com;leonardoao@algartech.com;paulacn@algartech.com;rafaelggs@algartech.com;robsonams@algartech.com;taysdss@algartech.com;viniciussg@algartech.com;</t>
  </si>
  <si>
    <t>joaogvc@algartech.com,leonardoao@algartech.com,paulacn@algartech.com,rafaelggs@algartech.com,robsonams@algartech.com,taysdss@algartech.com,viniciussg@algartech.com</t>
  </si>
  <si>
    <t>8604c94e-d49b-465f-b9eb-2e2006fc48ed.tmp</t>
  </si>
  <si>
    <t>\\acsfs\profiles$\lorenabmc\Downloads\8604c94e-d49b-465f-b9eb-2e2006fc48ed.tmp</t>
  </si>
  <si>
    <t>REGIS EZAIAS DA SILVA JUNIOR_1_6775246751301435575_1_32.wav</t>
  </si>
  <si>
    <t>\\acsfs\Deptos\EDUCACAO EMPRESARIAL\KÉSIA\Ligações 1º Ciclo - Janeiro 2020\REGIS EZAIAS DA SILVA JUNIOR_1_6775246751301435575_1_32.wav</t>
  </si>
  <si>
    <t>d6b0466f-33e4-4e45-b043-9eccab643a5e.tmp</t>
  </si>
  <si>
    <t>\\acsfs\profiles$\rafaelahpn\Downloads\d6b0466f-33e4-4e45-b043-9eccab643a5e.tmp</t>
  </si>
  <si>
    <t>870b9cf2-443c-408a-b6bf-75ff1d442a0e.tmp</t>
  </si>
  <si>
    <t>\\acsfs\profiles$\sarahbal\Downloads\870b9cf2-443c-408a-b6bf-75ff1d442a0e.tmp</t>
  </si>
  <si>
    <t>224a6be6-091c-4a24-b3dd-66a054eb8762.tmp</t>
  </si>
  <si>
    <t>\\acsfs\profiles$\THYAGOSP\Downloads\224a6be6-091c-4a24-b3dd-66a054eb8762.tmp</t>
  </si>
  <si>
    <t>winrt--{S-1-5-21-602162358-764733703-839522115-352941}-.searchconnector-ms</t>
  </si>
  <si>
    <t>\\acsfs\profiles$\Gustavomro\Searches\winrt--{S-1-5-21-602162358-764733703-839522115-352941}-.searchconnector-ms</t>
  </si>
  <si>
    <t>40e501e2-f956-4d1f-a94c-aeec1fbf3ea2.tmp</t>
  </si>
  <si>
    <t>\\acsfs\profiles$\KARENDSR\Downloads\40e501e2-f956-4d1f-a94c-aeec1fbf3ea2.tmp</t>
  </si>
  <si>
    <t>4ee93a28-018d-4bf6-862a-e91688ff37f7.tmp</t>
  </si>
  <si>
    <t>\\acsfs\profiles$\KARENDSR\Downloads\4ee93a28-018d-4bf6-862a-e91688ff37f7.tmp</t>
  </si>
  <si>
    <t>2344d726-fbb6-43de-be8d-40a3d64dff8d.tmp</t>
  </si>
  <si>
    <t>\\acsfs\profiles$\geovannasm\Downloads\2344d726-fbb6-43de-be8d-40a3d64dff8d.tmp</t>
  </si>
  <si>
    <t>9ff468d9-c5ec-4006-b11e-c781b7570d7c.tmp</t>
  </si>
  <si>
    <t>\\acsfs\profiles$\luanaagl\Downloads\9ff468d9-c5ec-4006-b11e-c781b7570d7c.tmp</t>
  </si>
  <si>
    <t>c47df282-a850-4200-baa9-17a1aafc97de.tmp</t>
  </si>
  <si>
    <t>\\acsfs\profiles$\nataliacsl\Downloads\c47df282-a850-4200-baa9-17a1aafc97de.tmp</t>
  </si>
  <si>
    <t>mail.google.com/sync/u/0/i/fd?hl=pt-BR&amp;c=753</t>
  </si>
  <si>
    <t>RELATORIO DE LOGIN - BV CARTÕES 03-01 - Cópia.xlsm</t>
  </si>
  <si>
    <t>\\acsfs\DEPTOS\Operacao\PCP\5 - Comum\PLANEJAMENTO BV\14 - ACOMPANHAMENTO\1 - REPORT ACOMPANHAMENTO\2020\1 - JANEIRO\CARTÕES\Login Logout Cartões\RELATORIO DE LOGIN - BV CARTÕES 03-01 - Cópia.xlsm</t>
  </si>
  <si>
    <t>Clientes.txt</t>
  </si>
  <si>
    <t>\\acsfs\profiles$\jonathanwap\Clientes.txt</t>
  </si>
  <si>
    <t>c94fbeef-6588-4205-b5e8-5c11d84e041c.tmp</t>
  </si>
  <si>
    <t>\\acsfs\profiles$\francislayneads\Downloads\c94fbeef-6588-4205-b5e8-5c11d84e041c.tmp</t>
  </si>
  <si>
    <t>5ee65d7c-af73-4366-859c-ac2382a2821b.tmp</t>
  </si>
  <si>
    <t>\\acsfs\profiles$\gabrielaff\Downloads\5ee65d7c-af73-4366-859c-ac2382a2821b.tmp</t>
  </si>
  <si>
    <t>be93fa01-ec94-4e9e-b253-3eb3e534e440.tmp</t>
  </si>
  <si>
    <t>\\acsfs\profiles$\gabrielaff\Downloads\be93fa01-ec94-4e9e-b253-3eb3e534e440.tmp</t>
  </si>
  <si>
    <t>c8dd1703-9f7b-4362-a84f-014b1e6e8085.tmp</t>
  </si>
  <si>
    <t>\\acsfs\profiles$\inarajst\Downloads\c8dd1703-9f7b-4362-a84f-014b1e6e8085.tmp</t>
  </si>
  <si>
    <t>16e4eb5e-8399-4617-b354-d160f3ca12f6.tmp</t>
  </si>
  <si>
    <t>\\acsfs\profiles$\luanaagl\Downloads\16e4eb5e-8399-4617-b354-d160f3ca12f6.tmp</t>
  </si>
  <si>
    <t>FLAVIA CRISTINE DA SILVA TEIXEIRA_1_6775237766229864638_1_32.wav</t>
  </si>
  <si>
    <t>\\acsfs\Deptos\EDUCACAO EMPRESARIAL\KÉSIA\Ligações 1º Ciclo - Janeiro 2020\FLAVIA CRISTINE DA SILVA TEIXEIRA_1_6775237766229864638_1_32.wav</t>
  </si>
  <si>
    <t>f611191f-0192-4ed6-a5b1-670772cd2cf1.tmp</t>
  </si>
  <si>
    <t>\\acsfs\profiles$\KARENJSS\Downloads\f611191f-0192-4ed6-a5b1-670772cd2cf1.tmp</t>
  </si>
  <si>
    <t>2ca6b843-d00d-42a8-9018-76b0c96cb49c.tmp</t>
  </si>
  <si>
    <t>\\acsfs\profiles$\KARENJSS\Downloads\2ca6b843-d00d-42a8-9018-76b0c96cb49c.tmp</t>
  </si>
  <si>
    <t>\\acsfs\ACS\Gabriel da Silva\Contemporânea\BDBV\A5EFC595.tmp\</t>
  </si>
  <si>
    <t>\\acsfs\ACS\Gabriel da Silva\Contemporânea\BDBV\A5EFC595.tmp\:Zone.Identifier:$DATA</t>
  </si>
  <si>
    <t>\\acsfs\ACS\Gabriel da Silva\Contemporânea\BDBV\A5EFC595.tmp</t>
  </si>
  <si>
    <t>A5EFC595.tmp</t>
  </si>
  <si>
    <t>/o=exchangelabs/ou=exchange administrative group (fydibohf23spdlt)/cn=recipients/cn=066f391e261e41d38723bb6e42c3a6b3-josias cava;/o=exchangelabs/ou=exchange administrative group (fydibohf23spdlt)/cn=recipients/cn=5af2cae509964078b2026f7f550380b0-andre luis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d7b7225eca6c432cb952e8bf01b50f4b-algar tech;/o=exchangelabs/ou=exchange administrative group (fydibohf23spdlt)/cn=recipients/cn=e47f7192d7b143e286620292e5ce82f2-mirian pris;/o=exchangelabs/ou=exchange administrative group (fydibohf23spdlt)/cn=recipients/cn=f23199a9eb1c4dab9b7d7d0688901f52-marta lucia;/o=exchangelabs/ou=exchange administrative group (fydibohf23spdlt)/cn=recipients/cn=groupd5c96cfa;maristelavodq@bv.algartec</t>
  </si>
  <si>
    <t>ERRATA - Banco de Dados - 08/01</t>
  </si>
  <si>
    <t>/o=exchangelabs/ou=exchange administrative group (fydibohf23spdlt)/cn=recipients/cn=066f391e261e41d38723bb6e42c3a6b3-josias cava,/o=exchangelabs/ou=exchange administrative group (fydibohf23spdlt)/cn=recipients/cn=5af2cae509964078b2026f7f550380b0-andre luis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d7b7225eca6c432cb952e8bf01b50f4b-algar tech,/o=exchangelabs/ou=exchange administrative group (fydibohf23spdlt)/cn=recipients/cn=e47f7192d7b143e286620292e5ce82f2-mirian pris,/o=exchangelabs/ou=exchange administrative group (fydibohf23spdlt)/cn=recipients/cn=f23199a9eb1c4dab9b7d7d0688901f52-marta lucia,/o=exchangelabs/ou=exchange administrative group (fydibohf23spdlt)/cn=recipients/cn=groupd5c96cfa,maristelavodq@bv.algartec</t>
  </si>
  <si>
    <t>a59bcc50-5c2c-473a-8d48-b9af8ee6139f.tmp</t>
  </si>
  <si>
    <t>\\acsfs\profiles$\quindaizaagds\Downloads\a59bcc50-5c2c-473a-8d48-b9af8ee6139f.tmp</t>
  </si>
  <si>
    <t>38c84b1c-f62a-4ed7-8011-aedfef69f002.tmp</t>
  </si>
  <si>
    <t>\\acsfs\profiles$\quindaizaagds\Downloads\38c84b1c-f62a-4ed7-8011-aedfef69f002.tmp</t>
  </si>
  <si>
    <t>f99259ea-11c0-4cdd-8bde-0cc8ce781eaf.tmp</t>
  </si>
  <si>
    <t>\\acsfs\profiles$\quindaizaagds\Downloads\f99259ea-11c0-4cdd-8bde-0cc8ce781eaf.tmp</t>
  </si>
  <si>
    <t>5752571a-94f6-45c3-9cb5-4237af7fe6cc.tmp</t>
  </si>
  <si>
    <t>\\acsfs\profiles$\nathaliarmr\Downloads\5752571a-94f6-45c3-9cb5-4237af7fe6cc.tmp</t>
  </si>
  <si>
    <t>mail.google.com/sync/u/0/i/s?hl=pt-BR&amp;c=800</t>
  </si>
  <si>
    <t>bvcartes-supervisores@algarnet.onmicrosoft.com;joaogvc@algartech.com;leonardoao@algartech.com;marianacds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mirianppb@algartech.com,paulacn@algartech.com,rafaelggs@algartech.com,taysdss@algartech.com,thiagordu@algartech.com,viniciussg@algartech.com</t>
  </si>
  <si>
    <t>cda5e306-b576-4f7a-ad49-4ce5d1f55b68.tmp</t>
  </si>
  <si>
    <t>\\acsfs\profiles$\wedersonbadr\My Documents\My Music\cda5e306-b576-4f7a-ad49-4ce5d1f55b68.tmp</t>
  </si>
  <si>
    <t>d1350a84-b37c-4428-823a-e9a22177ed04.tmp</t>
  </si>
  <si>
    <t>\\acsfs\profiles$\isabellegtds\Downloads\d1350a84-b37c-4428-823a-e9a22177ed04.tmp</t>
  </si>
  <si>
    <t>4906274e-06eb-419d-a35e-ff4ee74ba20a.tmp</t>
  </si>
  <si>
    <t>\\acsfs\profiles$\luanaagl\Downloads\4906274e-06eb-419d-a35e-ff4ee74ba20a.tmp</t>
  </si>
  <si>
    <t>529fb9ed-934c-4d55-ac00-4b4f0ffa4b04.tmp</t>
  </si>
  <si>
    <t>\\acsfs\profiles$\andrezacapf\Downloads\529fb9ed-934c-4d55-ac00-4b4f0ffa4b04.tmp</t>
  </si>
  <si>
    <t>mail.google.com/sync/u/0/i/s?hl=pt-BR&amp;c=432</t>
  </si>
  <si>
    <t>df97acce-a257-4358-aa7e-78cecffe9bf1.tmp</t>
  </si>
  <si>
    <t>\\acsfs\profiles$\nataliacsl\Downloads\df97acce-a257-4358-aa7e-78cecffe9bf1.tmp</t>
  </si>
  <si>
    <t>cf8e0505-0348-4603-9ea7-c3734d46aa49.tmp</t>
  </si>
  <si>
    <t>\\acsfs\profiles$\georgendsq\Downloads\cf8e0505-0348-4603-9ea7-c3734d46aa49.tmp</t>
  </si>
  <si>
    <t>4092ff24-972c-44bd-a5c0-680837aee68f.tmp</t>
  </si>
  <si>
    <t>\\acsfs\profiles$\georgendsq\Downloads\4092ff24-972c-44bd-a5c0-680837aee68f.tmp</t>
  </si>
  <si>
    <t>fa326d2c-e982-4bde-bbb4-70c273951896.tmp</t>
  </si>
  <si>
    <t>\\acsfs\profiles$\georgendsq\Downloads\fa326d2c-e982-4bde-bbb4-70c273951896.tmp</t>
  </si>
  <si>
    <t>e6be667b-2a6a-47b6-9f3e-d890fa544f09.tmp</t>
  </si>
  <si>
    <t>\\acsfs\profiles$\georgendsq\Downloads\e6be667b-2a6a-47b6-9f3e-d890fa544f09.tmp</t>
  </si>
  <si>
    <t>88420e05-97da-48e3-8144-8bfb78d3cee7.tmp</t>
  </si>
  <si>
    <t>\\acsfs\profiles$\georgendsq\Downloads\88420e05-97da-48e3-8144-8bfb78d3cee7.tmp</t>
  </si>
  <si>
    <t>1ac16abe-6c4d-4435-8de5-d90df4148c36.tmp</t>
  </si>
  <si>
    <t>\\acsfs\profiles$\LUISPLS\Downloads\1ac16abe-6c4d-4435-8de5-d90df4148c36.tmp</t>
  </si>
  <si>
    <t>9c7943d7-f2f2-4db1-8c49-ffced7ff21e0.tmp</t>
  </si>
  <si>
    <t>\\acsfs\profiles$\brendadsl\Downloads\9c7943d7-f2f2-4db1-8c49-ffced7ff21e0.tmp</t>
  </si>
  <si>
    <t>04e89f48-62f1-4ecb-971a-7673fc6a4f16.tmp</t>
  </si>
  <si>
    <t>\\acsfs\profiles$\brendadsl\Downloads\04e89f48-62f1-4ecb-971a-7673fc6a4f16.tmp</t>
  </si>
  <si>
    <t>8fea5851-ad90-4eda-a5d1-5d8fba8e69ac.tmp</t>
  </si>
  <si>
    <t>\\acsfs\profiles$\brendadsl\Downloads\8fea5851-ad90-4eda-a5d1-5d8fba8e69ac.tmp</t>
  </si>
  <si>
    <t>99e8eba5-16bb-4254-86d0-14dac43fc0d6.tmp</t>
  </si>
  <si>
    <t>\\acsfs\profiles$\brendadsl\Downloads\99e8eba5-16bb-4254-86d0-14dac43fc0d6.tmp</t>
  </si>
  <si>
    <t>4f71e519-cecc-4766-83b1-d89ef744eadc.tmp</t>
  </si>
  <si>
    <t>\\acsfs\profiles$\brendadsl\Downloads\4f71e519-cecc-4766-83b1-d89ef744eadc.tmp</t>
  </si>
  <si>
    <t>BF2029B1.tmp</t>
  </si>
  <si>
    <t>\\acsfs\ACS\Gabriel da Silva\Contemporânea\Acessos\BF2029B1.tmp</t>
  </si>
  <si>
    <t>mail.google.com/sync/u/0/i/s?hl=pt-BR&amp;c=818</t>
  </si>
  <si>
    <t>mail.google.com/sync/u/0/i/s?hl=pt-BR&amp;c=820</t>
  </si>
  <si>
    <t>mail.google.com/sync/u/0/i/s?hl=pt-BR&amp;c=822</t>
  </si>
  <si>
    <t>andrelpsa@algartech.com;bvcartes-supervisores@algarnet.onmicrosoft.com;joaogvc@algartech.com;leonardoao@algartech.com;marianacds@algartech.com;marianadjc@algartech.com;maristelavodq@bv.algartech.com;paulacn@algartech.com;rafaelggs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paulacn@algartech.com,rafaelggs@algartech.com,taysdss@algartech.com,thiagordu@algartech.com,viniciussg@algartech.com</t>
  </si>
  <si>
    <t>mail.google.com/sync/u/0/i/s?hl=pt-BR&amp;c=824</t>
  </si>
  <si>
    <t>RELATORIO DE LOGIN - BV CARTÕES 07-01.xlsm</t>
  </si>
  <si>
    <t>\\acsfs\DEPTOS\Operacao\PCP\5 - Comum\PLANEJAMENTO BV\14 - ACOMPANHAMENTO\1 - REPORT ACOMPANHAMENTO\2020\1 - JANEIRO\CARTÕES\Login Logout Cartões\RELATORIO DE LOGIN - BV CARTÕES 07-01.xlsm</t>
  </si>
  <si>
    <t>mail.google.com/_/upload?authuser=0&amp;dcp=asu-n&amp;upload_id=AEnB2UqHBngI_JzpkrJq9ikloo0DhD75-O7yaBgtxkKYBuTGddPH_v59k0RNZYANt6-5wmYgKN9ogq6Q3ldxDTDiJ06kb5FsE97NqZWm6a7GwZLn5EUpnro&amp;upload_protocol=resumable</t>
  </si>
  <si>
    <t>mail.google.com/sync/u/0/i/s?hl=pt-BR&amp;c=827</t>
  </si>
  <si>
    <t>mail.google.com/sync/u/0/i/s?hl=pt-BR&amp;c=830</t>
  </si>
  <si>
    <t>lu107809isukp.tmp</t>
  </si>
  <si>
    <t>\\acsfs\profiles$\CINTIADCF\lu107809isukp.tmp</t>
  </si>
  <si>
    <t>\\acsfs\profiles$\CINTIADCF\lu107809isukp.tmp\</t>
  </si>
  <si>
    <t>\\acsfs\profiles$\CINTIADCF\lu107809isukp.tmp\META-INF\</t>
  </si>
  <si>
    <t>\\acsfs\profiles$\CINTIADCF\lu107809isukp.tmp\Thumbnails\</t>
  </si>
  <si>
    <t>10.200.66.128</t>
  </si>
  <si>
    <t>\\acsfs\profiles$\sorayadsr\Contacts\</t>
  </si>
  <si>
    <t>SORAYA DOS SANTOS REIS (21444).contact</t>
  </si>
  <si>
    <t>\\acsfs\profiles$\sorayadsr\Contacts\SORAYA DOS SANTOS REIS (21444).contact</t>
  </si>
  <si>
    <t>\\acsfs\profiles$\sorayadsr\My Documents\My Videos\</t>
  </si>
  <si>
    <t>\\acsfs\profiles$\sorayadsr\My Documents\My Videos\desktop.ini</t>
  </si>
  <si>
    <t>\\acsfs\profiles$\sorayadsr\My Documents\My Pictures\</t>
  </si>
  <si>
    <t>\\acsfs\profiles$\sorayadsr\My Documents\My Pictures\desktop.ini</t>
  </si>
  <si>
    <t>\\acsfs\profiles$\sorayadsr\Contacts\desktop.ini</t>
  </si>
  <si>
    <t>\\acsfs\profiles$\sorayadsr\Favorites\</t>
  </si>
  <si>
    <t>\\acsfs\profiles$\sorayadsr\Favorites\desktop.ini</t>
  </si>
  <si>
    <t>\\acsfs\profiles$\sorayadsr\My Documents\My Music\</t>
  </si>
  <si>
    <t>\\acsfs\profiles$\sorayadsr\My Documents\My Music\desktop.ini</t>
  </si>
  <si>
    <t>\\acsfs\profiles$\sorayadsr\Searches\</t>
  </si>
  <si>
    <t>\\acsfs\profiles$\sorayadsr\Searches\desktop.ini</t>
  </si>
  <si>
    <t>\\acsfs\profiles$\sorayadsr\Downloads\</t>
  </si>
  <si>
    <t>\\acsfs\profiles$\sorayadsr\Downloads\desktop.ini</t>
  </si>
  <si>
    <t>\\acsfs\profiles$\sorayadsr\My Documents\</t>
  </si>
  <si>
    <t>\\acsfs\profiles$\sorayadsr\My Documents\desktop.ini</t>
  </si>
  <si>
    <t>\\acsfs\profiles$\sorayadsr\Saved Games\</t>
  </si>
  <si>
    <t>\\acsfs\profiles$\sorayadsr\Saved Games\desktop.ini</t>
  </si>
  <si>
    <t>a66f5a0d-c470-4407-b35a-147893200b69.tmp</t>
  </si>
  <si>
    <t>\\acsfs\profiles$\andrezacapf\Downloads\a66f5a0d-c470-4407-b35a-147893200b69.tmp</t>
  </si>
  <si>
    <t>f8c8c786-774a-4a9e-b0ef-a5418f14bdd0.tmp</t>
  </si>
  <si>
    <t>\\acsfs\profiles$\andrezacapf\Downloads\f8c8c786-774a-4a9e-b0ef-a5418f14bdd0.tmp</t>
  </si>
  <si>
    <t>b3516287-68db-481c-a59a-23b5f8896b1a.tmp</t>
  </si>
  <si>
    <t>\\acsfs\profiles$\andrezacapf\Downloads\b3516287-68db-481c-a59a-23b5f8896b1a.tmp</t>
  </si>
  <si>
    <t>ed7c6f98-d535-4d36-aa8f-42d52d7baf12.tmp</t>
  </si>
  <si>
    <t>\\acsfs\profiles$\andrezacapf\Downloads\ed7c6f98-d535-4d36-aa8f-42d52d7baf12.tmp</t>
  </si>
  <si>
    <t>cd85f57f-502d-4a87-b08c-3eae7dc651d8.tmp</t>
  </si>
  <si>
    <t>\\acsfs\profiles$\andrezacapf\Downloads\cd85f57f-502d-4a87-b08c-3eae7dc651d8.tmp</t>
  </si>
  <si>
    <t>4cec0f1b-c9fa-4536-9058-64594f3bad47.tmp</t>
  </si>
  <si>
    <t>\\acsfs\profiles$\andrezacapf\Downloads\4cec0f1b-c9fa-4536-9058-64594f3bad47.tmp</t>
  </si>
  <si>
    <t>c2d97f9d-d503-400d-929b-ed605b42196e.tmp</t>
  </si>
  <si>
    <t>\\acsfs\profiles$\andrezacapf\Downloads\c2d97f9d-d503-400d-929b-ed605b42196e.tmp</t>
  </si>
  <si>
    <t>\\acsfs\DEPTOS\Sustentabilidade\46 - 5S\PROJETO.zip\PROJETO\</t>
  </si>
  <si>
    <t>Lideres .xlsx</t>
  </si>
  <si>
    <t>Supervisores 1.xlsx</t>
  </si>
  <si>
    <t>mail.google.com/sync/u/0/i/s?hl=pt-BR&amp;c=450</t>
  </si>
  <si>
    <t>MATHEUS MARTINS ANANIAS XAVIER_1_6775573817355997468_1_32.wav</t>
  </si>
  <si>
    <t>\\acsfs\Deptos\EDUCACAO EMPRESARIAL\KÉSIA\Ligações 1º Ciclo - Janeiro 2020\MATHEUS MARTINS ANANIAS XAVIER_1_6775573817355997468_1_32.wav</t>
  </si>
  <si>
    <t>9d6b5a3b-8f29-45b2-aac4-0bfcb0a94612.tmp</t>
  </si>
  <si>
    <t>\\acsfs\profiles$\georgendsq\Downloads\9d6b5a3b-8f29-45b2-aac4-0bfcb0a94612.tmp</t>
  </si>
  <si>
    <t>e996186a-df7e-4bc4-aa07-67608647b53a.tmp</t>
  </si>
  <si>
    <t>\\acsfs\profiles$\KARENJSS\Downloads\e996186a-df7e-4bc4-aa07-67608647b53a.tmp</t>
  </si>
  <si>
    <t>7923F0BC.tmp</t>
  </si>
  <si>
    <t>\\acsfs\ACS\Gabriel da Silva\Contemporânea\Acessos\7923F0BC.tmp</t>
  </si>
  <si>
    <t>outlook.office.com/owa/service.svc?action=CreateItem&amp;app=Mail&amp;n=162</t>
  </si>
  <si>
    <t>andrelpsa@algartech.com;antoniocoj@algartech.com;leonardoao@algartech.com;ricardodfm@algartech.com.br;</t>
  </si>
  <si>
    <t>andrelpsa@algartech.com,antoniocoj@algartech.com,leonardoao@algartech.com,ricardodfm@algartech.com.br</t>
  </si>
  <si>
    <t>http:///batch?%24ct=multipart%2Fmixed%3B%20boundary%3D%22%3D%3D%3D%3D%3Decn63vom0bm2%3D%3D%3D%3D%3D%22&amp;key=AIzaSyAy9VVXHSpS2IJpptzYtGbLP3-3_l0aBk4</t>
  </si>
  <si>
    <t>http:///batch?%24ct=multipart%2Fmixed%3B%20boundary%3D%22%3D%3D%3D%3D%3D2vlnw19yza8l%3D%3D%3D%3D%3D%22&amp;key=AIzaSyAy9VVXHSpS2IJpptzYtGbLP3-3_l0aBk4</t>
  </si>
  <si>
    <t>http:///batch?%24ct=multipart%2Fmixed%3B%20boundary%3D%22%3D%3D%3D%3D%3Doxyck357pljr%3D%3D%3D%3D%3D%22&amp;key=AIzaSyAy9VVXHSpS2IJpptzYtGbLP3-3_l0aBk4</t>
  </si>
  <si>
    <t>http:///batch?%24ct=multipart%2Fmixed%3B%20boundary%3D%22%3D%3D%3D%3D%3Dtrpcistgbzrz%3D%3D%3D%3D%3D%22&amp;key=AIzaSyAy9VVXHSpS2IJpptzYtGbLP3-3_l0aBk4</t>
  </si>
  <si>
    <t>http:///batch?%24ct=multipart%2Fmixed%3B%20boundary%3D%22%3D%3D%3D%3D%3Dxdvmb7j3i6zh%3D%3D%3D%3D%3D%22&amp;key=AIzaSyAy9VVXHSpS2IJpptzYtGbLP3-3_l0aBk4</t>
  </si>
  <si>
    <t>http:///batch?%24ct=multipart%2Fmixed%3B%20boundary%3D%22%3D%3D%3D%3D%3Djs89wpezz9eo%3D%3D%3D%3D%3D%22&amp;key=AIzaSyAy9VVXHSpS2IJpptzYtGbLP3-3_l0aBk4</t>
  </si>
  <si>
    <t>http:///batch?%24ct=multipart%2Fmixed%3B%20boundary%3D%22%3D%3D%3D%3D%3Dqk93u669b66c%3D%3D%3D%3D%3D%22&amp;key=AIzaSyAy9VVXHSpS2IJpptzYtGbLP3-3_l0aBk4</t>
  </si>
  <si>
    <t>http:///batch?%24ct=multipart%2Fmixed%3B%20boundary%3D%22%3D%3D%3D%3D%3Drku8pzwb04e9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Feedback Comportamento Vendas.txt</t>
  </si>
  <si>
    <t>\\acsfs\DEPTOS\Operacao\Banco_Votorantim\Supervisao\SUPERS BV CARTÕES\ADILSON\Feedback Comportamento Vendas.txt</t>
  </si>
  <si>
    <t>3a280782-ae13-43ee-ac2b-8c6c64131fab.tmp</t>
  </si>
  <si>
    <t>\\acsfs\profiles$\mariagsg\Downloads\3a280782-ae13-43ee-ac2b-8c6c64131fab.tmp</t>
  </si>
  <si>
    <t>9e2c15aa-f9f2-489c-9733-19668281a533.tmp</t>
  </si>
  <si>
    <t>\\acsfs\profiles$\geovannasm\Downloads\9e2c15aa-f9f2-489c-9733-19668281a533.tmp</t>
  </si>
  <si>
    <t>2a65b7cf-0801-4b65-a8c6-db2680113337.tmp</t>
  </si>
  <si>
    <t>\\acsfs\profiles$\regisadsa\Downloads\2a65b7cf-0801-4b65-a8c6-db2680113337.tmp</t>
  </si>
  <si>
    <t>"mozilla/5.0 (windows nt 6.1) applewebkit/537.36 (khtml;1;1249879475;13;13700167;13700185;13700235;13700451;13700607;13700883;13700946;1370095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1578500785593;31;5701393;[[13701214;[];[]]];ancestorhasaugmentedpermissions;containsunsubscribedchildren;displayname;domain;emailaddress;false;false];file(kind;fileid;filesize;gampqtp7yn6iriu24ksnqvk-esmg4wwpxf";hasthumbnail;hasvisitorpermissions;id;id);items(deleted;ken;kind;lastmodifyinguser(kind;lastviewedbymedate;like gecko) chrome/79.0.3945.88 safari/537.36";modifiedbymedate;modifieddate;null;ontainsunsubscribedchildren;owners(kind;per;permissionid;picture;pt-br;shared;sharedwithmedate;sox6hol5kanqwbau83b0q5tkjn-hbfch3-4j8cwcvib1u3yw_dbg2iyqsj0vym_b7dfqnwqgkbws1m2cqbfimye2oacaz-vd</t>
  </si>
  <si>
    <t>"mozilla/5.0 (windows nt 6.1) applewebkit/537.36 (khtml,1,1249879475,13,13700167,13700185,13700235,13700451,13700607,13700883,13700946,1370095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1578500785593,31,5701393,[[13701214,[],[]]],ancestorhasaugmentedpermissions,containsunsubscribedchildren,displayname,domain,emailaddress,false,false],file(kind,fileid,filesize,gampqtp7yn6iriu24ksnqvk-esmg4wwpxf",hasthumbnail,hasvisitorpermissions,id,id),items(deleted,ken,kind,lastmodifyinguser(kind,lastviewedbymedate,like gecko) chrome/79.0.3945.88 safari/537.36",modifiedbymedate,modifieddate,null,ontainsunsubscribedchildren,owners(kind,per,permissionid,picture,pt-br,shared,sharedwithmedate,sox6hol5kanqwbau83b0q5tkjn-hbfch3-4j8cwcvib1u3yw_dbg2iyqsj0vym_b7dfqnwqgkbws1m2cqbfimye2oacaz-vd</t>
  </si>
  <si>
    <t>\\udpavonfs01\AVON\00 - ACOMPANHAMENTO AVON\05 - OCUPAÇÃO BKO\2020\1 - JANEIRO\MÁSCARA\</t>
  </si>
  <si>
    <t>Análise Backoffice_Janeiro_2020.xlsx</t>
  </si>
  <si>
    <t>\\udpavonfs01\AVON\00 - ACOMPANHAMENTO AVON\05 - OCUPAÇÃO BKO\2020\1 - JANEIRO\RELATÓRIO\07.01.2020\Análise Backoffice_Janeiro_2020.xlsx</t>
  </si>
  <si>
    <t>c8e9b717-c5da-43bc-aa2d-23cb0679d025.tmp</t>
  </si>
  <si>
    <t>\\acsfs\profiles$\rafaelahpn\Downloads\c8e9b717-c5da-43bc-aa2d-23cb0679d025.tmp</t>
  </si>
  <si>
    <t>99c3e2ef-7b1e-4a98-908b-c64109d1c4dc.tmp</t>
  </si>
  <si>
    <t>\\acsfs\profiles$\rafaelahpn\Downloads\99c3e2ef-7b1e-4a98-908b-c64109d1c4dc.tmp</t>
  </si>
  <si>
    <t>5eb7940b-838e-499f-9db0-473109f7c4a5.tmp</t>
  </si>
  <si>
    <t>\\acsfs\profiles$\alinepp\Downloads\5eb7940b-838e-499f-9db0-473109f7c4a5.tmp</t>
  </si>
  <si>
    <t>c9892b21-538c-4773-8cf3-4db19f820503.tmp</t>
  </si>
  <si>
    <t>\\acsfs\profiles$\alinepp\Downloads\c9892b21-538c-4773-8cf3-4db19f820503.tmp</t>
  </si>
  <si>
    <t>eba6cf65-b5d6-4310-a3d0-e62bd18e1410.tmp</t>
  </si>
  <si>
    <t>\\acsfs\profiles$\alinepp\Downloads\eba6cf65-b5d6-4310-a3d0-e62bd18e1410.tmp</t>
  </si>
  <si>
    <t>anderson.vasconcelos@sanofi.com;danilocadsn@algartech.com;elisangela.silva@algartech.com;ericacdosc@algartech.com;faturamento@algartech.com;rosanapccb@algartech.com;</t>
  </si>
  <si>
    <t>\\acsfs\Deptos\Asyst\COMERCIAL\02 - FATURAMENTO\Base GAT\GAT - Documentos Diversos Clientes\Contrato Peugeot\Faturamento\</t>
  </si>
  <si>
    <t>PSA_Base CNPJ.xlsx</t>
  </si>
  <si>
    <t>anderson.vasconcelos@sanofi.com,danilocadsn@algartech.com,elisangela.silva@algartech.com,ericacdosc@algartech.com,faturamento@algartech.com,rosanapccb@algartech.com</t>
  </si>
  <si>
    <t>1b320888-9b63-4be2-8a77-07c4fe6cff58.tmp</t>
  </si>
  <si>
    <t>\\acsfs\profiles$\KARENJSS\Downloads\1b320888-9b63-4be2-8a77-07c4fe6cff58.tmp</t>
  </si>
  <si>
    <t>outlook.office.com/owa/service.svc?action=UpdateItem&amp;app=Mail&amp;n=220</t>
  </si>
  <si>
    <t>http:///batch?%24ct=multipart%2Fmixed%3B%20boundary%3D%22%3D%3D%3D%3D%3Dtfxdyed6pcrt%3D%3D%3D%3D%3D%22&amp;key=AIzaSyAy9VVXHSpS2IJpptzYtGbLP3-3_l0aBk4</t>
  </si>
  <si>
    <t>http:///batch?%24ct=multipart%2Fmixed%3B%20boundary%3D%22%3D%3D%3D%3D%3Ddikvjnh27o7v%3D%3D%3D%3D%3D%22&amp;key=AIzaSyAy9VVXHSpS2IJpptzYtGbLP3-3_l0aBk4</t>
  </si>
  <si>
    <t>http:///batch?%24ct=multipart%2Fmixed%3B%20boundary%3D%22%3D%3D%3D%3D%3Dx6nfkwpxsu5d%3D%3D%3D%3D%3D%22&amp;key=AIzaSyAy9VVXHSpS2IJpptzYtGbLP3-3_l0aBk4</t>
  </si>
  <si>
    <t>http:///batch?%24ct=multipart%2Fmixed%3B%20boundary%3D%22%3D%3D%3D%3D%3Dhl7uzqw0ae8c%3D%3D%3D%3D%3D%22&amp;key=AIzaSyAy9VVXHSpS2IJpptzYtGbLP3-3_l0aBk4</t>
  </si>
  <si>
    <t>http:///batch?%24ct=multipart%2Fmixed%3B%20boundary%3D%22%3D%3D%3D%3D%3Dzcpymtneussd%3D%3D%3D%3D%3D%22&amp;key=AIzaSyAy9VVXHSpS2IJpptzYtGbLP3-3_l0aBk4</t>
  </si>
  <si>
    <t>ances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ontainsunsubscribedchildren;owners(kind;per;permiss;permission;permissionid;pict;picture;rpermissions;shared;sharedwithmedate;thumbnailversion;title;userpermission(role);workspaceids;</t>
  </si>
  <si>
    <t>http://ances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ontainsunsubscribedchildren,owners(kind,per,permiss,permission,permissionid,pict,picture,rpermissions,shared,sharedwithmedate,thumbnailversion,title,userpermission(role),workspaceids</t>
  </si>
  <si>
    <t>http:///batch?%24ct=multipart%2Fmixed%3B%20boundary%3D%22%3D%3D%3D%3D%3Dt5t32xaw8q83%3D%3D%3D%3D%3D%22&amp;key=AIzaSyAy9VVXHSpS2IJpptzYtGbLP3-3_l0aBk4</t>
  </si>
  <si>
    <t>http:///batch?%24ct=multipart%2Fmixed%3B%20boundary%3D%22%3D%3D%3D%3D%3D2qpxfggi0goq%3D%3D%3D%3D%3D%22&amp;key=AIzaSyAy9VVXHSpS2IJpptzYtGbLP3-3_l0aBk4</t>
  </si>
  <si>
    <t>http:///batch?%24ct=multipart%2Fmixed%3B%20boundary%3D%22%3D%3D%3D%3D%3Dsydkxyh2yvwm%3D%3D%3D%3D%3D%22&amp;key=AIzaSyAy9VVXHSpS2IJpptzYtGbLP3-3_l0aBk4</t>
  </si>
  <si>
    <t>http:///batch?%24ct=multipart%2Fmixed%3B%20boundary%3D%22%3D%3D%3D%3D%3Dgn5cfjcxesup%3D%3D%3D%3D%3D%22&amp;key=AIzaSyAy9VVXHSpS2IJpptzYtGbLP3-3_l0aBk4</t>
  </si>
  <si>
    <t>http:///batch?%24ct=multipart%2Fmixed%3B%20boundary%3D%22%3D%3D%3D%3D%3Dlxfvifqwo77f%3D%3D%3D%3D%3D%22&amp;key=AIzaSyAy9VVXHSpS2IJpptzYtGbLP3-3_l0aBk4</t>
  </si>
  <si>
    <t>http:///batch?%24ct=multipart%2Fmixed%3B%20boundary%3D%22%3D%3D%3D%3D%3D2s4prdoycpk%3D%3D%3D%3D%3D%22&amp;key=AIzaSyAy9VVXHSpS2IJpptzYtGbLP3-3_l0aBk4</t>
  </si>
  <si>
    <t>http:///batch?%24ct=multipart%2Fmixed%3B%20boundary%3D%22%3D%3D%3D%3D%3Dx2pngtcrvdly%3D%3D%3D%3D%3D%22&amp;key=AIzaSyAy9VVXHSpS2IJpptzYtGbLP3-3_l0aBk4</t>
  </si>
  <si>
    <t>http:///batch?%24ct=multipart%2Fmixed%3B%20boundary%3D%22%3D%3D%3D%3D%3Dvf5rxf3910r1%3D%3D%3D%3D%3D%22&amp;key=AIzaSyAy9VVXHSpS2IJpptzYtGbLP3-3_l0aBk4</t>
  </si>
  <si>
    <t>http:///batch?%24ct=multipart%2Fmixed%3B%20boundary%3D%22%3D%3D%3D%3D%3Dgmvc4z8v3nor%3D%3D%3D%3D%3D%22&amp;key=AIzaSyAy9VVXHSpS2IJpptzYtGbLP3-3_l0aBk4</t>
  </si>
  <si>
    <t>http:///batch?%24ct=multipart%2Fmixed%3B%20boundary%3D%22%3D%3D%3D%3D%3Dvzke00k587re%3D%3D%3D%3D%3D%22&amp;key=AIzaSyAy9VVXHSpS2IJpptzYtGbLP3-3_l0aBk4</t>
  </si>
  <si>
    <t>http:///batch?%24ct=multipart%2Fmixed%3B%20boundary%3D%22%3D%3D%3D%3D%3Df3homg9hzt3j%3D%3D%3D%3D%3D%22&amp;key=AIzaSyAy9VVXHSpS2IJpptzYtGbLP3-3_l0aBk4</t>
  </si>
  <si>
    <t>http:///batch?%24ct=multipart%2Fmixed%3B%20boundary%3D%22%3D%3D%3D%3D%3Dfm34vohvzqur%3D%3D%3D%3D%3D%22&amp;key=AIzaSyAy9VVXHSpS2IJpptzYtGbLP3-3_l0aBk4</t>
  </si>
  <si>
    <t>http:///batch?%24ct=multipart%2Fmixed%3B%20boundary%3D%22%3D%3D%3D%3D%3Drcy9vi48fkye%3D%3D%3D%3D%3D%22&amp;key=AIzaSyAy9VVXHSpS2IJpptzYtGbLP3-3_l0aBk4</t>
  </si>
  <si>
    <t>http:///batch?%24ct=multipart%2Fmixed%3B%20boundary%3D%22%3D%3D%3D%3D%3Dc08x4b9ycqr4%3D%3D%3D%3D%3D%22&amp;key=AIzaSyAy9VVXHSpS2IJpptzYtGbLP3-3_l0aBk4</t>
  </si>
  <si>
    <t>http:///batch?%24ct=multipart%2Fmixed%3B%20boundary%3D%22%3D%3D%3D%3D%3Dfqotp58t8fdm%3D%3D%3D%3D%3D%22&amp;key=AIzaSyAy9VVXHSpS2IJpptzYtGbLP3-3_l0aBk4</t>
  </si>
  <si>
    <t>http:///batch?%24ct=multipart%2Fmixed%3B%20boundary%3D%22%3D%3D%3D%3D%3Dh59wux8iqogc%3D%3D%3D%3D%3D%22&amp;key=AIzaSyAy9VVXHSpS2IJpptzYtGbLP3-3_l0aBk4</t>
  </si>
  <si>
    <t>http:///batch?%24ct=multipart%2Fmixed%3B%20boundary%3D%22%3D%3D%3D%3D%3D3yo2unuapr6%3D%3D%3D%3D%3D%22&amp;key=AIzaSyAy9VVXHSpS2IJpptzYtGbLP3-3_l0aBk4</t>
  </si>
  <si>
    <t>ance;ances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ontainsunsubscribedchildren;owners(kind;per;permiss;permission;permissionid;pic;pict;picture;rpermissions;shared;sharedwithmedate;thumbnailversion;title;userpermission(role);workspaceids;</t>
  </si>
  <si>
    <t>http://ance,ances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ontainsunsubscribedchildren,owners(kind,per,permiss,permission,permissionid,pic,pict,picture,rpermissions,shared,sharedwithmedate,thumbnailversion,title,userpermission(role),workspaceids</t>
  </si>
  <si>
    <t>http:///batch?%24ct=multipart%2Fmixed%3B%20boundary%3D%22%3D%3D%3D%3D%3D7a4ewcwzlph4%3D%3D%3D%3D%3D%22&amp;key=AIzaSyAy9VVXHSpS2IJpptzYtGbLP3-3_l0aBk4</t>
  </si>
  <si>
    <t>http:///batch?%24ct=multipart%2Fmixed%3B%20boundary%3D%22%3D%3D%3D%3D%3D48ko50l83rbu%3D%3D%3D%3D%3D%22&amp;key=AIzaSyAy9VVXHSpS2IJpptzYtGbLP3-3_l0aBk4</t>
  </si>
  <si>
    <t>http:///batch?%24ct=multipart%2Fmixed%3B%20boundary%3D%22%3D%3D%3D%3D%3Dfdeymr3ykyxn%3D%3D%3D%3D%3D%22&amp;key=AIzaSyAy9VVXHSpS2IJpptzYtGbLP3-3_l0aBk4</t>
  </si>
  <si>
    <t>http:///batch?%24ct=multipart%2Fmixed%3B%20boundary%3D%22%3D%3D%3D%3D%3D7mu1j6xulapx%3D%3D%3D%3D%3D%22&amp;key=AIzaSyAy9VVXHSpS2IJpptzYtGbLP3-3_l0aBk4</t>
  </si>
  <si>
    <t>http:///batch?%24ct=multipart%2Fmixed%3B%20boundary%3D%22%3D%3D%3D%3D%3D8n0r9ldzcpzp%3D%3D%3D%3D%3D%22&amp;key=AIzaSyAy9VVXHSpS2IJpptzYtGbLP3-3_l0aBk4</t>
  </si>
  <si>
    <t>http:///batch?%24ct=multipart%2Fmixed%3B%20boundary%3D%22%3D%3D%3D%3D%3Dkeg4cyvb0b13%3D%3D%3D%3D%3D%22&amp;key=AIzaSyAy9VVXHSpS2IJpptzYtGbLP3-3_l0aBk4</t>
  </si>
  <si>
    <t>http:///batch?%24ct=multipart%2Fmixed%3B%20boundary%3D%22%3D%3D%3D%3D%3Dswyfvg9i4dio%3D%3D%3D%3D%3D%22&amp;key=AIzaSyAy9VVXHSpS2IJpptzYtGbLP3-3_l0aBk4</t>
  </si>
  <si>
    <t>http:///batch?%24ct=multipart%2Fmixed%3B%20boundary%3D%22%3D%3D%3D%3D%3D2ub2pf7bis9d%3D%3D%3D%3D%3D%22&amp;key=AIzaSyAy9VVXHSpS2IJpptzYtGbLP3-3_l0aBk4</t>
  </si>
  <si>
    <t>http:///batch?%24ct=multipart%2Fmixed%3B%20boundary%3D%22%3D%3D%3D%3D%3D2cwjpft1c214%3D%3D%3D%3D%3D%22&amp;key=AIzaSyAy9VVXHSpS2IJpptzYtGbLP3-3_l0aBk4</t>
  </si>
  <si>
    <t>http:///batch?%24ct=multipart%2Fmixed%3B%20boundary%3D%22%3D%3D%3D%3D%3D924lahviorh8%3D%3D%3D%3D%3D%22&amp;key=AIzaSyAy9VVXHSpS2IJpptzYtGbLP3-3_l0aBk4</t>
  </si>
  <si>
    <t>http:///batch?%24ct=multipart%2Fmixed%3B%20boundary%3D%22%3D%3D%3D%3D%3Dxqfx3frww2lj%3D%3D%3D%3D%3D%22&amp;key=AIzaSyAy9VVXHSpS2IJpptzYtGbLP3-3_l0aBk4</t>
  </si>
  <si>
    <t>http:///batch?%24ct=multipart%2Fmixed%3B%20boundary%3D%22%3D%3D%3D%3D%3D6d45toni7ld8%3D%3D%3D%3D%3D%22&amp;key=AIzaSyAy9VVXHSpS2IJpptzYtGbLP3-3_l0aBk4</t>
  </si>
  <si>
    <t>ance;ances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ni7ld8=====;ontainsunsubscribedchildren;owners(kind;per;permiss;permission;permissionid;pic;pict;picture;rpermissions;shared;sharedwithmedate;thumbnailversion;title;userpermission(role);workspaceids;</t>
  </si>
  <si>
    <t>http://ance,ances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ni7ld8===== ,ontainsunsubscribedchildren,owners(kind,per,permiss,permission,permissionid,pic,pict,picture,rpermissions,shared,sharedwithmedate,thumbnailversion,title,userpermission(role),workspaceids</t>
  </si>
  <si>
    <t>http:///batch?%24ct=multipart%2Fmixed%3B%20boundary%3D%22%3D%3D%3D%3D%3Dqnm0jpf8yka1%3D%3D%3D%3D%3D%22&amp;key=AIzaSyAy9VVXHSpS2IJpptzYtGbLP3-3_l0aBk4</t>
  </si>
  <si>
    <t>http:///batch?%24ct=multipart%2Fmixed%3B%20boundary%3D%22%3D%3D%3D%3D%3Djxfe2gntpqj4%3D%3D%3D%3D%3D%22&amp;key=AIzaSyAy9VVXHSpS2IJpptzYtGbLP3-3_l0aBk4</t>
  </si>
  <si>
    <t>http:///batch?%24ct=multipart%2Fmixed%3B%20boundary%3D%22%3D%3D%3D%3D%3D6bqnwce6nifm%3D%3D%3D%3D%3D%22&amp;key=AIzaSyAy9VVXHSpS2IJpptzYtGbLP3-3_l0aBk4</t>
  </si>
  <si>
    <t>http:///batch?%24ct=multipart%2Fmixed%3B%20boundary%3D%22%3D%3D%3D%3D%3D8imtmt27oy8%3D%3D%3D%3D%3D%22&amp;key=AIzaSyAy9VVXHSpS2IJpptzYtGbLP3-3_l0aBk4</t>
  </si>
  <si>
    <t>http:///batch?%24ct=multipart%2Fmixed%3B%20boundary%3D%22%3D%3D%3D%3D%3Dn9ooyxtpfrnz%3D%3D%3D%3D%3D%22&amp;key=AIzaSyAy9VVXHSpS2IJpptzYtGbLP3-3_l0aBk4</t>
  </si>
  <si>
    <t>http:///batch?%24ct=multipart%2Fmixed%3B%20boundary%3D%22%3D%3D%3D%3D%3Dnzw7g99p2jo%3D%3D%3D%3D%3D%22&amp;key=AIzaSyAy9VVXHSpS2IJpptzYtGbLP3-3_l0aBk4</t>
  </si>
  <si>
    <t>http:///batch?%24ct=multipart%2Fmixed%3B%20boundary%3D%22%3D%3D%3D%3D%3Djzq2crwhnnea%3D%3D%3D%3D%3D%22&amp;key=AIzaSyAy9VVXHSpS2IJpptzYtGbLP3-3_l0aBk4</t>
  </si>
  <si>
    <t>ance;ances;ancest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ni7ld8=====;ontainsunsubscribedchildren;owners(kind;per;permiss;permission;permissionid;pic;pict;pictu;picture;rpermissions;shared;sharedwithmedate;thumbnailversion;title;userpermission(role);workspaceids;</t>
  </si>
  <si>
    <t>http://ance,ances,ancest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ni7ld8===== ,ontainsunsubscribedchildren,owners(kind,per,permiss,permission,permissionid,pic,pict,pictu,picture,rpermissions,shared,sharedwithmedate,thumbnailversion,title,userpermission(role),workspaceids</t>
  </si>
  <si>
    <t>http:///batch?%24ct=multipart%2Fmixed%3B%20boundary%3D%22%3D%3D%3D%3D%3D41iz9k4lztf4%3D%3D%3D%3D%3D%22&amp;key=AIzaSyAy9VVXHSpS2IJpptzYtGbLP3-3_l0aBk4</t>
  </si>
  <si>
    <t>http:///batch?%24ct=multipart%2Fmixed%3B%20boundary%3D%22%3D%3D%3D%3D%3Dozsgas70ifd%3D%3D%3D%3D%3D%22&amp;key=AIzaSyAy9VVXHSpS2IJpptzYtGbLP3-3_l0aBk4</t>
  </si>
  <si>
    <t>http:///batch?%24ct=multipart%2Fmixed%3B%20boundary%3D%22%3D%3D%3D%3D%3Dl5xgh115g745%3D%3D%3D%3D%3D%22&amp;key=AIzaSyAy9VVXHSpS2IJpptzYtGbLP3-3_l0aBk4</t>
  </si>
  <si>
    <t>http:///batch?%24ct=multipart%2Fmixed%3B%20boundary%3D%22%3D%3D%3D%3D%3D6v4g2am4llxs%3D%3D%3D%3D%3D%22&amp;key=AIzaSyAy9VVXHSpS2IJpptzYtGbLP3-3_l0aBk4</t>
  </si>
  <si>
    <t>http:///batch?%24ct=multipart%2Fmixed%3B%20boundary%3D%22%3D%3D%3D%3D%3Dmttwgqkhyrs6%3D%3D%3D%3D%3D%22&amp;key=AIzaSyAy9VVXHSpS2IJpptzYtGbLP3-3_l0aBk4</t>
  </si>
  <si>
    <t>http:///batch?%24ct=multipart%2Fmixed%3B%20boundary%3D%22%3D%3D%3D%3D%3Dopg1o688w6i%3D%3D%3D%3D%3D%22&amp;key=AIzaSyAy9VVXHSpS2IJpptzYtGbLP3-3_l0aBk4</t>
  </si>
  <si>
    <t>http:///batch?%24ct=multipart%2Fmixed%3B%20boundary%3D%22%3D%3D%3D%3D%3Dq6a11arxlni%3D%3D%3D%3D%3D%22&amp;key=AIzaSyAy9VVXHSpS2IJpptzYtGbLP3-3_l0aBk4</t>
  </si>
  <si>
    <t>http:///batch?%24ct=multipart%2Fmixed%3B%20boundary%3D%22%3D%3D%3D%3D%3Dfazoidlwmg5j%3D%3D%3D%3D%3D%22&amp;key=AIzaSyAy9VVXHSpS2IJpptzYtGbLP3-3_l0aBk4</t>
  </si>
  <si>
    <t>http:///batch?%24ct=multipart%2Fmixed%3B%20boundary%3D%22%3D%3D%3D%3D%3D1xq3w14475li%3D%3D%3D%3D%3D%22&amp;key=AIzaSyAy9VVXHSpS2IJpptzYtGbLP3-3_l0aBk4</t>
  </si>
  <si>
    <t>http:///batch?%24ct=multipart%2Fmixed%3B%20boundary%3D%22%3D%3D%3D%3D%3Djywxnw5on6mp%3D%3D%3D%3D%3D%22&amp;key=AIzaSyAy9VVXHSpS2IJpptzYtGbLP3-3_l0aBk4</t>
  </si>
  <si>
    <t>http:///batch?%24ct=multipart%2Fmixed%3B%20boundary%3D%22%3D%3D%3D%3D%3Dkmbi68t919qy%3D%3D%3D%3D%3D%22&amp;key=AIzaSyAy9VVXHSpS2IJpptzYtGbLP3-3_l0aBk4</t>
  </si>
  <si>
    <t>http:///batch?%24ct=multipart%2Fmixed%3B%20boundary%3D%22%3D%3D%3D%3D%3D6wz4jjz1y30g%3D%3D%3D%3D%3D%22&amp;key=AIzaSyAy9VVXHSpS2IJpptzYtGbLP3-3_l0aBk4</t>
  </si>
  <si>
    <t>http:///batch?%24ct=multipart%2Fmixed%3B%20boundary%3D%22%3D%3D%3D%3D%3D1do6d39qp500%3D%3D%3D%3D%3D%22&amp;key=AIzaSyAy9VVXHSpS2IJpptzYtGbLP3-3_l0aBk4</t>
  </si>
  <si>
    <t>http:///batch?%24ct=multipart%2Fmixed%3B%20boundary%3D%22%3D%3D%3D%3D%3Dis0p4r8ii1t8%3D%3D%3D%3D%3D%22&amp;key=AIzaSyAy9VVXHSpS2IJpptzYtGbLP3-3_l0aBk4</t>
  </si>
  <si>
    <t>http:///batch?%24ct=multipart%2Fmixed%3B%20boundary%3D%22%3D%3D%3D%3D%3Dmxyo7jow4g7q%3D%3D%3D%3D%3D%22&amp;key=AIzaSyAy9VVXHSpS2IJpptzYtGbLP3-3_l0aBk4</t>
  </si>
  <si>
    <t>http:///batch?%24ct=multipart%2Fmixed%3B%20boundary%3D%22%3D%3D%3D%3D%3Defxoy5hwoyb%3D%3D%3D%3D%3D%22&amp;key=AIzaSyAy9VVXHSpS2IJpptzYtGbLP3-3_l0aBk4</t>
  </si>
  <si>
    <t>0a94555b-627d-47a6-9431-7678992b031d.tmp</t>
  </si>
  <si>
    <t>\\acsfs\profiles$\regisadsa\Downloads\0a94555b-627d-47a6-9431-7678992b031d.tmp</t>
  </si>
  <si>
    <t>faa39f70-0fda-4bc5-ba4e-2df2f222b616.tmp</t>
  </si>
  <si>
    <t>\\acsfs\profiles$\regisadsa\Downloads\faa39f70-0fda-4bc5-ba4e-2df2f222b616.tmp</t>
  </si>
  <si>
    <t>d3c4a7a8-f931-4344-a607-89131265ddbf.tmp</t>
  </si>
  <si>
    <t>\\acsfs\profiles$\regisadsa\Downloads\d3c4a7a8-f931-4344-a607-89131265ddbf.tmp</t>
  </si>
  <si>
    <t>f6103770-1db5-4509-bbfe-7c563b9a6a38.tmp</t>
  </si>
  <si>
    <t>\\acsfs\profiles$\matheusmax\Downloads\f6103770-1db5-4509-bbfe-7c563b9a6a38.tmp</t>
  </si>
  <si>
    <t>3491e402-dfc8-474d-b4c1-44e0e30b2eee.tmp</t>
  </si>
  <si>
    <t>\\acsfs\profiles$\matheusmax\Downloads\3491e402-dfc8-474d-b4c1-44e0e30b2eee.tmp</t>
  </si>
  <si>
    <t>4519a70d-6b1b-4168-bc59-c45193a53ef3.tmp</t>
  </si>
  <si>
    <t>\\acsfs\profiles$\jalilebds\Downloads\4519a70d-6b1b-4168-bc59-c45193a53ef3.tmp</t>
  </si>
  <si>
    <t>$I0STZFM.xlsx</t>
  </si>
  <si>
    <t>\\acsfs\profiles$\jalilebds\Downloads\$RECYCLE.BIN\$I0STZFM.xlsx</t>
  </si>
  <si>
    <t>$I686ZPP.xlsx</t>
  </si>
  <si>
    <t>\\acsfs\profiles$\jalilebds\Downloads\$RECYCLE.BIN\$I686ZPP.xlsx</t>
  </si>
  <si>
    <t>$IL1MOYC.xlsx</t>
  </si>
  <si>
    <t>\\acsfs\profiles$\jalilebds\Downloads\$RECYCLE.BIN\$IL1MOYC.xlsx</t>
  </si>
  <si>
    <t>$ICESH7M.xlsx</t>
  </si>
  <si>
    <t>\\acsfs\profiles$\jalilebds\Downloads\$RECYCLE.BIN\$ICESH7M.xlsx</t>
  </si>
  <si>
    <t>f91288fd-5369-4f8b-a100-b789c47015ae.tmp</t>
  </si>
  <si>
    <t>\\acsfs\profiles$\jalilebds\Downloads\f91288fd-5369-4f8b-a100-b789c47015ae.tmp</t>
  </si>
  <si>
    <t>$IHN79BW.xlsx</t>
  </si>
  <si>
    <t>\\acsfs\profiles$\jalilebds\Downloads\$RECYCLE.BIN\$IHN79BW.xlsx</t>
  </si>
  <si>
    <t>bb688ab6-d064-4b4d-b4e1-6ee48b0b9d87.tmp</t>
  </si>
  <si>
    <t>\\acsfs\profiles$\jalilebds\Downloads\bb688ab6-d064-4b4d-b4e1-6ee48b0b9d87.tmp</t>
  </si>
  <si>
    <t>lu157041ciorx.tmp</t>
  </si>
  <si>
    <t>\\acsfs\profiles$\jalilebds\Downloads\lu157041ciorx.tmp</t>
  </si>
  <si>
    <t>lu157041cios0.tmp</t>
  </si>
  <si>
    <t>\\acsfs\profiles$\jalilebds\Downloads\lu157041cios0.tmp</t>
  </si>
  <si>
    <t>https://caey.fa.us2.oraclecloud.com/crmui/faces/fusewelcome?_adf.ctrl-state=issmgo92u_5</t>
  </si>
  <si>
    <t>C:\Comercial\CONTRATOS\TEMPO SERVIÇOS S.A\SERVICE DESK\Renovação 2020 - 214369 - RFP SD DITI - Bradesco SP\3ª Rodada de Negociação - 29_11_19\</t>
  </si>
  <si>
    <t>Planilha comercial de cotação (CENÁRIO 1 RFP) - Processo 40143349H Algar Tech_v4.xlsx</t>
  </si>
  <si>
    <t>d32514e1-c1c3-4461-9664-38345801570a.tmp</t>
  </si>
  <si>
    <t>\\acsfs\profiles$\edicarlosdl\Downloads\d32514e1-c1c3-4461-9664-38345801570a.tmp</t>
  </si>
  <si>
    <t>e1f0fdaa-0c39-42b1-af47-e590faae6dda.tmp</t>
  </si>
  <si>
    <t>\\acsfs\profiles$\edicarlosdl\Downloads\e1f0fdaa-0c39-42b1-af47-e590faae6dda.tmp</t>
  </si>
  <si>
    <t>978fe249-c6bb-4e35-8cf7-9192c86321be.tmp</t>
  </si>
  <si>
    <t>\\acsfs\profiles$\nathaliarmr\Downloads\978fe249-c6bb-4e35-8cf7-9192c86321be.tmp</t>
  </si>
  <si>
    <t>b5fc360d-5d35-466e-9cb1-5b5dfc668cb5.tmp</t>
  </si>
  <si>
    <t>\\acsfs\profiles$\mariagsg\Downloads\b5fc360d-5d35-466e-9cb1-5b5dfc668cb5.tmp</t>
  </si>
  <si>
    <t>lu157041cios3.tmp</t>
  </si>
  <si>
    <t>\\acsfs\profiles$\jalilebds\Downloads\lu157041cios3.tmp</t>
  </si>
  <si>
    <t>lu157041cios6.tmp</t>
  </si>
  <si>
    <t>\\acsfs\profiles$\jalilebds\Downloads\lu157041cios6.tmp</t>
  </si>
  <si>
    <t>lu157041cios9.tmp</t>
  </si>
  <si>
    <t>\\acsfs\profiles$\jalilebds\Downloads\lu157041cios9.tmp</t>
  </si>
  <si>
    <t>lu157041ciosc.tmp</t>
  </si>
  <si>
    <t>\\acsfs\profiles$\jalilebds\Downloads\lu157041ciosc.tmp</t>
  </si>
  <si>
    <t>55a53e82-a703-4f9f-a2c8-db9c8e3ec79a.tmp</t>
  </si>
  <si>
    <t>\\acsfs\profiles$\gabrielamdp\Downloads\55a53e82-a703-4f9f-a2c8-db9c8e3ec79a.tmp</t>
  </si>
  <si>
    <t>c102d4ce-86b0-4762-b7d8-6a7460219a94.tmp</t>
  </si>
  <si>
    <t>\\acsfs\profiles$\gabrielamdp\Downloads\c102d4ce-86b0-4762-b7d8-6a7460219a94.tmp</t>
  </si>
  <si>
    <t>a858cfe0-95b7-40c9-929b-6a2ed1289af2.tmp</t>
  </si>
  <si>
    <t>\\acsfs\profiles$\gabrielamdp\Downloads\a858cfe0-95b7-40c9-929b-6a2ed1289af2.tmp</t>
  </si>
  <si>
    <t>7d56a08b-6176-4464-944b-683e3aba43b0.tmp</t>
  </si>
  <si>
    <t>\\acsfs\profiles$\gabrielamdp\Downloads\7d56a08b-6176-4464-944b-683e3aba43b0.tmp</t>
  </si>
  <si>
    <t>41a2c68e-68be-46dc-8ede-c747d93db1b7.tmp</t>
  </si>
  <si>
    <t>\\acsfs\profiles$\gabrielamdp\Downloads\41a2c68e-68be-46dc-8ede-c747d93db1b7.tmp</t>
  </si>
  <si>
    <t>c0d34596-f8a1-4456-8cd0-3fb4f8052cd4.tmp</t>
  </si>
  <si>
    <t>\\acsfs\profiles$\gabrielamdp\Downloads\c0d34596-f8a1-4456-8cd0-3fb4f8052cd4.tmp</t>
  </si>
  <si>
    <t>370BCBC8.tmp</t>
  </si>
  <si>
    <t>\\acsfs\ACS\Gabriel da Silva\Contemporânea\Acessos\370BCBC8.tmp</t>
  </si>
  <si>
    <t>6B2D2E1F.tmp</t>
  </si>
  <si>
    <t>\\acsfs\ACS\Gabriel da Silva\Contemporânea\Acessos\6B2D2E1F.tmp</t>
  </si>
  <si>
    <t>9F01EE20.tmp</t>
  </si>
  <si>
    <t>\\acsfs\ACS\Gabriel da Silva\Contemporânea\9F01EE20.tmp</t>
  </si>
  <si>
    <t>02de2e14-f18f-49cd-8b41-ae8e234400d5.tmp</t>
  </si>
  <si>
    <t>\\acsfs\profiles$\KARENDSR\Downloads\02de2e14-f18f-49cd-8b41-ae8e234400d5.tmp</t>
  </si>
  <si>
    <t>78-2B-CB-C1-07-8E</t>
  </si>
  <si>
    <t>VOTORANT-LB003</t>
  </si>
  <si>
    <t>\\acsfs\profiles$\victorgl\Contacts\</t>
  </si>
  <si>
    <t>VICTOR GARCIA LEMOS (10545).contact</t>
  </si>
  <si>
    <t>\\acsfs\profiles$\victorgl\Contacts\VICTOR GARCIA LEMOS (10545).contact</t>
  </si>
  <si>
    <t>\\acsfs\profiles$\victorgl\My Documents\My Videos\</t>
  </si>
  <si>
    <t>\\acsfs\profiles$\victorgl\My Documents\My Videos\desktop.ini</t>
  </si>
  <si>
    <t>\\acsfs\profiles$\victorgl\My Documents\My Pictures\</t>
  </si>
  <si>
    <t>\\acsfs\profiles$\victorgl\My Documents\My Pictures\desktop.ini</t>
  </si>
  <si>
    <t>\\acsfs\profiles$\victorgl\Contacts\desktop.ini</t>
  </si>
  <si>
    <t>\\acsfs\profiles$\victorgl\Favorites\</t>
  </si>
  <si>
    <t>\\acsfs\profiles$\victorgl\Favorites\desktop.ini</t>
  </si>
  <si>
    <t>\\acsfs\profiles$\victorgl\My Documents\My Music\</t>
  </si>
  <si>
    <t>\\acsfs\profiles$\victorgl\My Documents\My Music\desktop.ini</t>
  </si>
  <si>
    <t>\\acsfs\profiles$\victorgl\Searches\</t>
  </si>
  <si>
    <t>\\acsfs\profiles$\victorgl\Searches\desktop.ini</t>
  </si>
  <si>
    <t>\\acsfs\profiles$\victorgl\Downloads\desktop.ini</t>
  </si>
  <si>
    <t>\\acsfs\profiles$\victorgl\My Documents\</t>
  </si>
  <si>
    <t>\\acsfs\profiles$\victorgl\My Documents\desktop.ini</t>
  </si>
  <si>
    <t>\\acsfs\profiles$\victorgl\Saved Games\</t>
  </si>
  <si>
    <t>\\acsfs\profiles$\victorgl\Saved Games\desktop.ini</t>
  </si>
  <si>
    <t>lu157041ciosf.tmp</t>
  </si>
  <si>
    <t>\\acsfs\profiles$\jalilebds\Downloads\lu157041ciosf.tmp</t>
  </si>
  <si>
    <t>lu157041ciosi.tmp</t>
  </si>
  <si>
    <t>\\acsfs\profiles$\jalilebds\Downloads\lu157041ciosi.tmp</t>
  </si>
  <si>
    <t>ANA PAULA DA SILVA BORGES_1_6773683675263483223_1_32.wav</t>
  </si>
  <si>
    <t>\\acsfs\Deptos\EDUCACAO EMPRESARIAL\KÉSIA\Ligações 1º Ciclo - Janeiro 2020\ANA PAULA DA SILVA BORGES_1_6773683675263483223_1_32.wav</t>
  </si>
  <si>
    <t>8affc173-2d43-47e7-bb3e-07f0bfa82b88.tmp</t>
  </si>
  <si>
    <t>\\acsfs\profiles$\sarahbal\Downloads\8affc173-2d43-47e7-bb3e-07f0bfa82b88.tmp</t>
  </si>
  <si>
    <t>d4b65675-1a83-4bc4-8f72-3e1c7b2dce97.tmp</t>
  </si>
  <si>
    <t>\\acsfs\profiles$\alinepp\Downloads\d4b65675-1a83-4bc4-8f72-3e1c7b2dce97.tmp</t>
  </si>
  <si>
    <t>84715327-2fc6-4c89-b817-1546b7a85a30.tmp</t>
  </si>
  <si>
    <t>\\acsfs\profiles$\brunalas\Downloads\84715327-2fc6-4c89-b817-1546b7a85a30.tmp</t>
  </si>
  <si>
    <t>7DDE9B57.tmp</t>
  </si>
  <si>
    <t>\\acsfs\ACS\Gabriel da Silva\Contemporânea\7DDE9B57.tmp</t>
  </si>
  <si>
    <t>D0C2925A.tmp</t>
  </si>
  <si>
    <t>\\acsfs\ACS\Gabriel da Silva\Contemporânea\D0C2925A.tmp</t>
  </si>
  <si>
    <t>a9483505-5ea7-41e3-b949-cf4a4aa9c062.tmp</t>
  </si>
  <si>
    <t>\\acsfs\profiles$\quindaizaagds\Downloads\a9483505-5ea7-41e3-b949-cf4a4aa9c062.tmp</t>
  </si>
  <si>
    <t>596073ee-6430-42cb-8a3a-d11d88735583.tmp</t>
  </si>
  <si>
    <t>\\acsfs\profiles$\mariagsg\Downloads\596073ee-6430-42cb-8a3a-d11d88735583.tmp</t>
  </si>
  <si>
    <t>\\acsfs\profiles$\victorgl\Favorites\Links for Brasil\</t>
  </si>
  <si>
    <t>\\acsfs\profiles$\victorgl\Favorites\Links for Brasil\desktop.ini</t>
  </si>
  <si>
    <t>\\acsfs\profiles$\victorgl\Favorites\Links for Brasil\Microsoft Brasil.url</t>
  </si>
  <si>
    <t>\\acsfs\profiles$\victorgl\Favorites\Links for Brasil\Windows Brasil.url</t>
  </si>
  <si>
    <t>\\acsfs\profiles$\victorgl\Favorites\Links for Brasil\MSN Brasil.url</t>
  </si>
  <si>
    <t>624efc3f-6075-4e41-8349-02e2617a9cff.tmp</t>
  </si>
  <si>
    <t>\\acsfs\profiles$\victorgl\Downloads\624efc3f-6075-4e41-8349-02e2617a9cff.tmp</t>
  </si>
  <si>
    <t>99cbc948-bdf4-4377-9425-adf75969d29c.tmp</t>
  </si>
  <si>
    <t>\\acsfs\profiles$\victorgl\Downloads\99cbc948-bdf4-4377-9425-adf75969d29c.tmp</t>
  </si>
  <si>
    <t>lu157041ciosl.tmp</t>
  </si>
  <si>
    <t>\\acsfs\profiles$\jalilebds\Downloads\lu157041ciosl.tmp</t>
  </si>
  <si>
    <t>8739d237-81e5-4a85-98df-56a0742edf6e.tmp</t>
  </si>
  <si>
    <t>\\acsfs\profiles$\lorenabmc\Downloads\8739d237-81e5-4a85-98df-56a0742edf6e.tmp</t>
  </si>
  <si>
    <t>7595ae30-21f4-43ce-a0f3-d1a0700c653f.tmp</t>
  </si>
  <si>
    <t>\\acsfs\profiles$\erichds\Downloads\7595ae30-21f4-43ce-a0f3-d1a0700c653f.tmp</t>
  </si>
  <si>
    <t>83d13a14-f0ff-4a7e-8319-8d227b0e02a5.tmp</t>
  </si>
  <si>
    <t>\\acsfs\profiles$\rafaelahpn\Downloads\83d13a14-f0ff-4a7e-8319-8d227b0e02a5.tmp</t>
  </si>
  <si>
    <t>a299c2db-d5a4-4d88-9b0f-5973380d6600.tmp</t>
  </si>
  <si>
    <t>\\acsfs\profiles$\sarahbal\Downloads\a299c2db-d5a4-4d88-9b0f-5973380d6600.tmp</t>
  </si>
  <si>
    <t>3ed92607-86c8-4ad2-8abe-0c30632bdba0.tmp</t>
  </si>
  <si>
    <t>\\acsfs\profiles$\alinepp\Downloads\3ed92607-86c8-4ad2-8abe-0c30632bdba0.tmp</t>
  </si>
  <si>
    <t>27d47c09-b5bf-40f3-83aa-243af84612f4.tmp</t>
  </si>
  <si>
    <t>\\acsfs\profiles$\alinepp\Downloads\27d47c09-b5bf-40f3-83aa-243af84612f4.tmp</t>
  </si>
  <si>
    <t>mail.google.com/_/upload?authuser=0&amp;dcp=asu-n&amp;upload_id=AEnB2Upr0BrOZPkDnVdTvJkyLFxYdQ31THLHCaAbhzbpEBHIHOcG5iSgx-xoC1OHGaCkyVfJ-hR7xhgr51ZvGbh2XjNXjeNDZfWk56U_b0Ly_Eyq_PERt3k&amp;upload_protocol=resumable</t>
  </si>
  <si>
    <t>marcosvas@algartech.com;</t>
  </si>
  <si>
    <t>C:\Users\joaonsm\Desktop\</t>
  </si>
  <si>
    <t>Servidores_Windows - BPO.xlsx</t>
  </si>
  <si>
    <t>marcosvas@algartech.com</t>
  </si>
  <si>
    <t>LPU_CNEC_Reajuste 2019_V2.xlsx</t>
  </si>
  <si>
    <t>f8a4972d-6eb4-4eac-87c0-807110eb4c8f.tmp</t>
  </si>
  <si>
    <t>\\acsfs\profiles$\marcellewdl\Downloads\f8a4972d-6eb4-4eac-87c0-807110eb4c8f.tmp</t>
  </si>
  <si>
    <t>\\acsfs\profiles$\rosileiam\My Documents\</t>
  </si>
  <si>
    <t>\\acsfs\profiles$\rosileiam\Favorites\desktop.ini</t>
  </si>
  <si>
    <t>\\acsfs\profiles$\rosileiam\My Documents\My Music\desktop.ini</t>
  </si>
  <si>
    <t>\\acsfs\profiles$\rosileiam\Searches\</t>
  </si>
  <si>
    <t>\\acsfs\profiles$\rosileiam\Searches\desktop.ini</t>
  </si>
  <si>
    <t>\\acsfs\profiles$\rosileiam\Downloads\desktop.ini</t>
  </si>
  <si>
    <t>\\acsfs\profiles$\rosileiam\Favorites\</t>
  </si>
  <si>
    <t>\\acsfs\profiles$\rosileiam\My Documents\desktop.ini</t>
  </si>
  <si>
    <t>\\acsfs\profiles$\rosileiam\Saved Games\desktop.ini</t>
  </si>
  <si>
    <t>winrt--{S-1-5-21-602162358-764733703-839522115-286585}-.searchconnector-ms</t>
  </si>
  <si>
    <t>\\acsfs\profiles$\rosileiam\Searches\winrt--{S-1-5-21-602162358-764733703-839522115-286585}-.searchconnector-ms</t>
  </si>
  <si>
    <t>d0af123c-c730-43e5-b8aa-6fdb8a5b99f4.tmp</t>
  </si>
  <si>
    <t>\\acsfs\profiles$\victorgl\Downloads\d0af123c-c730-43e5-b8aa-6fdb8a5b99f4.tmp</t>
  </si>
  <si>
    <t>5057cb05-801e-4ecb-854c-756b799f2a34.tmp</t>
  </si>
  <si>
    <t>\\acsfs\profiles$\erichds\Downloads\5057cb05-801e-4ecb-854c-756b799f2a34.tmp</t>
  </si>
  <si>
    <t>ERIC HENRIQUE DA SILVA_1_6776365220914861142_1_32.wav</t>
  </si>
  <si>
    <t>\\acsfs\Deptos\EDUCACAO EMPRESARIAL\KÉSIA\Ligações 1º Ciclo - Janeiro 2020\ERIC HENRIQUE DA SILVA_1_6776365220914861142_1_32.wav</t>
  </si>
  <si>
    <t>Receita x Cliente x Tipo Serviço - Fora do Escopo-NIMBUS.xlsx</t>
  </si>
  <si>
    <t>\\acsfs\profiles$\cinthiacsda\My Documents\dbxwc\</t>
  </si>
  <si>
    <t>\\acsfs\profiles$\cinthiacsda\My Documents\dbxwc\dbxwc.xwc</t>
  </si>
  <si>
    <t>outlook.office.com/owa/service.svc?action=CreateItem&amp;app=Mail&amp;n=326</t>
  </si>
  <si>
    <t>andrelpsa@algartech.com;antoniocoj@algartech.com;eliane.martins@bv.com.br;leonardoao@algartech.com;ricardodfm@algartech.com.br;</t>
  </si>
  <si>
    <t>andrelpsa@algartech.com,antoniocoj@algartech.com,eliane.martins@bv.com.br,leonardoao@algartech.com,ricardodfm@algartech.com.br</t>
  </si>
  <si>
    <t>outlook.office.com/owa/service.svc?action=UpdateItem&amp;app=Mail&amp;n=328</t>
  </si>
  <si>
    <t>outlook.office.com/owa/service.svc?action=UpdateItem&amp;app=Mail&amp;n=330</t>
  </si>
  <si>
    <t>lu10736rwc3g.tmp</t>
  </si>
  <si>
    <t>\\acsfs\profiles$\marcellewdl\My Documents\lu10736rwc3g.tmp</t>
  </si>
  <si>
    <t>\\acsfs\profiles$\marcellewdl\My Documents\lu10736rwc3g.tmp\</t>
  </si>
  <si>
    <t>\\acsfs\profiles$\marcellewdl\My Documents\lu10736rwc3g.tmp\META-INF\</t>
  </si>
  <si>
    <t>\\acsfs\profiles$\marcellewdl\My Documents\lu10736rwc3g.tmp\Thumbnails\</t>
  </si>
  <si>
    <t>ee355505-2b72-4cea-aa4d-764e65297a8f.tmp</t>
  </si>
  <si>
    <t>\\acsfs\profiles$\rosileiam\Downloads\ee355505-2b72-4cea-aa4d-764e65297a8f.tmp</t>
  </si>
  <si>
    <t>168921bf-e069-4976-90fc-093fd15b702b.tmp</t>
  </si>
  <si>
    <t>\\acsfs\profiles$\rosileiam\Downloads\168921bf-e069-4976-90fc-093fd15b702b.tmp</t>
  </si>
  <si>
    <t>a9cf5f6b-5f7d-4b5e-93f7-b701d0702556.tmp</t>
  </si>
  <si>
    <t>\\acsfs\profiles$\LUCASNS\Downloads\a9cf5f6b-5f7d-4b5e-93f7-b701d0702556.tmp</t>
  </si>
  <si>
    <t>BV Cartões- DICAS DE CHECKLIST.docx</t>
  </si>
  <si>
    <t>\\acsfs\DEPTOS\Operacao\Banco_Votorantim\Qualidade\Anderson\Jose\BV Cartões- DICAS DE CHECKLIST.docx</t>
  </si>
  <si>
    <t>IFRS16 - CR 341200018.xlsx</t>
  </si>
  <si>
    <t>lu157041cioso.tmp</t>
  </si>
  <si>
    <t>\\acsfs\profiles$\jalilebds\Downloads\lu157041cioso.tmp</t>
  </si>
  <si>
    <t>lu200321cmoly.tmp</t>
  </si>
  <si>
    <t>\\acsfs\profiles$\luanarda\lu200321cmoly.tmp</t>
  </si>
  <si>
    <t>\\acsfs\profiles$\luanarda\lu200321cmoly.tmp\</t>
  </si>
  <si>
    <t>\\acsfs\profiles$\luanarda\lu200321cmoly.tmp\META-INF\</t>
  </si>
  <si>
    <t>\\acsfs\profiles$\luanarda\lu200321cmoly.tmp\Thumbnails\</t>
  </si>
  <si>
    <t>rayannerd@algartech.com.br;</t>
  </si>
  <si>
    <t>ENC: Produtividade CRCe - Parcial Janeiro</t>
  </si>
  <si>
    <t>Produtividade CRC Amex e CRC VMC - Janeiro.xlsb</t>
  </si>
  <si>
    <t>rayannerd@algartech.com.br</t>
  </si>
  <si>
    <t>NATALIA CRISTINA DOS SANTOS LIMA_1_6773960352761708851_1_32.wav</t>
  </si>
  <si>
    <t>\\acsfs\Deptos\EDUCACAO EMPRESARIAL\KÉSIA\Ligações 1º Ciclo - Janeiro 2020\NATALIA CRISTINA DOS SANTOS LIMA_1_6773960352761708851_1_32.wav</t>
  </si>
  <si>
    <t>94c2f739-7515-46a2-9066-507c826b6ece.tmp</t>
  </si>
  <si>
    <t>\\acsfs\profiles$\wenderbnm\Downloads\94c2f739-7515-46a2-9066-507c826b6ece.tmp</t>
  </si>
  <si>
    <t>6f770ba2-7bae-4896-b294-4a48893e504e.tmp</t>
  </si>
  <si>
    <t>\\acsfs\profiles$\rafaelahpn\Downloads\6f770ba2-7bae-4896-b294-4a48893e504e.tmp</t>
  </si>
  <si>
    <t>mail.google.com/sync/u/0/i/bv?hl=pt-BR&amp;c=48</t>
  </si>
  <si>
    <t>lu126988wnnszv.tmp</t>
  </si>
  <si>
    <t>\\acsfs\DEPTOS\Operacao\Banco_Votorantim\Supervisao\SUPERS BV CARTÕES\ANA VITORIA\APOIO\lu126988wnnszv.tmp</t>
  </si>
  <si>
    <t>outlook.office.com/owa/service.svc?action=UpdateItem&amp;app=Mail&amp;n=338</t>
  </si>
  <si>
    <t>andrelpsa@algartech.com;antoniocoj@algartech.com;eliane.martins@bv.com.br;gabrielsma@bv.algartech.com;leonardoao@algartech.com;ricardodfm@algartech.com.br;</t>
  </si>
  <si>
    <t>andrelpsa@algartech.com,antoniocoj@algartech.com,eliane.martins@bv.com.br,gabrielsma@bv.algartech.com,leonardoao@algartech.com,ricardodfm@algartech.com.br</t>
  </si>
  <si>
    <t>outlook.office.com/owa/service.svc?action=UpdateItem&amp;app=Mail&amp;n=343</t>
  </si>
  <si>
    <t>outlook.office.com/owa/service.svc?action=CreateItem&amp;app=Mail&amp;n=357</t>
  </si>
  <si>
    <t>andrelpsa@algartech.com;antoniocoj@algartech.com;eliane.martins@bv.com.br;gabrielsma@bv.algartech.com;karinefg@algartech.com;leonardoao@algartech.com;ricardodfm@algartech.com.br;</t>
  </si>
  <si>
    <t>andrelpsa@algartech.com,antoniocoj@algartech.com,eliane.martins@bv.com.br,gabrielsma@bv.algartech.com,karinefg@algartech.com,leonardoao@algartech.com,ricardodfm@algartech.com.br</t>
  </si>
  <si>
    <t>outlook.office.com/owa/service.svc?action=CreateItem&amp;app=Mail&amp;n=370</t>
  </si>
  <si>
    <t>outlook.office.com/owa/service.svc?action=CreateItem&amp;app=Mail&amp;n=386</t>
  </si>
  <si>
    <t>outlook.office.com/owa/service.svc?action=CreateItem&amp;app=Mail&amp;n=399</t>
  </si>
  <si>
    <t>\\acsfs\deptos\secretarias diretoria\assessoras\contratos - algar tech\2020\protocolos devolução\</t>
  </si>
  <si>
    <t>1.xlsx</t>
  </si>
  <si>
    <t>COORDENACAO INFRAESTRUTURA</t>
  </si>
  <si>
    <t>10.200.58.168</t>
  </si>
  <si>
    <t>D8-9C-67-6F-2A-D1</t>
  </si>
  <si>
    <t>NB-LUIZEG</t>
  </si>
  <si>
    <t>rodolfogv</t>
  </si>
  <si>
    <t>C:\Users\rodolfogv\Desktop\</t>
  </si>
  <si>
    <t>Nova Geografia - Campinas.xlsb</t>
  </si>
  <si>
    <t>ances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m,permiss,permissionid,pict,picture,quotabytesused,rpermissions,shareable,shared,sharedwithmedate,thumbnailversion,title,userpermission(role),uuxf===== cont,workspaceids</t>
  </si>
  <si>
    <t>2d4f0f71-b66f-4c5b-9716-d83bdcf4c5ed.tmp</t>
  </si>
  <si>
    <t>\\acsfs\profiles$\henriquehmdo\Downloads\2d4f0f71-b66f-4c5b-9716-d83bdcf4c5ed.tmp</t>
  </si>
  <si>
    <t>8658303b-ff66-4921-b560-148efc4b3411.tmp</t>
  </si>
  <si>
    <t>\\acsfs\profiles$\gabrielafs\Downloads\8658303b-ff66-4921-b560-148efc4b3411.tmp</t>
  </si>
  <si>
    <t>7bf81fd8-e7a3-4d30-a691-cfd299b77450.tmp</t>
  </si>
  <si>
    <t>\\acsfs\profiles$\gabrielafs\Downloads\7bf81fd8-e7a3-4d30-a691-cfd299b77450.tmp</t>
  </si>
  <si>
    <t>95ded305-a125-4748-8e4f-b0bbec9e8920.tmp</t>
  </si>
  <si>
    <t>\\acsfs\profiles$\LUCASNS\Downloads\95ded305-a125-4748-8e4f-b0bbec9e8920.tmp</t>
  </si>
  <si>
    <t>10.200.67.153</t>
  </si>
  <si>
    <t>\\acsfs\profiles$\vivianibfs\Contacts\</t>
  </si>
  <si>
    <t>VIVIAN ISCARLET BATISTA FELIX SILVA (23517).contact</t>
  </si>
  <si>
    <t>\\acsfs\profiles$\vivianibfs\Contacts\VIVIAN ISCARLET BATISTA FELIX SILVA (23517).contact</t>
  </si>
  <si>
    <t>\\acsfs\profiles$\vivianibfs\My Documents\My Videos\</t>
  </si>
  <si>
    <t>\\acsfs\profiles$\vivianibfs\My Documents\My Videos\desktop.ini</t>
  </si>
  <si>
    <t>\\acsfs\profiles$\vivianibfs\My Documents\My Pictures\</t>
  </si>
  <si>
    <t>\\acsfs\profiles$\vivianibfs\My Documents\My Pictures\desktop.ini</t>
  </si>
  <si>
    <t>\\acsfs\profiles$\vivianibfs\Contacts\desktop.ini</t>
  </si>
  <si>
    <t>\\acsfs\profiles$\vivianibfs\Favorites\</t>
  </si>
  <si>
    <t>\\acsfs\profiles$\vivianibfs\Favorites\desktop.ini</t>
  </si>
  <si>
    <t>\\acsfs\profiles$\vivianibfs\My Documents\My Music\</t>
  </si>
  <si>
    <t>\\acsfs\profiles$\vivianibfs\My Documents\My Music\desktop.ini</t>
  </si>
  <si>
    <t>\\acsfs\profiles$\vivianibfs\Searches\</t>
  </si>
  <si>
    <t>\\acsfs\profiles$\vivianibfs\Searches\desktop.ini</t>
  </si>
  <si>
    <t>\\acsfs\profiles$\vivianibfs\Downloads\desktop.ini</t>
  </si>
  <si>
    <t>\\acsfs\profiles$\vivianibfs\My Documents\</t>
  </si>
  <si>
    <t>\\acsfs\profiles$\vivianibfs\My Documents\desktop.ini</t>
  </si>
  <si>
    <t>\\acsfs\profiles$\vivianibfs\Saved Games\</t>
  </si>
  <si>
    <t>\\acsfs\profiles$\vivianibfs\Saved Games\desktop.ini</t>
  </si>
  <si>
    <t>\\acsfs\profiles$\vivianibfs\Favorites\Links for Brasil\</t>
  </si>
  <si>
    <t>\\acsfs\profiles$\vivianibfs\Favorites\Links for Brasil\desktop.ini</t>
  </si>
  <si>
    <t>\\acsfs\profiles$\vivianibfs\Favorites\Links for Brasil\Microsoft Brasil.url</t>
  </si>
  <si>
    <t>\\acsfs\profiles$\vivianibfs\Favorites\Links for Brasil\Windows Brasil.url</t>
  </si>
  <si>
    <t>\\acsfs\profiles$\vivianibfs\Favorites\Links for Brasil\MSN Brasil.url</t>
  </si>
  <si>
    <t>5d6717e9-9b83-4c56-bcae-e625a2f51fcd.tmp</t>
  </si>
  <si>
    <t>\\acsfs\profiles$\philipegsf\Downloads\5d6717e9-9b83-4c56-bcae-e625a2f51fcd.tmp</t>
  </si>
  <si>
    <t>49b7da56-2c6f-4729-bc7b-5862d134c752.tmp</t>
  </si>
  <si>
    <t>\\acsfs\profiles$\philipegsf\Downloads\49b7da56-2c6f-4729-bc7b-5862d134c752.tmp</t>
  </si>
  <si>
    <t>6b9806de-e36e-49c7-b7b8-eb4f9be45e16.tmp</t>
  </si>
  <si>
    <t>\\acsfs\profiles$\fabianobmf\Downloads\6b9806de-e36e-49c7-b7b8-eb4f9be45e16.tmp</t>
  </si>
  <si>
    <t>66d780d6-baa3-4002-bcd7-26fe9dc2d8d7.tmp</t>
  </si>
  <si>
    <t>\\acsfs\profiles$\fabianobmf\Downloads\66d780d6-baa3-4002-bcd7-26fe9dc2d8d7.tmp</t>
  </si>
  <si>
    <t>mail.google.com/_/upload?authuser=0&amp;dcp=asu-n&amp;upload_id=AEnB2UpM5WlWWZExE2z-jgdPJPdGMEwM004uxhPEhExjGycmmbYuXyoZN9SIcUAtvgs-8PZ__qIhwPdopAHxz9DwsM1JxfkL1K-tc7dPoDw1iWHnarWr9n8&amp;upload_protocol=resumable</t>
  </si>
  <si>
    <t>ana.rugai@cscalgar.com.br;augustocdam@algartech.com;cid.fructuoso@cscalgar.com.br;cristiano.campaner@cscalgar.com.br;diegorg@algartech.com;silke.krause@cscalgar.com.br;victoria.meneghetti@cscalgar.com.br;</t>
  </si>
  <si>
    <t>\\acsfs\deptos\PMO Governança\08 - GOVERNANÇA DE COMPRAS\02 - Apresentações CCC\12 - Dezembro\</t>
  </si>
  <si>
    <t>Conferência Tipo de Processo.xlsx</t>
  </si>
  <si>
    <t>ana.rugai@cscalgar.com.br,augustocdam@algartech.com,cid.fructuoso@cscalgar.com.br,cristiano.campaner@cscalgar.com.br,diegorg@algartech.com,silke.krause@cscalgar.com.br,victoria.meneghetti@cscalgar.com.br</t>
  </si>
  <si>
    <t>231cd220-9e37-4c01-b92f-2608fc3f4eee.tmp</t>
  </si>
  <si>
    <t>\\acsfs\profiles$\lorrainerdl\Downloads\231cd220-9e37-4c01-b92f-2608fc3f4eee.tmp</t>
  </si>
  <si>
    <t>\\acsfs\ACS\001 - Qualidade Lilian\PAULO\Pasta Tainara\</t>
  </si>
  <si>
    <t>Chat Talmaia.PNG</t>
  </si>
  <si>
    <t>\\acsfs\ACS\001 - Qualidade Lilian\PAULO\Pasta Tainara\Chat Talmaia.PNG</t>
  </si>
  <si>
    <t>964301ac-6126-4bbc-bc22-c41dacd869b1.tmp</t>
  </si>
  <si>
    <t>\\acsfs\profiles$\brendadsl\Downloads\964301ac-6126-4bbc-bc22-c41dacd869b1.tmp</t>
  </si>
  <si>
    <t>ED68E846.tmp</t>
  </si>
  <si>
    <t>\\acsfs\ACS\Gabriel da Silva\Contemporânea\Acessos\ED68E846.tmp</t>
  </si>
  <si>
    <t>mail.google.com/_/upload?authuser=0&amp;dcp=asu-n&amp;upload_id=AEnB2Uqv7iyphbtEBrpXFoVRw-E-0_UCYBop5vpgxNjtlHKdm1l0r-5eeCZMsNpnwxtIxR8mSuDVYojJ_8IOzK8xXb1TKon-95JmSJnv5KxRYDbXcr6um00&amp;upload_protocol=resumable</t>
  </si>
  <si>
    <t>Servidores_BRADESCO.xlsx</t>
  </si>
  <si>
    <t>f6ffa1ed-fdf2-4dc6-bab2-a10c73bb9ef7.tmp</t>
  </si>
  <si>
    <t>\\acsfs\profiles$\anafsb\Downloads\f6ffa1ed-fdf2-4dc6-bab2-a10c73bb9ef7.tmp</t>
  </si>
  <si>
    <t>163a7f1d-5e75-462b-86a0-d6a1372a1313.tmp</t>
  </si>
  <si>
    <t>\\acsfs\profiles$\anafsb\Downloads\163a7f1d-5e75-462b-86a0-d6a1372a1313.tmp</t>
  </si>
  <si>
    <t>6aa9a441-de71-4de4-8244-04c45fc6235f.tmp</t>
  </si>
  <si>
    <t>\\acsfs\profiles$\anafsb\Downloads\6aa9a441-de71-4de4-8244-04c45fc6235f.tmp</t>
  </si>
  <si>
    <t>2c683d8a-5e88-4cbc-b4d5-0d3404fafcec.tmp</t>
  </si>
  <si>
    <t>\\acsfs\profiles$\anafsb\Downloads\2c683d8a-5e88-4cbc-b4d5-0d3404fafcec.tmp</t>
  </si>
  <si>
    <t>4810e4d4-76d9-44db-919c-d7b8f34f719f.tmp</t>
  </si>
  <si>
    <t>\\acsfs\profiles$\regisadsa\Downloads\4810e4d4-76d9-44db-919c-d7b8f34f719f.tmp</t>
  </si>
  <si>
    <t>ff3a7320-48d7-4d43-859b-2e6a95f7ed9c.tmp</t>
  </si>
  <si>
    <t>\\acsfs\profiles$\vivianibfs\Downloads\ff3a7320-48d7-4d43-859b-2e6a95f7ed9c.tmp</t>
  </si>
  <si>
    <t>6849bd9a-151c-4b58-a4f1-fbb97510a73b.tmp</t>
  </si>
  <si>
    <t>\\acsfs\profiles$\vivianibfs\Downloads\6849bd9a-151c-4b58-a4f1-fbb97510a73b.tmp</t>
  </si>
  <si>
    <t>de12eefa-1789-4b3f-b321-700b586b3e28.tmp</t>
  </si>
  <si>
    <t>\\acsfs\profiles$\vivianibfs\Downloads\de12eefa-1789-4b3f-b321-700b586b3e28.tmp</t>
  </si>
  <si>
    <t>68966d59-4ae5-430c-a436-6edcfa16b090.tmp</t>
  </si>
  <si>
    <t>\\acsfs\profiles$\vivianibfs\Downloads\68966d59-4ae5-430c-a436-6edcfa16b090.tmp</t>
  </si>
  <si>
    <t>07f727a5-7c70-4544-8a19-9157d8c68f19.tmp</t>
  </si>
  <si>
    <t>\\acsfs\profiles$\sarahbal\Downloads\07f727a5-7c70-4544-8a19-9157d8c68f19.tmp</t>
  </si>
  <si>
    <t>36004909-dde5-41e1-b574-5ca1fd939efa.tmp</t>
  </si>
  <si>
    <t>\\acsfs\profiles$\THYAGOSP\Downloads\36004909-dde5-41e1-b574-5ca1fd939efa.tmp</t>
  </si>
  <si>
    <t>7469AF75.tmp</t>
  </si>
  <si>
    <t>\\acsfs\ACS\Gabriel da Silva\Contemporânea\7469AF75.tmp</t>
  </si>
  <si>
    <t>FD0C73D0.tmp</t>
  </si>
  <si>
    <t>\\acsfs\ACS\Gabriel da Silva\Contemporânea\Acessos\FD0C73D0.tmp</t>
  </si>
  <si>
    <t>81B1476D.tmp</t>
  </si>
  <si>
    <t>\\acsfs\ACS\Gabriel da Silva\Contemporânea\81B1476D.tmp</t>
  </si>
  <si>
    <t>2b78d084-2b6a-4042-8f6a-0d98e2efc04f.tmp</t>
  </si>
  <si>
    <t>\\acsfs\profiles$\rosileiam\Downloads\2b78d084-2b6a-4042-8f6a-0d98e2efc04f.tmp</t>
  </si>
  <si>
    <t>862784ae-b45b-481a-b4cb-a960c6818288.tmp</t>
  </si>
  <si>
    <t>\\acsfs\profiles$\nayarasds\Downloads\862784ae-b45b-481a-b4cb-a960c6818288.tmp</t>
  </si>
  <si>
    <t>6f02a29e-cc35-4c96-a8aa-3cf47901bd1e.tmp</t>
  </si>
  <si>
    <t>\\acsfs\profiles$\kellzylenneasr\Downloads\6f02a29e-cc35-4c96-a8aa-3cf47901bd1e.tmp</t>
  </si>
  <si>
    <t>gabrielpm@algartech.com.br;</t>
  </si>
  <si>
    <t>ENC: Painel UCB e Vale - Dezembro</t>
  </si>
  <si>
    <t>Dezembro_ UCB e VALE.xlsm</t>
  </si>
  <si>
    <t>gabrielpm@algartech.com.br</t>
  </si>
  <si>
    <t>\\acsfs\ACS\001 - Qualidade Lilian\PAULO\Pasta Tainara\Thumbs.db</t>
  </si>
  <si>
    <t>chat Talmaia 2.PNG</t>
  </si>
  <si>
    <t>\\acsfs\ACS\001 - Qualidade Lilian\PAULO\Pasta Tainara\chat Talmaia 2.PNG</t>
  </si>
  <si>
    <t>4affc79d-ee26-4b1d-9d4c-bf04ec024f28.tmp</t>
  </si>
  <si>
    <t>\\acsfs\profiles$\THYAGOSP\Downloads\4affc79d-ee26-4b1d-9d4c-bf04ec024f28.tmp</t>
  </si>
  <si>
    <t>615F9728.tmp</t>
  </si>
  <si>
    <t>\\acsfs\ACS\Gabriel da Silva\Contemporânea\Acessos\615F9728.tmp</t>
  </si>
  <si>
    <t>0e650ba3-7d43-4847-93c9-a8fc06361e65.tmp</t>
  </si>
  <si>
    <t>\\acsfs\profiles$\henriquehmdo\Downloads\0e650ba3-7d43-4847-93c9-a8fc06361e65.tmp</t>
  </si>
  <si>
    <t>e44f4e13-13eb-4ba3-864c-dbb2dcd91e5f.tmp</t>
  </si>
  <si>
    <t>\\acsfs\profiles$\henriquehmdo\Downloads\e44f4e13-13eb-4ba3-864c-dbb2dcd91e5f.tmp</t>
  </si>
  <si>
    <t>1e2095cf-f9bd-48a6-9f52-37e7da51ae2c.tmp</t>
  </si>
  <si>
    <t>\\acsfs\profiles$\anafsb\Downloads\1e2095cf-f9bd-48a6-9f52-37e7da51ae2c.tmp</t>
  </si>
  <si>
    <t>47143591-599b-4a27-959d-402a82489b1d.tmp</t>
  </si>
  <si>
    <t>\\acsfs\profiles$\jalilebds\Downloads\47143591-599b-4a27-959d-402a82489b1d.tmp</t>
  </si>
  <si>
    <t>.~lock.filas 1721 1725 e 1724 JA TRATADOS (1) (1).xlsx#</t>
  </si>
  <si>
    <t>\\acsfs\profiles$\jalilebds\Downloads\.~lock.filas 1721 1725 e 1724 JA TRATADOS (1) (1).xlsx#</t>
  </si>
  <si>
    <t>a52b3dab-ec68-41cd-b9df-4e8a64c9f594.tmp</t>
  </si>
  <si>
    <t>\\acsfs\profiles$\vivianibfs\Downloads\a52b3dab-ec68-41cd-b9df-4e8a64c9f594.tmp</t>
  </si>
  <si>
    <t>\\acsfs\deptos\Operacao\PCP\5 - Comum\PLANEJAMENTO BV\23 - EXTRAÇÕES\Queue Summary Report\</t>
  </si>
  <si>
    <t>Queue Summary Report 01.12- 19.12 - Cópia.xlsx</t>
  </si>
  <si>
    <t>\\acsfs\deptos\Operacao\PCP\5 - Comum\PLANEJAMENTO BV\23 - EXTRAÇÕES\Queue Summary Report\Queue Summary Report 01.12- 19.12 - Cópia.xlsx</t>
  </si>
  <si>
    <t>Queue Summary Report20.12 -31.12.xlsx</t>
  </si>
  <si>
    <t>\\acsfs\deptos\Operacao\PCP\5 - Comum\PLANEJAMENTO BV\23 - EXTRAÇÕES\Queue Summary Report\Queue Summary Report20.12 -31.12.xlsx</t>
  </si>
  <si>
    <t>95e6e7a6-d3b9-488b-996c-e25dc4315cbc.tmp</t>
  </si>
  <si>
    <t>\\acsfs\profiles$\sarahbal\Downloads\95e6e7a6-d3b9-488b-996c-e25dc4315cbc.tmp</t>
  </si>
  <si>
    <t>c324638e-e24e-4670-b02e-655aba8beb43.tmp</t>
  </si>
  <si>
    <t>\\acsfs\profiles$\sarahbal\Downloads\c324638e-e24e-4670-b02e-655aba8beb43.tmp</t>
  </si>
  <si>
    <t>F2444CFF.tmp</t>
  </si>
  <si>
    <t>\\acsfs\ACS\Gabriel da Silva\Contemporânea\F2444CFF.tmp</t>
  </si>
  <si>
    <t>lu157041ciosu.tmp</t>
  </si>
  <si>
    <t>\\acsfs\profiles$\jalilebds\Downloads\lu157041ciosu.tmp</t>
  </si>
  <si>
    <t>lu157041ciosx.tmp</t>
  </si>
  <si>
    <t>\\acsfs\profiles$\jalilebds\Downloads\lu157041ciosx.tmp</t>
  </si>
  <si>
    <t>Queue Summary Report20.12 -31.12 - Cópia.xlsx</t>
  </si>
  <si>
    <t>\\acsfs\deptos\Operacao\PCP\5 - Comum\PLANEJAMENTO BV\23 - EXTRAÇÕES\Queue Summary Report\Queue Summary Report20.12 -31.12 - Cópia.xlsx</t>
  </si>
  <si>
    <t>Relatório Boticário.xlsx</t>
  </si>
  <si>
    <t>andrelpsa@algartech.com;gabrielsma@bv.algartech.com;jose.gomes@bv.com.br;rafael.cavalcante@bv.com.br;supervisaobancovotorantim@algartech.com;</t>
  </si>
  <si>
    <t>andrelpsa@algartech.com,gabrielsma@bv.algartech.com,jose.gomes@bv.com.br,rafael.cavalcante@bv.com.br,supervisaobancovotorantim@algartech.com</t>
  </si>
  <si>
    <t>c5a895be-efb6-4d21-a35c-aee2eccc1769.tmp</t>
  </si>
  <si>
    <t>\\acsfs\profiles$\KARENJSS\Downloads\c5a895be-efb6-4d21-a35c-aee2eccc1769.tmp</t>
  </si>
  <si>
    <t>9CB8922.tmp</t>
  </si>
  <si>
    <t>\\acsfs\ACS\Gabriel da Silva\Contemporânea\Acessos\9CB8922.tmp</t>
  </si>
  <si>
    <t>2DB99637.tmp</t>
  </si>
  <si>
    <t>\\acsfs\ACS\Gabriel da Silva\Contemporânea\Acessos\2DB99637.tmp</t>
  </si>
  <si>
    <t>~$xdocxComunc.xlsx</t>
  </si>
  <si>
    <t>\\acsfs\ACS\Gabriel da Silva\Contemporânea\Acessos\~$xdocxComunc.xlsx</t>
  </si>
  <si>
    <t>542877bf-58e6-443d-b3e1-d875d02fa90a.tmp</t>
  </si>
  <si>
    <t>\\acsfs\profiles$\rafaelacdoc\Downloads\542877bf-58e6-443d-b3e1-d875d02fa90a.tmp</t>
  </si>
  <si>
    <t>31ccc1d5-508e-458a-813f-f545c7009b31.tmp</t>
  </si>
  <si>
    <t>\\acsfs\profiles$\rafaelacdoc\Downloads\31ccc1d5-508e-458a-813f-f545c7009b31.tmp</t>
  </si>
  <si>
    <t>5b76ff9a-5b6c-455a-92d1-b48a1f368cb8.tmp</t>
  </si>
  <si>
    <t>\\acsfs\profiles$\anafsb\Downloads\5b76ff9a-5b6c-455a-92d1-b48a1f368cb8.tmp</t>
  </si>
  <si>
    <t>9a70fd34-db5c-4845-be93-73c4a3f6e882.tmp</t>
  </si>
  <si>
    <t>\\acsfs\profiles$\anafsb\Downloads\9a70fd34-db5c-4845-be93-73c4a3f6e882.tmp</t>
  </si>
  <si>
    <t>7e1a9e2a-2016-47eb-9bf1-49d7d5bafc49.tmp</t>
  </si>
  <si>
    <t>\\acsfs\profiles$\anafsb\Downloads\7e1a9e2a-2016-47eb-9bf1-49d7d5bafc49.tmp</t>
  </si>
  <si>
    <t>eab7e443-3204-4599-9d9c-20e2fcf340b0.tmp</t>
  </si>
  <si>
    <t>\\acsfs\profiles$\wedersonbadr\My Documents\My Music\eab7e443-3204-4599-9d9c-20e2fcf340b0.tmp</t>
  </si>
  <si>
    <t>d0316ea4-75b4-4767-8dce-816eeed5b26e.tmp</t>
  </si>
  <si>
    <t>\\acsfs\profiles$\wedersonbadr\My Documents\My Music\d0316ea4-75b4-4767-8dce-816eeed5b26e.tmp</t>
  </si>
  <si>
    <t>3f61cc9f-0c4c-4d4b-ac94-15158d507a9e.tmp</t>
  </si>
  <si>
    <t>\\acsfs\profiles$\wedersonbadr\My Documents\My Music\3f61cc9f-0c4c-4d4b-ac94-15158d507a9e.tmp</t>
  </si>
  <si>
    <t>8c605fc6-84bb-4afd-bd4b-d20c0cf20286.tmp</t>
  </si>
  <si>
    <t>\\acsfs\profiles$\philipegsf\Downloads\8c605fc6-84bb-4afd-bd4b-d20c0cf20286.tmp</t>
  </si>
  <si>
    <t>8a5b2ee7-3cb6-4292-aaf7-4a38471374d1.tmp</t>
  </si>
  <si>
    <t>\\acsfs\profiles$\fabianafv\Downloads\8a5b2ee7-3cb6-4292-aaf7-4a38471374d1.tmp</t>
  </si>
  <si>
    <t>SERVICOS ESPECIALISTAS BPO</t>
  </si>
  <si>
    <t>10.200.32.214</t>
  </si>
  <si>
    <t>D0-94-66-DB-2D-F7</t>
  </si>
  <si>
    <t>SEDE-D12O</t>
  </si>
  <si>
    <t>walissonrs</t>
  </si>
  <si>
    <t>walissonrs@algartech.com</t>
  </si>
  <si>
    <t>cei-projetostransanionais@algartech.com;diegocp@algartech.com;lazarosc@algartech.com;maicowjp@algartech.com;renatobrl@algartech.com;sustentacao_bradesco@algartech.com.br;</t>
  </si>
  <si>
    <t>C:\Users\walissonrs\Desktop\</t>
  </si>
  <si>
    <t>Posições.xlsx</t>
  </si>
  <si>
    <t>cei-projetostransanionais@algartech.com,diegocp@algartech.com,lazarosc@algartech.com,maicowjp@algartech.com,renatobrl@algartech.com,sustentacao_bradesco@algartech.com.br</t>
  </si>
  <si>
    <t>c8cfeb7a-4c5d-4092-acfe-a37fc850562d.tmp</t>
  </si>
  <si>
    <t>\\acsfs\profiles$\fabianafv\Downloads\c8cfeb7a-4c5d-4092-acfe-a37fc850562d.tmp</t>
  </si>
  <si>
    <t>c77f627f-7a27-42b2-a3d8-ad11e1c29705.tmp</t>
  </si>
  <si>
    <t>\\acsfs\profiles$\francislayneads\Downloads\c77f627f-7a27-42b2-a3d8-ad11e1c29705.tmp</t>
  </si>
  <si>
    <t>5e000853-85d7-4faa-8d2b-c397ee9ea1ac.tmp</t>
  </si>
  <si>
    <t>\\acsfs\profiles$\LUISPLS\Downloads\5e000853-85d7-4faa-8d2b-c397ee9ea1ac.tmp</t>
  </si>
  <si>
    <t>ac57cc16-30b1-469d-bde4-212e494b943a.tmp</t>
  </si>
  <si>
    <t>\\acsfs\profiles$\cintiadjl\Downloads\ac57cc16-30b1-469d-bde4-212e494b943a.tmp</t>
  </si>
  <si>
    <t>6ae3d3ff-0a83-4afe-b6bd-f3d6dbf7e9e2.tmp</t>
  </si>
  <si>
    <t>\\acsfs\profiles$\cintiadjl\Downloads\6ae3d3ff-0a83-4afe-b6bd-f3d6dbf7e9e2.tmp</t>
  </si>
  <si>
    <t>4c700890-6917-466a-a188-d72c1259242a.tmp</t>
  </si>
  <si>
    <t>\\acsfs\profiles$\wenderbnm\Downloads\4c700890-6917-466a-a188-d72c1259242a.tmp</t>
  </si>
  <si>
    <t>C:\Users\robsonams\Downloads\</t>
  </si>
  <si>
    <t>Usuários bloqueados-Algar v2 (1).xlsx</t>
  </si>
  <si>
    <t>62E356BA.tmp</t>
  </si>
  <si>
    <t>\\acsfs\ACS\Gabriel da Silva\Contemporânea\Acessos\62E356BA.tmp</t>
  </si>
  <si>
    <t>3328b715-6a0f-4303-af97-72f95f701830.tmp</t>
  </si>
  <si>
    <t>\\acsfs\profiles$\henriqueco\Downloads\3328b715-6a0f-4303-af97-72f95f701830.tmp</t>
  </si>
  <si>
    <t>535c24e1-69f3-456b-a034-e75390b40d89.tmp</t>
  </si>
  <si>
    <t>\\acsfs\profiles$\henriqueco\Downloads\535c24e1-69f3-456b-a034-e75390b40d89.tmp</t>
  </si>
  <si>
    <t>87ccc0ca-dc64-4dcb-8a1d-2949ec28fed9.tmp</t>
  </si>
  <si>
    <t>\\acsfs\profiles$\gabrielafs\Downloads\87ccc0ca-dc64-4dcb-8a1d-2949ec28fed9.tmp</t>
  </si>
  <si>
    <t>\\acsfs\DEPTOS\Operacao\Banco_Votorantim\Supervisao\SUPERS BV CARTÕES\ADILSON\JOAO VICTOR\JOAO VICTOR\Campanhas\Proposta Campanha BBB atualiza.pptx\</t>
  </si>
  <si>
    <t>\\acsfs\DEPTOS\Operacao\Banco_Votorantim\Supervisao\SUPERS BV CARTÕES\ADILSON\JOAO VICTOR\JOAO VICTOR\Campanhas\Proposta Campanha BBB atualiza.pptx</t>
  </si>
  <si>
    <t>image5.emf</t>
  </si>
  <si>
    <t>image6.emf</t>
  </si>
  <si>
    <t>image7.emf</t>
  </si>
  <si>
    <t>\\acsfs\DEPTOS\Operacao\Banco_Votorantim\Supervisao\SUPERS BV CARTÕES\ADILSON\JOAO VICTOR\JOAO VICTOR\Campanhas\</t>
  </si>
  <si>
    <t>Proposta Campanha BBB atualiza.pptx</t>
  </si>
  <si>
    <t>6dde77c8-a6b0-4e9c-9a27-fe0521cc6ac5.tmp</t>
  </si>
  <si>
    <t>\\acsfs\profiles$\inarajst\Downloads\6dde77c8-a6b0-4e9c-9a27-fe0521cc6ac5.tmp</t>
  </si>
  <si>
    <t>XLOG_gleycekos_08012020_114942.log</t>
  </si>
  <si>
    <t>\\acsfs\profiles$\gleycekos\My Documents\xworkcenter\logs\XLOG_gleycekos_08012020_114942.log</t>
  </si>
  <si>
    <t>5e4b8495-8474-4739-b4b0-ac1d8c608f80.tmp</t>
  </si>
  <si>
    <t>\\acsfs\profiles$\anafsb\Downloads\5e4b8495-8474-4739-b4b0-ac1d8c608f80.tmp</t>
  </si>
  <si>
    <t>34f3a104-bb0b-4888-b6b1-a57a3f1673a7.tmp</t>
  </si>
  <si>
    <t>\\acsfs\profiles$\wedersonbadr\My Documents\My Music\34f3a104-bb0b-4888-b6b1-a57a3f1673a7.tmp</t>
  </si>
  <si>
    <t>ac79447c-723b-4e12-af0c-687935ab539e.tmp</t>
  </si>
  <si>
    <t>\\acsfs\profiles$\wedersonbadr\My Documents\My Music\ac79447c-723b-4e12-af0c-687935ab539e.tmp</t>
  </si>
  <si>
    <t>lu157041ciot0.tmp</t>
  </si>
  <si>
    <t>\\acsfs\profiles$\jalilebds\Downloads\lu157041ciot0.tmp</t>
  </si>
  <si>
    <t>c2328847-9f85-4e5f-9997-e1ee0ec9d318.tmp</t>
  </si>
  <si>
    <t>\\acsfs\profiles$\vivianealda\Downloads\c2328847-9f85-4e5f-9997-e1ee0ec9d318.tmp</t>
  </si>
  <si>
    <t>bb217ec0-1fe7-43ea-89d0-2e052bfb26de.tmp</t>
  </si>
  <si>
    <t>\\acsfs\profiles$\cintiadjl\Downloads\bb217ec0-1fe7-43ea-89d0-2e052bfb26de.tmp</t>
  </si>
  <si>
    <t>Queue Summary Report 01.01.20 a 07.01.2020.xlsx</t>
  </si>
  <si>
    <t>\\acsfs\deptos\Operacao\PCP\5 - Comum\PLANEJAMENTO BV\23 - EXTRAÇÕES\Queue Summary Report\Queue Summary Report 01.01.20 a 07.01.2020.xlsx</t>
  </si>
  <si>
    <t>34903180-ac84-4601-83a7-702eee0f9d0a.tmp</t>
  </si>
  <si>
    <t>\\acsfs\profiles$\quindaizaagds\Downloads\34903180-ac84-4601-83a7-702eee0f9d0a.tmp</t>
  </si>
  <si>
    <t>d0dd8d14-f638-4ee3-b117-cdc4d0c18c5e.tmp</t>
  </si>
  <si>
    <t>\\acsfs\profiles$\quindaizaagds\Downloads\d0dd8d14-f638-4ee3-b117-cdc4d0c18c5e.tmp</t>
  </si>
  <si>
    <t>c6fe7dee-ddc4-4360-a8ed-c4d2a8586d06.tmp</t>
  </si>
  <si>
    <t>\\acsfs\profiles$\fabianafv\Downloads\c6fe7dee-ddc4-4360-a8ed-c4d2a8586d06.tmp</t>
  </si>
  <si>
    <t>2525ad62-c451-48f9-b790-3212185401bd.tmp</t>
  </si>
  <si>
    <t>\\acsfs\profiles$\sarahbal\Downloads\2525ad62-c451-48f9-b790-3212185401bd.tmp</t>
  </si>
  <si>
    <t>681080F9.tmp</t>
  </si>
  <si>
    <t>\\acsfs\ACS\Gabriel da Silva\Contemporânea\Acessos\681080F9.tmp</t>
  </si>
  <si>
    <t>afonsodc@algartech.com;fabianowo@algartech.com;joelson.rosa@algartech.com;solicitacoespropostas@algartech.com;suelenmm@algartech.com;</t>
  </si>
  <si>
    <t>\\acsfs\Deptos\CAS - Coordenação de Arquitetura de Soluções\Projetos\2019\IBM\227412 - Michelin Aditivo\1. Precificação\</t>
  </si>
  <si>
    <t>227412_IBM_Bodyshop_Michelin_2020_v1_(C017_B017).xlsb</t>
  </si>
  <si>
    <t>afonsodc@algartech.com,fabianowo@algartech.com,joelson.rosa@algartech.com,solicitacoespropostas@algartech.com,suelenmm@algartech.com</t>
  </si>
  <si>
    <t>\\acsfs\Deptos\CAS - Coordenação de Arquitetura de Soluções\Projetos\2019\IBM\227412 - Michelin Aditivo\1. Precificação\227412_IBM_Bodyshop_Michelin_2020_v1_(C017_B017).xlsb\</t>
  </si>
  <si>
    <t>10.200.60.80</t>
  </si>
  <si>
    <t>D8-9C-67-6F-3D-73</t>
  </si>
  <si>
    <t>NB-ALMIRS</t>
  </si>
  <si>
    <t>almirsn</t>
  </si>
  <si>
    <t>almirsn@algartech.com</t>
  </si>
  <si>
    <t>C:\Users\almirsn\Downloads\</t>
  </si>
  <si>
    <t>8766759b7197417abb9a2ec6b1854949.csv</t>
  </si>
  <si>
    <t>7a074372-23ee-4c40-a228-5dc680b3ae40.tmp</t>
  </si>
  <si>
    <t>\\acsfs\profiles$\gabrielamdp\Downloads\7a074372-23ee-4c40-a228-5dc680b3ae40.tmp</t>
  </si>
  <si>
    <t>a0f96fca-e364-43ef-b424-c735d2e5dbef.tmp</t>
  </si>
  <si>
    <t>\\acsfs\profiles$\gabrielamdp\Downloads\a0f96fca-e364-43ef-b424-c735d2e5dbef.tmp</t>
  </si>
  <si>
    <t>45184c37-58d0-4d6a-8af0-3cbf227bddf9.tmp</t>
  </si>
  <si>
    <t>\\acsfs\profiles$\gabrielamdp\Downloads\45184c37-58d0-4d6a-8af0-3cbf227bddf9.tmp</t>
  </si>
  <si>
    <t>c689be7d-1398-43c4-87ea-e3528626beb4.tmp</t>
  </si>
  <si>
    <t>\\acsfs\profiles$\sarahbal\Downloads\c689be7d-1398-43c4-87ea-e3528626beb4.tmp</t>
  </si>
  <si>
    <t>mail.google.com/_/upload?authuser=0&amp;dcp=asu-n&amp;upload_id=AEnB2UojAX5wG-B_C5EJVncGz7yysxs425rewSvCtiY4RVvX0d5fotM_8DyuNZtxvoi80SnE_eoUP-BkqrPp14IYf4TeNT3059BlorNPMKP3tSM1C6mL7zU&amp;upload_protocol=resumable</t>
  </si>
  <si>
    <t>~$NPS CONSIGNADO_Base.xlsx</t>
  </si>
  <si>
    <t>\\acsfs\ACS\Gabriel da Silva\Contemporânea\NPS\~$NPS CONSIGNADO_Base.xlsx</t>
  </si>
  <si>
    <t>Não confirmado 645594.crdownload</t>
  </si>
  <si>
    <t>\\acsfs\ACS\Gabriel da Silva\Contemporânea\NPS\NPS_Voz\Janeiro.20\Não confirmado 645594.crdownload</t>
  </si>
  <si>
    <t>~$Pesquisa_Satisfação_0701.xlsx</t>
  </si>
  <si>
    <t>\\acsfs\ACS\Gabriel da Silva\Contemporânea\NPS\NPS_Voz\Janeiro.20\~$Pesquisa_Satisfação_0701.xlsx</t>
  </si>
  <si>
    <t>C:\Users\fabriciovs\Desktop\</t>
  </si>
  <si>
    <t>Relatório Inventário FA Corp Consolidado_atualizado_Software_Nov19 (2).xlsx</t>
  </si>
  <si>
    <t>fe5977e4-c794-4f24-be7a-9bfef41d9314.tmp</t>
  </si>
  <si>
    <t>\\acsfs\profiles$\inarajst\Downloads\fe5977e4-c794-4f24-be7a-9bfef41d9314.tmp</t>
  </si>
  <si>
    <t>7b1ff42c-7049-4fd2-8be8-fa6305347821.tmp</t>
  </si>
  <si>
    <t>\\acsfs\profiles$\inarajst\Downloads\7b1ff42c-7049-4fd2-8be8-fa6305347821.tmp</t>
  </si>
  <si>
    <t>71bbb879-66d0-4bf0-b820-9f3a64231b14.tmp</t>
  </si>
  <si>
    <t>\\acsfs\profiles$\rafaelacdoc\Downloads\71bbb879-66d0-4bf0-b820-9f3a64231b14.tmp</t>
  </si>
  <si>
    <t>Relatorio de Vendas - Auditoria BV Cartoes (Janeiro)...50 - Cópia.xlsx</t>
  </si>
  <si>
    <t>\\acsfs\DEPTOS\Operacao\Banco_Votorantim\Qualidade\Anderson\Jose\Atualizado\Relatorio de Vendas - Auditoria BV Cartoes (Janeiro)...50 - Cópia.xlsx</t>
  </si>
  <si>
    <t>XLOG_tiagosno_08012020_070756.log</t>
  </si>
  <si>
    <t>\\acsfs\profiles$\tiagosno\My Documents\xworkcenter\logs\XLOG_tiagosno_08012020_070756.log</t>
  </si>
  <si>
    <t>eaba83fd-3756-4af1-bf54-14ae52f29f20.tmp</t>
  </si>
  <si>
    <t>\\acsfs\profiles$\rafaelahpn\Downloads\eaba83fd-3756-4af1-bf54-14ae52f29f20.tmp</t>
  </si>
  <si>
    <t>PTH_01112019.xlsx</t>
  </si>
  <si>
    <t>007c476c-99fb-4b4f-b0aa-7b8225d36502.tmp</t>
  </si>
  <si>
    <t>\\acsfs\profiles$\KARENJSS\Downloads\007c476c-99fb-4b4f-b0aa-7b8225d36502.tmp</t>
  </si>
  <si>
    <t>XLOG_anacdos_08012020_065528.log</t>
  </si>
  <si>
    <t>\\acsfs\profiles$\anacdos\My Documents\xworkcenter\logs\XLOG_anacdos_08012020_065528.log</t>
  </si>
  <si>
    <t>Não confirmado 833987.crdownload</t>
  </si>
  <si>
    <t>\\acsfs\ACS\Gabriel da Silva\Contemporânea\NPS\NPS_Voz\Janeiro.20\Não confirmado 833987.crdownload</t>
  </si>
  <si>
    <t>Não confirmado 589815.crdownload</t>
  </si>
  <si>
    <t>\\acsfs\ACS\Gabriel da Silva\Contemporânea\Gen\Não confirmado 589815.crdownload</t>
  </si>
  <si>
    <t>1d557c11-7a6e-4570-922d-488f9ace206b.tmp</t>
  </si>
  <si>
    <t>\\acsfs\profiles$\gabrielsma\Downloads\1d557c11-7a6e-4570-922d-488f9ace206b.tmp</t>
  </si>
  <si>
    <t>Q29udHJvbGxlci5BQ09NLVNvdUJWXzE-.ica:Zone.Identifier</t>
  </si>
  <si>
    <t>\\acsfs\ACS\Gabriel da Silva\Contemporânea\VENDAS\Q29udHJvbGxlci5BQ09NLVNvdUJWXzE-.ica:Zone.Identifier</t>
  </si>
  <si>
    <t>b31c2b92-cd07-4687-be2b-f4f82eaddba1.tmp</t>
  </si>
  <si>
    <t>\\acsfs\profiles$\gabrielsma\Downloads\b31c2b92-cd07-4687-be2b-f4f82eaddba1.tmp</t>
  </si>
  <si>
    <t>Q29udHJvbGxlci5GaXJlZm94.ica.crdownload</t>
  </si>
  <si>
    <t>\\acsfs\ACS\Gabriel da Silva\Contemporânea\VENDAS\Q29udHJvbGxlci5GaXJlZm94.ica.crdownload</t>
  </si>
  <si>
    <t>Q29udHJvbGxlci5GaXJlZm94.ica:Zone.Identifier</t>
  </si>
  <si>
    <t>\\acsfs\ACS\Gabriel da Silva\Contemporânea\VENDAS\Q29udHJvbGxlci5GaXJlZm94.ica:Zone.Identifier</t>
  </si>
  <si>
    <t>a0b2053d-e04e-4806-9ba9-84f350349287.tmp</t>
  </si>
  <si>
    <t>\\acsfs\profiles$\quindaizaagds\Downloads\a0b2053d-e04e-4806-9ba9-84f350349287.tmp</t>
  </si>
  <si>
    <t>5843db82-bc7c-4eb9-a56f-24176c6245c2.tmp</t>
  </si>
  <si>
    <t>\\acsfs\profiles$\andreapdsg\Downloads\5843db82-bc7c-4eb9-a56f-24176c6245c2.tmp</t>
  </si>
  <si>
    <t>970aaae8-22f7-4fc3-aee7-d3638e9f5b28.tmp</t>
  </si>
  <si>
    <t>\\acsfs\profiles$\andreapdsg\Downloads\970aaae8-22f7-4fc3-aee7-d3638e9f5b28.tmp</t>
  </si>
  <si>
    <t>65432a81-e9d4-489e-8dd7-b3eba77ec9f0.tmp</t>
  </si>
  <si>
    <t>\\acsfs\profiles$\isabellegtds\Downloads\65432a81-e9d4-489e-8dd7-b3eba77ec9f0.tmp</t>
  </si>
  <si>
    <t>c670bf46-292e-4e4e-adb7-f42861d7368c.tmp</t>
  </si>
  <si>
    <t>\\acsfs\profiles$\laurandos\Downloads\c670bf46-292e-4e4e-adb7-f42861d7368c.tmp</t>
  </si>
  <si>
    <t>63b0ccd3-7b77-4ace-b8ed-ea17ef9debff.tmp</t>
  </si>
  <si>
    <t>\\acsfs\profiles$\laurandos\Downloads\63b0ccd3-7b77-4ace-b8ed-ea17ef9debff.tmp</t>
  </si>
  <si>
    <t>972a94b0-448f-450d-9782-7e70a8313cc5.tmp</t>
  </si>
  <si>
    <t>\\acsfs\profiles$\sarahbal\Downloads\972a94b0-448f-450d-9782-7e70a8313cc5.tmp</t>
  </si>
  <si>
    <t>915d8130-2a4b-4c0d-8edf-d8ffd46431d6.tmp</t>
  </si>
  <si>
    <t>\\acsfs\profiles$\sarahbal\Downloads\915d8130-2a4b-4c0d-8edf-d8ffd46431d6.tmp</t>
  </si>
  <si>
    <t>69a94dd4-5a1c-4532-a9e0-f631695a1058.tmp</t>
  </si>
  <si>
    <t>\\acsfs\profiles$\sarahbal\Downloads\69a94dd4-5a1c-4532-a9e0-f631695a1058.tmp</t>
  </si>
  <si>
    <t>40295f89-aa94-422d-ac9f-899b9fb2219b.tmp</t>
  </si>
  <si>
    <t>\\acsfs\profiles$\gabrielsma\Downloads\40295f89-aa94-422d-ac9f-899b9fb2219b.tmp</t>
  </si>
  <si>
    <t>B09EA9E3.tmp</t>
  </si>
  <si>
    <t>\\acsfs\ACS\Gabriel da Silva\Contemporânea\B09EA9E3.tmp</t>
  </si>
  <si>
    <t>XLOG_ellencds_08012020_071225.log</t>
  </si>
  <si>
    <t>\\acsfs\profiles$\ellencds\My Documents\xworkcenter\logs\XLOG_ellencds_08012020_071225.log</t>
  </si>
  <si>
    <t>FAIXAS E VALORES BBB.xlsx</t>
  </si>
  <si>
    <t>\\acsfs\DEPTOS\Operacao\Banco_Votorantim\Supervisao\SUPERS BV CARTÕES\ADILSON\JOAO VICTOR\JOAO VICTOR\Campanhas\FAIXAS E VALORES BBB.xlsx</t>
  </si>
  <si>
    <t>b92c0705-ab1f-45c5-bd6b-c3a3ca308604.tmp</t>
  </si>
  <si>
    <t>\\acsfs\profiles$\ERICALSR\Downloads\b92c0705-ab1f-45c5-bd6b-c3a3ca308604.tmp</t>
  </si>
  <si>
    <t>mail.google.com/_/upload?authuser=0&amp;dcp=asu-n&amp;upload_id=AEnB2Up3-KU2vzLS43OzbaLr1THB10nW5rHscak03HUHjTwpYdnTW4wAkz_e35kP_-xb_vHOQ0IuvuJJQJA9W_733A93Hwep2w&amp;upload_protocol=resumable</t>
  </si>
  <si>
    <t>alinedsdi@algartech.com;brunocss@algartech.com;camilaammm@algartech.com;isabelafc@algartech.com;jackelinegn@algartech.com;patriciama@algartech.com;</t>
  </si>
  <si>
    <t>C:\Users\gustavoplo\Documents\Telecom\1- TELEVENDAS\7- Book de Qualidade\</t>
  </si>
  <si>
    <t>2019_12_Gerencial_Qualidade_MPE_Concessão.xlsx</t>
  </si>
  <si>
    <t>alinedsdi@algartech.com,brunocss@algartech.com,camilaammm@algartech.com,isabelafc@algartech.com,jackelinegn@algartech.com,patriciama@algartech.com</t>
  </si>
  <si>
    <t>\\acsfs\DEPTOS\Sustentabilidade\40 - Responsabilidade social\12 - Projeto Surdos\</t>
  </si>
  <si>
    <t>Projeto chat - libras.xlsx</t>
  </si>
  <si>
    <t>"languagecode":"pt-br","requesttype":"background_request","scenariotype,"timezone":"-03:00",ancestorhasaugmentedpermissions,chat - libras' and title contains 'xlsx' and trashed = false and '0agn5e4ruwzqtuk9pva' in parents&amp;fields=kind,displayname,domain,emailaddress,ess"}}_x0002_�@_x0014_}��,explicitlytrashed,filesize,hasthumbnail,hasvisitorpermissions,id,id),items(kind,lastmodifyinguser(kind,lastviewedbymedate,mimetype,modifiedbymedate,modifieddate,nextpagetoken,ontainsunsubscribedchildren,owners(kind,p",permissionid,picture,shared,sharedwithmedate,thumbnailversion,title,userpermission(role),workspaceids</t>
  </si>
  <si>
    <t>\\acsfs\ACS\Gabriel da Silva\Contemporânea\NPS\FD56E761.tmp\</t>
  </si>
  <si>
    <t>\\acsfs\ACS\Gabriel da Silva\Contemporânea\NPS\FD56E761.tmp\:Zone.Identifier:$DATA</t>
  </si>
  <si>
    <t>\\acsfs\ACS\Gabriel da Silva\Contemporânea\NPS\FD56E761.tmp</t>
  </si>
  <si>
    <t>FD56E761.tmp</t>
  </si>
  <si>
    <t>\\acsfs\ACS\Gabriel da Silva\Contemporânea\NPS\7575623D.tmp\</t>
  </si>
  <si>
    <t>\\acsfs\ACS\Gabriel da Silva\Contemporânea\NPS\7575623D.tmp</t>
  </si>
  <si>
    <t>7575623D.tmp</t>
  </si>
  <si>
    <t>~$NPS CONSIGNADO.xlsx</t>
  </si>
  <si>
    <t>\\acsfs\ACS\Gabriel da Silva\Contemporânea\NPS\~$NPS CONSIGNADO.xlsx</t>
  </si>
  <si>
    <t>\\acsfs\ACS\Gabriel da Silva\Contemporânea\NPS\38C2600B.tmp\</t>
  </si>
  <si>
    <t>\\acsfs\ACS\Gabriel da Silva\Contemporânea\NPS\38C2600B.tmp\:Zone.Identifier:$DATA</t>
  </si>
  <si>
    <t>\\acsfs\ACS\Gabriel da Silva\Contemporânea\NPS\38C2600B.tmp</t>
  </si>
  <si>
    <t>38C2600B.tmp</t>
  </si>
  <si>
    <t>~$NPS SAC_Base.xlsx</t>
  </si>
  <si>
    <t>\\acsfs\ACS\Gabriel da Silva\Contemporânea\NPS\~$NPS SAC_Base.xlsx</t>
  </si>
  <si>
    <t>\\acsfs\ACS\Gabriel da Silva\Contemporânea\NPS\19902087.tmp\</t>
  </si>
  <si>
    <t>\\acsfs\ACS\Gabriel da Silva\Contemporânea\NPS\19902087.tmp</t>
  </si>
  <si>
    <t>19902087.tmp</t>
  </si>
  <si>
    <t>~$NPS SAC.xlsx</t>
  </si>
  <si>
    <t>\\acsfs\ACS\Gabriel da Silva\Contemporânea\NPS\~$NPS SAC.xlsx</t>
  </si>
  <si>
    <t>00de4c1d-186a-4af6-89e3-ec9d49022a0e.tmp</t>
  </si>
  <si>
    <t>\\acsfs\profiles$\lorraynevam\Downloads\00de4c1d-186a-4af6-89e3-ec9d49022a0e.tmp</t>
  </si>
  <si>
    <t>34ae4b4d-d738-4910-9e58-960732ba71fd.tmp</t>
  </si>
  <si>
    <t>\\acsfs\profiles$\rafaelahpn\Downloads\34ae4b4d-d738-4910-9e58-960732ba71fd.tmp</t>
  </si>
  <si>
    <t>908378ee-1093-4f08-b280-274d31b32773.tmp</t>
  </si>
  <si>
    <t>\\acsfs\profiles$\leticiala\Downloads\908378ee-1093-4f08-b280-274d31b32773.tmp</t>
  </si>
  <si>
    <t>ca76d026-6759-4e53-88ee-2204cadcb9f4.tmp</t>
  </si>
  <si>
    <t>\\acsfs\profiles$\mariajra\Downloads\ca76d026-6759-4e53-88ee-2204cadcb9f4.tmp</t>
  </si>
  <si>
    <t>6b32e7bf-6cef-4888-a4ea-368900716cdd.tmp</t>
  </si>
  <si>
    <t>\\acsfs\profiles$\mariajra\Downloads\6b32e7bf-6cef-4888-a4ea-368900716cdd.tmp</t>
  </si>
  <si>
    <t>e0524a80-6d26-40da-b98b-100628479308.tmp</t>
  </si>
  <si>
    <t>\\acsfs\profiles$\mariajra\Downloads\e0524a80-6d26-40da-b98b-100628479308.tmp</t>
  </si>
  <si>
    <t>1feac857-fd4d-4319-9719-00d6bb3756e3.tmp</t>
  </si>
  <si>
    <t>\\acsfs\profiles$\rafaelacdoc\Downloads\1feac857-fd4d-4319-9719-00d6bb3756e3.tmp</t>
  </si>
  <si>
    <t>Relatorio 08-01-20.png</t>
  </si>
  <si>
    <t>\\acsfs\DEPTOS\Operacao\Banco_Votorantim\Qualidade\Anderson\Jose\Atualizado\Relatorio 08-01-20.png</t>
  </si>
  <si>
    <t>akassiablc@algartech.com;paulocruz@algartech.com;</t>
  </si>
  <si>
    <t>C:\Users\denisevca\Desktop\GOV. PAULO CRUZ\BANCO DE HORAS\</t>
  </si>
  <si>
    <t>Banco de Horas - Cronograma Compensação_2020 JANEIRO.xlsx</t>
  </si>
  <si>
    <t>akassiablc@algartech.com,paulocruz@algartech.com</t>
  </si>
  <si>
    <t>Relatorio de Vendas - Auditoria BV Cartoes (Janeiro)...50.xlsx</t>
  </si>
  <si>
    <t>\\acsfs\DEPTOS\Operacao\Banco_Votorantim\Qualidade\Anderson\Jose\Atualizado\Relatorio de Vendas - Auditoria BV Cartoes (Janeiro)...50.xlsx</t>
  </si>
  <si>
    <t>\\acsfs\DEPTOS\Operacao\Banco_Votorantim\Qualidade\Anderson\Jose\link.txt</t>
  </si>
  <si>
    <t>BAIXO GIRO 2020.xlsx</t>
  </si>
  <si>
    <t>8b9698b0-8085-4e7b-ade0-1b8e21c7fde7.tmp</t>
  </si>
  <si>
    <t>\\acsfs\profiles$\wenderbnm\Downloads\8b9698b0-8085-4e7b-ade0-1b8e21c7fde7.tmp</t>
  </si>
  <si>
    <t>4104e75e-a916-4af9-9806-9c175348fde5.tmp</t>
  </si>
  <si>
    <t>\\acsfs\profiles$\lorrainerdl\Downloads\4104e75e-a916-4af9-9806-9c175348fde5.tmp</t>
  </si>
  <si>
    <t>mail.google.com/_/upload?authuser=0&amp;dcp=asu-n&amp;upload_id=AEnB2UoLdNASzm6vdsuH_I7ccqjJsepb1MEX0ulXztCZq5kVlADeNcC0YJurY_3pe5eF9zmfQ4KVXEno4Lv693XRV00nf9YSyQ&amp;upload_protocol=resumable</t>
  </si>
  <si>
    <t>\\acsfs\DEPTOS\Controladoria\32.Tesouraria\1 - Fluxo de Caixa\Caixa 2019\1 - Fluxo de Caixa\9 - Fluxo Contábil\12 - Dezembro\Relatórios Acessórios\</t>
  </si>
  <si>
    <t>Saldos Bancos e Caixas Latam Dez-19.xlsx</t>
  </si>
  <si>
    <t>838e6032-516b-4f63-886c-b1c8f358db74.tmp</t>
  </si>
  <si>
    <t>\\acsfs\profiles$\gabrielsma\Downloads\838e6032-516b-4f63-886c-b1c8f358db74.tmp</t>
  </si>
  <si>
    <t>Não confirmado 220824.crdownload</t>
  </si>
  <si>
    <t>\\acsfs\ACS\Gabriel da Silva\Contemporânea\NPS\NPS_Voz\Não confirmado 220824.crdownload</t>
  </si>
  <si>
    <t>NPS Trasnferência para CRBV.xlsx:Zone.Identifier</t>
  </si>
  <si>
    <t>\\acsfs\ACS\Gabriel da Silva\Contemporânea\NPS\NPS_Voz\NPS Trasnferência para CRBV.xlsx:Zone.Identifier</t>
  </si>
  <si>
    <t>\\acsfs\ACS\Gabriel da Silva\Contemporânea\NPS\16ED7225.tmp\</t>
  </si>
  <si>
    <t>\\acsfs\ACS\Gabriel da Silva\Contemporânea\NPS\16ED7225.tmp</t>
  </si>
  <si>
    <t>16ED7225.tmp</t>
  </si>
  <si>
    <t>~$NPS CRBV_Base.xlsb</t>
  </si>
  <si>
    <t>\\acsfs\ACS\Gabriel da Silva\Contemporânea\NPS\~$NPS CRBV_Base.xlsb</t>
  </si>
  <si>
    <t>8D87A440.tmp</t>
  </si>
  <si>
    <t>\\acsfs\ACS\Gabriel da Silva\Contemporânea\NPS\NPS_Voz\8D87A440.tmp</t>
  </si>
  <si>
    <t>6ecd4118-ad1d-4e7c-8438-ee3c0711a33e.tmp</t>
  </si>
  <si>
    <t>\\acsfs\profiles$\gabrielsma\Downloads\6ecd4118-ad1d-4e7c-8438-ee3c0711a33e.tmp</t>
  </si>
  <si>
    <t>\\acsfs\ACS\Gabriel da Silva\Contemporânea\NPS\NPS_Voz\Q29udHJvbGxlci5FeHBsb3Jlcl8x.ica.crdownload</t>
  </si>
  <si>
    <t>95da405c-e600-4a00-952c-f4cf69c55c87.tmp</t>
  </si>
  <si>
    <t>\\acsfs\profiles$\henriqueco\Downloads\95da405c-e600-4a00-952c-f4cf69c55c87.tmp</t>
  </si>
  <si>
    <t>2a4068fc-070d-4f10-bb7d-bee7721ecc19.tmp</t>
  </si>
  <si>
    <t>\\acsfs\profiles$\welidicdj\Downloads\2a4068fc-070d-4f10-bb7d-bee7721ecc19.tmp</t>
  </si>
  <si>
    <t>d353c708-a169-41a5-b7c6-fd004baee5ed.tmp</t>
  </si>
  <si>
    <t>\\acsfs\profiles$\welidicdj\Downloads\d353c708-a169-41a5-b7c6-fd004baee5ed.tmp</t>
  </si>
  <si>
    <t>fernandaab@algartech.com;lilianls@algartech.com;talmaiardo@algartech.com;</t>
  </si>
  <si>
    <t>fernandaab@algartech.com,lilianls@algartech.com,talmaiardo@algartech.com</t>
  </si>
  <si>
    <t>887e4894-a7ca-49c8-828e-e36c02eaf33e.tmp</t>
  </si>
  <si>
    <t>\\acsfs\profiles$\LUISPLS\Downloads\887e4894-a7ca-49c8-828e-e36c02eaf33e.tmp</t>
  </si>
  <si>
    <t>VICTOR GARCIA LEMOS (30191).contact</t>
  </si>
  <si>
    <t>\\acsfs\profiles$\victorgl\Contacts\VICTOR GARCIA LEMOS (30191).contact</t>
  </si>
  <si>
    <t>~$Comissão BV - CRBV CDC Vendas.xlsx</t>
  </si>
  <si>
    <t>\\acsfs\ACS\Gabriel da Silva\Contemporânea\Comissão e Incentivo\~$Comissão BV - CRBV CDC Vendas.xlsx</t>
  </si>
  <si>
    <t>9ff93d46-85c6-4932-b34c-3a13fc4f8439.tmp</t>
  </si>
  <si>
    <t>\\acsfs\profiles$\larissaad\Downloads\9ff93d46-85c6-4932-b34c-3a13fc4f8439.tmp</t>
  </si>
  <si>
    <t>\\acsfs\dsti\CITIM - Coordenação de Infra TI Implantação\Projetos\EM IMPLANTAÇÃO\SAGE\NOVO FATURAMENTO\2020\01 - Janeiro\</t>
  </si>
  <si>
    <t>BKP_SAGE.xlsx</t>
  </si>
  <si>
    <t>Faturamento.Sage.Janeiro.xlsx</t>
  </si>
  <si>
    <t>b6390e9d-b68f-4bc3-9571-fc03ff39597c.tmp</t>
  </si>
  <si>
    <t>\\acsfs\profiles$\paulohaf\Downloads\b6390e9d-b68f-4bc3-9571-fc03ff39597c.tmp</t>
  </si>
  <si>
    <t>2ba102a3-d2f6-4ddb-8eef-6ff56363de3b.tmp</t>
  </si>
  <si>
    <t>\\acsfs\profiles$\paulohaf\Downloads\2ba102a3-d2f6-4ddb-8eef-6ff56363de3b.tmp</t>
  </si>
  <si>
    <t>489865fd-04a7-4f26-a236-e57a73ceca2e.tmp</t>
  </si>
  <si>
    <t>\\acsfs\profiles$\paulohaf\Downloads\489865fd-04a7-4f26-a236-e57a73ceca2e.tmp</t>
  </si>
  <si>
    <t>c66f5f4d-8952-4ef2-be69-bc5b4f627ace.tmp</t>
  </si>
  <si>
    <t>\\acsfs\profiles$\paulohaf\Downloads\c66f5f4d-8952-4ef2-be69-bc5b4f627ace.tmp</t>
  </si>
  <si>
    <t>70af34f1-8fe6-4de9-bda3-3ce8cf5f0a91.tmp</t>
  </si>
  <si>
    <t>\\acsfs\profiles$\paulohaf\Downloads\70af34f1-8fe6-4de9-bda3-3ce8cf5f0a91.tmp</t>
  </si>
  <si>
    <t>725f2549-409a-4e8b-b644-e1252d8a611c.tmp</t>
  </si>
  <si>
    <t>\\acsfs\profiles$\paulohaf\Downloads\725f2549-409a-4e8b-b644-e1252d8a611c.tmp</t>
  </si>
  <si>
    <t>667d94f9-3a5f-4b30-9990-f153b124f329.tmp</t>
  </si>
  <si>
    <t>\\acsfs\profiles$\paulohaf\Downloads\667d94f9-3a5f-4b30-9990-f153b124f329.tmp</t>
  </si>
  <si>
    <t>image8.emf</t>
  </si>
  <si>
    <t>\\acsfs\DEPTOS\Operacao\Banco_Votorantim\Supervisao\SUPERS BV CARTÕES\ADILSON\JOAO VICTOR\JOAO VICTOR\Campanhas\FAIXAS E VALORES BBB.xlsx\</t>
  </si>
  <si>
    <t>image1.emf</t>
  </si>
  <si>
    <t>image2.emf</t>
  </si>
  <si>
    <t>image3.emf</t>
  </si>
  <si>
    <t>image4.emf</t>
  </si>
  <si>
    <t>teste.csv</t>
  </si>
  <si>
    <t>2f2f8959-1f1f-414c-a9c6-978db30ed311.tmp</t>
  </si>
  <si>
    <t>\\acsfs\profiles$\vivianibfs\Downloads\2f2f8959-1f1f-414c-a9c6-978db30ed311.tmp</t>
  </si>
  <si>
    <t>a56eb4bf-80bf-414c-bcae-b141ad91f988.tmp</t>
  </si>
  <si>
    <t>\\acsfs\profiles$\francislayneads\Downloads\a56eb4bf-80bf-414c-bcae-b141ad91f988.tmp</t>
  </si>
  <si>
    <t>mail.google.com/sync/u/0/i/s?hl=pt-BR&amp;c=441</t>
  </si>
  <si>
    <t>4bc00b82-44fd-4a1b-b94f-c7b803648afd.tmp</t>
  </si>
  <si>
    <t>\\acsfs\profiles$\victorgl\Downloads\4bc00b82-44fd-4a1b-b94f-c7b803648afd.tmp</t>
  </si>
  <si>
    <t>399b4f8c-7ee4-4aa5-a525-8ea8fee2e154.tmp</t>
  </si>
  <si>
    <t>\\acsfs\profiles$\victorgl\Downloads\399b4f8c-7ee4-4aa5-a525-8ea8fee2e154.tmp</t>
  </si>
  <si>
    <t>0185abf0-b660-498d-bb37-b5776b113247.tmp</t>
  </si>
  <si>
    <t>\\acsfs\profiles$\larissaad\Downloads\0185abf0-b660-498d-bb37-b5776b113247.tmp</t>
  </si>
  <si>
    <t>60bd9527-d3d6-46d8-9b7e-49d81cfb08f5.tmp</t>
  </si>
  <si>
    <t>\\acsfs\profiles$\laurandos\Downloads\60bd9527-d3d6-46d8-9b7e-49d81cfb08f5.tmp</t>
  </si>
  <si>
    <t>lu126988wnnt0p.tmp</t>
  </si>
  <si>
    <t>\\acsfs\DEPTOS\Operacao\Banco_Votorantim\Supervisao\SUPERS BV CARTÕES\ANA VITORIA\APOIO\lu126988wnnt0p.tmp</t>
  </si>
  <si>
    <t>53e3e621-6a82-4b99-9e6c-b35899822e57.tmp</t>
  </si>
  <si>
    <t>\\acsfs\profiles$\edicarlosdl\Downloads\53e3e621-6a82-4b99-9e6c-b35899822e57.tmp</t>
  </si>
  <si>
    <t>fa393437-21b7-4bd9-868e-b935bd5815fb.tmp</t>
  </si>
  <si>
    <t>\\acsfs\profiles$\victorgl\Downloads\fa393437-21b7-4bd9-868e-b935bd5815fb.tmp</t>
  </si>
  <si>
    <t>Erro fatal THIAGO ABDAO FERREIRA SOUZA.PNG</t>
  </si>
  <si>
    <t>\\acsfs\ACS\001 - Qualidade Lilian\PAULO\Pasta Tainara\Erro fatal THIAGO ABDAO FERREIRA SOUZA.PNG</t>
  </si>
  <si>
    <t>e5759f82-6135-44f6-93b1-6e47e91452ed.tmp</t>
  </si>
  <si>
    <t>\\acsfs\profiles$\brendadsl\Downloads\e5759f82-6135-44f6-93b1-6e47e91452ed.tmp</t>
  </si>
  <si>
    <t>f1d0d4f2-f3f5-454d-8461-c70ff68a3dd7.tmp</t>
  </si>
  <si>
    <t>\\acsfs\profiles$\KARENJSS\Downloads\f1d0d4f2-f3f5-454d-8461-c70ff68a3dd7.tmp</t>
  </si>
  <si>
    <t>ce767fba-18dc-40d5-8df8-d8e2b1a7137a.tmp</t>
  </si>
  <si>
    <t>\\acsfs\profiles$\KARENJSS\Downloads\ce767fba-18dc-40d5-8df8-d8e2b1a7137a.tmp</t>
  </si>
  <si>
    <t>b05dd817-3377-479a-a658-5c9f7f312349.tmp</t>
  </si>
  <si>
    <t>\\acsfs\profiles$\andreapdsg\Downloads\b05dd817-3377-479a-a658-5c9f7f312349.tmp</t>
  </si>
  <si>
    <t>\\acsfs\DEPTOS\Operacao\PCP\5 - Comum\LUIZ ALFREDO\00 - WHIRLPOOL\01 - TLV COMPRA CERTA\2019\12 - DEZEMBRO\</t>
  </si>
  <si>
    <t>Plan x Real - Black Friday.xlsx</t>
  </si>
  <si>
    <t>ances,ancestorhasaugmentedpermissions,containsunsubscribedchildren,displayname,domain,emailaddress,exp,explicitlytrashed,file(kind,fileid,filesize,hasthumbnail,hasvisitorpermissions,id,id),items(deleted,items(kind,ken,kind,lastmodifyinguser(kind,lastviewedbymedate,mimetype,modifiedbymedate,modifieddate,ontainsunsubscribedchildren,owners(kind,permi,permiss,permission,permissionid,pict,picture,quotabytesused,rpermissions,sha,shared,sharedwithmedate,thumbnailversion,title,userpermission(role),workspaceids</t>
  </si>
  <si>
    <t>57c18602-4e45-44a5-91d9-f18421a8d5f3.tmp</t>
  </si>
  <si>
    <t>\\acsfs\profiles$\victorgl\Downloads\57c18602-4e45-44a5-91d9-f18421a8d5f3.tmp</t>
  </si>
  <si>
    <t>\\acsfs\profiles$\myllenardl\My Documents\My Pictures\</t>
  </si>
  <si>
    <t>\\acsfs\profiles$\myllenardl\My Documents\My Videos\desktop.ini</t>
  </si>
  <si>
    <t>\\acsfs\profiles$\myllenardl\My Documents\My Videos\</t>
  </si>
  <si>
    <t>\\acsfs\profiles$\myllenardl\My Documents\My Music\</t>
  </si>
  <si>
    <t>\\acsfs\profiles$\myllenardl\My Documents\My Pictures\desktop.ini</t>
  </si>
  <si>
    <t>\\acsfs\profiles$\myllenardl\Contacts\</t>
  </si>
  <si>
    <t>\\acsfs\profiles$\myllenardl\Contacts\desktop.ini</t>
  </si>
  <si>
    <t>\\acsfs\profiles$\myllenardl\My Documents\</t>
  </si>
  <si>
    <t>\\acsfs\profiles$\myllenardl\Favorites\desktop.ini</t>
  </si>
  <si>
    <t>\\acsfs\profiles$\myllenardl\My Documents\My Music\desktop.ini</t>
  </si>
  <si>
    <t>\\acsfs\profiles$\myllenardl\Searches\</t>
  </si>
  <si>
    <t>\\acsfs\profiles$\myllenardl\Searches\desktop.ini</t>
  </si>
  <si>
    <t>\\acsfs\profiles$\myllenardl\Downloads\desktop.ini</t>
  </si>
  <si>
    <t>\\acsfs\profiles$\myllenardl\Favorites\</t>
  </si>
  <si>
    <t>\\acsfs\profiles$\myllenardl\My Documents\desktop.ini</t>
  </si>
  <si>
    <t>\\acsfs\profiles$\myllenardl\Saved Games\desktop.ini</t>
  </si>
  <si>
    <t>winrt--{S-1-5-21-602162358-764733703-839522115-358577}-.searchconnector-ms</t>
  </si>
  <si>
    <t>\\acsfs\profiles$\myllenardl\Searches\winrt--{S-1-5-21-602162358-764733703-839522115-358577}-.searchconnector-ms</t>
  </si>
  <si>
    <t>Demonstrativo de Custo.xlsx</t>
  </si>
  <si>
    <t>aa9ec4dd-1238-472a-b2be-fad1617fbd08.tmp</t>
  </si>
  <si>
    <t>\\acsfs\profiles$\andreapdsg\Downloads\aa9ec4dd-1238-472a-b2be-fad1617fbd08.tmp</t>
  </si>
  <si>
    <t>776b677b-cefc-4300-91bb-f3b0039f22eb.tmp</t>
  </si>
  <si>
    <t>\\acsfs\profiles$\andressamf\Downloads\776b677b-cefc-4300-91bb-f3b0039f22eb.tmp</t>
  </si>
  <si>
    <t>d5915083-146d-46b8-9fd1-3830017f998b.tmp</t>
  </si>
  <si>
    <t>\\acsfs\profiles$\erichds\Downloads\d5915083-146d-46b8-9fd1-3830017f998b.tmp</t>
  </si>
  <si>
    <t>c105aa26-978d-4789-870f-fe12be8e842e.tmp</t>
  </si>
  <si>
    <t>\\acsfs\profiles$\myllenardl\Downloads\c105aa26-978d-4789-870f-fe12be8e842e.tmp</t>
  </si>
  <si>
    <t>3d095232-60e8-48aa-929d-111881c0f63b.tmp</t>
  </si>
  <si>
    <t>\\acsfs\profiles$\myllenardl\Downloads\3d095232-60e8-48aa-929d-111881c0f63b.tmp</t>
  </si>
  <si>
    <t>~$NPS Trasnferência para CRBV.xlsx</t>
  </si>
  <si>
    <t>\\acsfs\ACS\Gabriel da Silva\Contemporânea\NPS\NPS_Voz\~$NPS Trasnferência para CRBV.xlsx</t>
  </si>
  <si>
    <t>\\acsfs\ACS\Gabriel da Silva\Contemporânea\NPS\BA830D15.tmp\</t>
  </si>
  <si>
    <t>\\acsfs\ACS\Gabriel da Silva\Contemporânea\NPS\BA830D15.tmp</t>
  </si>
  <si>
    <t>BA830D15.tmp</t>
  </si>
  <si>
    <t>Resumo Gerencial Bacen Procedente Amex até 07/01</t>
  </si>
  <si>
    <t>75bd34a2-7442-42fd-a2a3-94f14faae901.tmp</t>
  </si>
  <si>
    <t>\\acsfs\profiles$\andreapdsg\Downloads\75bd34a2-7442-42fd-a2a3-94f14faae901.tmp</t>
  </si>
  <si>
    <t>XLOG_vanessacgs_08012020_141603.log</t>
  </si>
  <si>
    <t>\\acsfs\profiles$\vanessacgs\My Documents\xworkcenter\logs\XLOG_vanessacgs_08012020_141603.log</t>
  </si>
  <si>
    <t>4a3fdd74-4399-4229-80f5-9b581b3b573c.tmp</t>
  </si>
  <si>
    <t>\\acsfs\profiles$\leonardobb\Downloads\4a3fdd74-4399-4229-80f5-9b581b3b573c.tmp</t>
  </si>
  <si>
    <t>8f906a97-c593-4422-a8d6-34e5295a09a3.tmp</t>
  </si>
  <si>
    <t>\\acsfs\profiles$\andressamf\Downloads\8f906a97-c593-4422-a8d6-34e5295a09a3.tmp</t>
  </si>
  <si>
    <t>Informações KPMG - 07-01-2020 - v6 (Comercial).xlsx</t>
  </si>
  <si>
    <t>f3ad65e2-889f-432d-8e1e-6d2e0b4b761a.tmp</t>
  </si>
  <si>
    <t>\\acsfs\profiles$\victorgl\Downloads\f3ad65e2-889f-432d-8e1e-6d2e0b4b761a.tmp</t>
  </si>
  <si>
    <t>outlook.office.com/owa/service.svc?action=CreateItem&amp;app=Mail&amp;n=265</t>
  </si>
  <si>
    <t>andrelpsa@algartech.com;flaviacno@algartech.com;gustavodsil@algartech.com;luizffn@algartech.com;marianacgs@algartech.com;martala@algartech.com;mirianppb@algartech.com;qualidadealgarbv@algartech.com;raicdf@algartech.com;robsonams@algartech.com;talmaiardo@algartech.com;</t>
  </si>
  <si>
    <t>andrelpsa@algartech.com,flaviacno@algartech.com,gustavodsil@algartech.com,luizffn@algartech.com,marianacgs@algartech.com,martala@algartech.com,mirianppb@algartech.com,qualidadealgarbv@algartech.com,raicdf@algartech.com,robsonams@algartech.com,talmaiardo@algartech.com</t>
  </si>
  <si>
    <t>outlook.office.com/owa/service.svc?action=UpdateItem&amp;app=Mail&amp;n=310</t>
  </si>
  <si>
    <t>andrelpsa@algartech.com;flaviacno@algartech.com;gustavodsil@algartech.com;luizffn@algartech.com;marianacgs@algartech.com;maristelavodq@bv.algartech.com;martala@algartech.com;mirianppb@algartech.com;qualidadealgarbv@algartech.com;raicdf@algartech.com;robsonams@algartech.com;talmaiardo@algartech.com;</t>
  </si>
  <si>
    <t>andrelpsa@algartech.com,flaviacno@algartech.com,gustavodsil@algartech.com,luizffn@algartech.com,marianacgs@algartech.com,maristelavodq@bv.algartech.com,martala@algartech.com,mirianppb@algartech.com,qualidadealgarbv@algartech.com,raicdf@algartech.com,robsonams@algartech.com,talmaiardo@algartech.com</t>
  </si>
  <si>
    <t>outlook.office.com/owa/service.svc?action=CreateItem&amp;app=Mail&amp;n=339</t>
  </si>
  <si>
    <t>outlook.office.com/owa/service.svc?action=CreateItem&amp;app=Mail&amp;n=368</t>
  </si>
  <si>
    <t>outlook.office.com/owa/service.svc?action=UpdateItem&amp;app=Mail&amp;n=388</t>
  </si>
  <si>
    <t>outlook.office.com/owa/service.svc?action=UpdateItem&amp;app=Mail&amp;n=398</t>
  </si>
  <si>
    <t>outlook.office.com/owa/service.svc?action=UpdateItem&amp;app=Mail&amp;n=420</t>
  </si>
  <si>
    <t>outlook.office.com/owa/service.svc?action=UpdateItem&amp;app=Mail&amp;n=440</t>
  </si>
  <si>
    <t>\\acsfs\ACS\Gabriel da Silva\Contemporânea\NPS\DA1831F0.tmp\</t>
  </si>
  <si>
    <t>\\acsfs\ACS\Gabriel da Silva\Contemporânea\NPS\DA1831F0.tmp</t>
  </si>
  <si>
    <t>DA1831F0.tmp</t>
  </si>
  <si>
    <t>~$NPS CRBV.xlsx</t>
  </si>
  <si>
    <t>\\acsfs\ACS\Gabriel da Silva\Contemporânea\NPS\~$NPS CRBV.xlsx</t>
  </si>
  <si>
    <t>9692dfb1-c2f4-4d00-b069-b08178b7de03.tmp</t>
  </si>
  <si>
    <t>\\acsfs\profiles$\henriquehmdo\Downloads\9692dfb1-c2f4-4d00-b069-b08178b7de03.tmp</t>
  </si>
  <si>
    <t>67ec0fc7-dd7e-485d-82af-9820e40a86f2.tmp</t>
  </si>
  <si>
    <t>\\acsfs\profiles$\henriquehmdo\Downloads\67ec0fc7-dd7e-485d-82af-9820e40a86f2.tmp</t>
  </si>
  <si>
    <t>mail.google.com/sync/u/0/i/s?hl=pt-BR&amp;c=561</t>
  </si>
  <si>
    <t>lu126988wnnt0s.tmp</t>
  </si>
  <si>
    <t>\\acsfs\DEPTOS\Operacao\Banco_Votorantim\Supervisao\SUPERS BV CARTÕES\ANA VITORIA\APOIO\lu126988wnnt0s.tmp</t>
  </si>
  <si>
    <t>lu126988wnnt0y.tmp</t>
  </si>
  <si>
    <t>\\acsfs\DEPTOS\Operacao\Banco_Votorantim\Supervisao\SUPERS BV CARTÕES\ANA VITORIA\APOIO\lu126988wnnt0y.tmp</t>
  </si>
  <si>
    <t>\\acsfs\DEPTOS\Operacao\Banco_Votorantim\Supervisao\SUPERS BV CARTÕES\ANA VITORIA\APOIO\lu126988wnnt0y.tmp\</t>
  </si>
  <si>
    <t>\\acsfs\DEPTOS\Operacao\Banco_Votorantim\Supervisao\SUPERS BV CARTÕES\ANA VITORIA\APOIO\lu126988wnnt0y.tmp\META-INF\</t>
  </si>
  <si>
    <t>\\acsfs\DEPTOS\Operacao\Banco_Votorantim\Supervisao\SUPERS BV CARTÕES\ANA VITORIA\APOIO\lu126988wnnt0y.tmp\Thumbnails\</t>
  </si>
  <si>
    <t>outlook.office.com/owa/service.svc?action=UpdateItem&amp;app=Mail&amp;n=449</t>
  </si>
  <si>
    <t>\\acsfs\ACS\Gabriel da Silva\Contemporânea\NPS\NPS CRBV.xlsx\</t>
  </si>
  <si>
    <t>NPS CRBV.xlsx</t>
  </si>
  <si>
    <t>879d8631-1a54-4e72-8087-69bbbba9ada1.tmp</t>
  </si>
  <si>
    <t>\\acsfs\profiles$\leonardobb\Downloads\879d8631-1a54-4e72-8087-69bbbba9ada1.tmp</t>
  </si>
  <si>
    <t>269760b6-c12f-433b-8d20-378b2a0eab2b.tmp</t>
  </si>
  <si>
    <t>\\acsfs\profiles$\laurandos\Downloads\269760b6-c12f-433b-8d20-378b2a0eab2b.tmp</t>
  </si>
  <si>
    <t>mail.google.com/sync/u/0/i/s?hl=pt-BR&amp;c=565</t>
  </si>
  <si>
    <t>mail.google.com/sync/u/0/i/s?hl=pt-BR&amp;c=567</t>
  </si>
  <si>
    <t>c54aed66-030d-4255-8f80-f319ca984b88.tmp</t>
  </si>
  <si>
    <t>\\acsfs\profiles$\fabianafv\Downloads\c54aed66-030d-4255-8f80-f319ca984b88.tmp</t>
  </si>
  <si>
    <t>\\acsfs\DEPTOS\Sustentabilidade\40 - Responsabilidade social\8 - Associados\Reabilitação\</t>
  </si>
  <si>
    <t>Reabilitados.xlsx</t>
  </si>
  <si>
    <t>35u8-_ji3brq4pkdraxte?opendrive=false&amp;reason=1412&amp;synctype=0&amp;errorrecovery=false&amp;fields=kind,anc,ancestorhasaugmentedpermissions,containsunsubscribedchildren,displayname,domain,emailaddress,filesize,hasthumbnail,hasvisitorpermissions,id,id),items(kind,ken,lastmodifyinguser(kind,lastviewedbymedate,modifiedbymedate,modifieddate,ontainsunsubscribedchildren,owners(kind,permissionid,pictu,picture,rpermissions,shared,sharedwithmedate,thumbnailversion,title,userpermissi,workspaceids</t>
  </si>
  <si>
    <t>C:\Users\rodrigormc\Desktop\</t>
  </si>
  <si>
    <t>Orçamento2020.xlsx</t>
  </si>
  <si>
    <t>8fd608d0-45f2-4428-9636-7be6ac7514cd.tmp</t>
  </si>
  <si>
    <t>\\acsfs\profiles$\victoriaksr\Downloads\8fd608d0-45f2-4428-9636-7be6ac7514cd.tmp</t>
  </si>
  <si>
    <t>7959ca1a-b601-4e1e-8950-e4ce8d6029e5.tmp</t>
  </si>
  <si>
    <t>\\acsfs\profiles$\leticiala\Downloads\7959ca1a-b601-4e1e-8950-e4ce8d6029e5.tmp</t>
  </si>
  <si>
    <t>\\acsfs\ACS\Gabriel da Silva\Contemporânea\NPS\2487B721.tmp\</t>
  </si>
  <si>
    <t>\\acsfs\ACS\Gabriel da Silva\Contemporânea\NPS\2487B721.tmp</t>
  </si>
  <si>
    <t>2487B721.tmp</t>
  </si>
  <si>
    <t>80860dd9-57b1-4556-914e-1a721b5206a0.tmp</t>
  </si>
  <si>
    <t>\\acsfs\profiles$\larissaad\Downloads\80860dd9-57b1-4556-914e-1a721b5206a0.tmp</t>
  </si>
  <si>
    <t>517db3f3-38af-4971-b197-d2cfcff8ca14.tmp</t>
  </si>
  <si>
    <t>\\acsfs\profiles$\paulohaf\Downloads\517db3f3-38af-4971-b197-d2cfcff8ca14.tmp</t>
  </si>
  <si>
    <t>2bce0bf7-cb7a-466b-91cc-d30a7a2ad485.tmp</t>
  </si>
  <si>
    <t>\\acsfs\profiles$\paulohaf\Downloads\2bce0bf7-cb7a-466b-91cc-d30a7a2ad485.tmp</t>
  </si>
  <si>
    <t>325dbaa1-2f6a-48c2-a041-abc68ad8be21.tmp</t>
  </si>
  <si>
    <t>\\acsfs\profiles$\victoriaksr\Downloads\325dbaa1-2f6a-48c2-a041-abc68ad8be21.tmp</t>
  </si>
  <si>
    <t>f521b9b9-fe95-4264-8389-3a22554bf6ef.tmp</t>
  </si>
  <si>
    <t>\\acsfs\profiles$\brendadsl\Downloads\f521b9b9-fe95-4264-8389-3a22554bf6ef.tmp</t>
  </si>
  <si>
    <t>76a4a83f-0543-4608-8a80-5b92765a1335.tmp</t>
  </si>
  <si>
    <t>\\acsfs\profiles$\leticiala\Downloads\76a4a83f-0543-4608-8a80-5b92765a1335.tmp</t>
  </si>
  <si>
    <t>\\acsfs\ACS\Gabriel da Silva\Contemporânea\NPS\1861AB0F.tmp\</t>
  </si>
  <si>
    <t>\\acsfs\ACS\Gabriel da Silva\Contemporânea\NPS\1861AB0F.tmp</t>
  </si>
  <si>
    <t>1861AB0F.tmp</t>
  </si>
  <si>
    <t>0cb199bb-881c-46bd-b10d-ab66af18398d.tmp</t>
  </si>
  <si>
    <t>\\acsfs\profiles$\adelvinsonle\Downloads\0cb199bb-881c-46bd-b10d-ab66af18398d.tmp</t>
  </si>
  <si>
    <t>c59689ad-4dac-48b6-bc11-fc134cf04f0f.tmp</t>
  </si>
  <si>
    <t>\\acsfs\profiles$\adelvinsonle\Downloads\c59689ad-4dac-48b6-bc11-fc134cf04f0f.tmp</t>
  </si>
  <si>
    <t>LUCAS GUBERT PEREIRA - CPF 53931394972_1_6777366218877777323_1_32.wav</t>
  </si>
  <si>
    <t>\\acsfs\Deptos\EDUCACAO EMPRESARIAL\KÉSIA\LUCAS GUBERT PEREIRA - CPF 53931394972_1_6777366218877777323_1_32.wav</t>
  </si>
  <si>
    <t>eduardo.santana@bv.com.br;fernandaab@algartech.com;thiagordu@algartech.com;</t>
  </si>
  <si>
    <t>eduardo.santana@bv.com.br,fernandaab@algartech.com,thiagordu@algartech.com</t>
  </si>
  <si>
    <t>eduardo.santana@bv.com.br;fernandaab@algartech.com;lilianls@algartech.com;talmaiardo@algartech.com;thiagordu@algartech.com;</t>
  </si>
  <si>
    <t>eduardo.santana@bv.com.br,fernandaab@algartech.com,lilianls@algartech.com,talmaiardo@algartech.com,thiagordu@algartech.com</t>
  </si>
  <si>
    <t>b1120035-a720-4177-909f-c2a5b8aa2061.tmp</t>
  </si>
  <si>
    <t>\\acsfs\profiles$\gabrielsma\Downloads\b1120035-a720-4177-909f-c2a5b8aa2061.tmp</t>
  </si>
  <si>
    <t>8fac501f-53ef-40c2-aec5-833adcc7684c.tmp</t>
  </si>
  <si>
    <t>\\acsfs\profiles$\gabrielamdp\Downloads\8fac501f-53ef-40c2-aec5-833adcc7684c.tmp</t>
  </si>
  <si>
    <t>ed8fb7c3-2554-43d7-adf3-e93b88076b21.tmp</t>
  </si>
  <si>
    <t>\\acsfs\profiles$\paulohaf\Downloads\ed8fb7c3-2554-43d7-adf3-e93b88076b21.tmp</t>
  </si>
  <si>
    <t>RES: Vol. Grupos</t>
  </si>
  <si>
    <t>Cópia de Vol Grupos.xlsx</t>
  </si>
  <si>
    <t>QlikView.csv.crdownload</t>
  </si>
  <si>
    <t>\\acsfs\ACS\Gabriel da Silva\Contemporânea\Comissão e Incentivo\QlikView.csv.crdownload</t>
  </si>
  <si>
    <t>\\acsfs\DEPTOS\Operacao\Banco_Votorantim\Comum\00 - COMUM - BV CARTÕES\EQUIPE ADILSON\Reneg\76871C2B.tmp\</t>
  </si>
  <si>
    <t>\\acsfs\DEPTOS\Operacao\Banco_Votorantim\Comum\00 - COMUM - BV CARTÕES\EQUIPE ADILSON\Reneg\76871C2B.tmp\:Zone.Identifier:$DATA</t>
  </si>
  <si>
    <t>Reneg - Vcto 20-12-19.xlsx</t>
  </si>
  <si>
    <t>\\acsfs\DEPTOS\Operacao\Banco_Votorantim\Comum\00 - COMUM - BV CARTÕES\EQUIPE ADILSON\Reneg\Reneg - Vcto 20-12-19.xlsx</t>
  </si>
  <si>
    <t>2019-12_Departamental (Akassia).xlsb</t>
  </si>
  <si>
    <t>fernandaab@algartech.com;lilianls@algartech.com;</t>
  </si>
  <si>
    <t>fernandaab@algartech.com,lilianls@algartech.com</t>
  </si>
  <si>
    <t>andremg@algartecnologia.com.br;lponcioni@yahsat.com;rsantos@yahsat.com;</t>
  </si>
  <si>
    <t>andremg@algartecnologia.com.br,lponcioni@yahsat.com,rsantos@yahsat.com</t>
  </si>
  <si>
    <t>~$Estudos comissão outubro.xlsx</t>
  </si>
  <si>
    <t>\\acsfs\ACS\Gabriel da Silva\Contemporânea\Comissão e Incentivo\~$Estudos comissão outubro.xlsx</t>
  </si>
  <si>
    <t>b2f39f26-d4cb-47b5-81a5-17ac5d0bee79.tmp</t>
  </si>
  <si>
    <t>\\acsfs\profiles$\henriquehmdo\Downloads\b2f39f26-d4cb-47b5-81a5-17ac5d0bee79.tmp</t>
  </si>
  <si>
    <t>\\acsfs\deptos\CAS - Coordenação de Arquitetura de Soluções\Projetos\2019\NetFlix\207414 - NETFLIX - SAC\</t>
  </si>
  <si>
    <t>Cronograma.xlsx</t>
  </si>
  <si>
    <t>D:\NetFlix\207414 - NETFLIX - SAC\Cronograma.xlsx</t>
  </si>
  <si>
    <t>Faturamento.xlsx</t>
  </si>
  <si>
    <t>D:\NetFlix\207414 - NETFLIX - SAC\Faturamento.xlsx</t>
  </si>
  <si>
    <t>\\acsfs\deptos\CAS - Coordenação de Arquitetura de Soluções\Projetos\2019\NetFlix\207414 - NETFLIX - SAC\Cálculo Rescisão\</t>
  </si>
  <si>
    <t>Cópia de Calculos desligamentos Voz Sicoob (003).xlsx</t>
  </si>
  <si>
    <t>D:\NetFlix\207414 - NETFLIX - SAC\Cálculo Rescisão\Cópia de Calculos desligamentos Voz Sicoob (003).xlsx</t>
  </si>
  <si>
    <t>\\acsfs\deptos\CAS - Coordenação de Arquitetura de Soluções\Projetos\2019\NetFlix\207414 - NETFLIX - SAC\Documentos\</t>
  </si>
  <si>
    <t>Brazil RFP .en.pt.xlsx</t>
  </si>
  <si>
    <t>D:\NetFlix\207414 - NETFLIX - SAC\Documentos\Brazil RFP .en.pt.xlsx</t>
  </si>
  <si>
    <t>Brazil RFP .xlsx</t>
  </si>
  <si>
    <t>D:\NetFlix\207414 - NETFLIX - SAC\Documentos\Brazil RFP .xlsx</t>
  </si>
  <si>
    <t>Brazil RFP PORTUGUES vs Ing.xlsx</t>
  </si>
  <si>
    <t>D:\NetFlix\207414 - NETFLIX - SAC\Documentos\Brazil RFP PORTUGUES vs Ing.xlsx</t>
  </si>
  <si>
    <t>RFP NETFLIX TH.xlsx</t>
  </si>
  <si>
    <t>D:\NetFlix\207414 - NETFLIX - SAC\Documentos\RFP NETFLIX TH.xlsx</t>
  </si>
  <si>
    <t>Wanessa.xlsx</t>
  </si>
  <si>
    <t>D:\NetFlix\207414 - NETFLIX - SAC\Documentos\Wanessa.xlsx</t>
  </si>
  <si>
    <t>\\acsfs\deptos\CAS - Coordenação de Arquitetura de Soluções\Projetos\2019\NetFlix\207414 - NETFLIX - SAC\Documentos\Custos TI\</t>
  </si>
  <si>
    <t>Custos (1).xlsx</t>
  </si>
  <si>
    <t>D:\NetFlix\207414 - NETFLIX - SAC\Documentos\Custos TI\Custos (1).xlsx</t>
  </si>
  <si>
    <t>Custos.xlsx</t>
  </si>
  <si>
    <t>D:\NetFlix\207414 - NETFLIX - SAC\Documentos\Custos TI\Custos.xlsx</t>
  </si>
  <si>
    <t>\\acsfs\deptos\CAS - Coordenação de Arquitetura de Soluções\Projetos\2019\NetFlix\207414 - NETFLIX - SAC\Documentos\Tradução\</t>
  </si>
  <si>
    <t>Brazil RFP PORTUGUES (1).xlsx</t>
  </si>
  <si>
    <t>D:\NetFlix\207414 - NETFLIX - SAC\Documentos\Tradução\Brazil RFP PORTUGUES (1).xlsx</t>
  </si>
  <si>
    <t>\\acsfs\deptos\CAS - Coordenação de Arquitetura de Soluções\Projetos\2019\NetFlix\207414 - NETFLIX - SAC\Estrutura\</t>
  </si>
  <si>
    <t>Estrutura 2.xlsx</t>
  </si>
  <si>
    <t>D:\NetFlix\207414 - NETFLIX - SAC\Estrutura\Estrutura 2.xlsx</t>
  </si>
  <si>
    <t>\\acsfs\deptos\CAS - Coordenação de Arquitetura de Soluções\Projetos\2020\Tribanco\225399 - TRIBANCO - Readequação Contrato Operação Única\</t>
  </si>
  <si>
    <t>Estrutura.xlsx</t>
  </si>
  <si>
    <t>D:\NetFlix\207414 - NETFLIX - SAC\Estrutura\Estrutura.xlsx</t>
  </si>
  <si>
    <t>\\acsfs\deptos\CAS - Coordenação de Arquitetura de Soluções\Projetos\2019\NetFlix\207414 - NETFLIX - SAC\Preço\</t>
  </si>
  <si>
    <t>207414 - NETFLIX SAC 24 Plan Precificacao C018 B018 rev7 5%.xlsb</t>
  </si>
  <si>
    <t>D:\NetFlix\207414 - NETFLIX - SAC\Preço\207414 - NETFLIX SAC 24 Plan Precificacao C018 B018 rev7 5%.xlsb</t>
  </si>
  <si>
    <t>\\acsfs\deptos\CAS - Coordenação de Arquitetura de Soluções\Projetos\2019\NetFlix\207414 - NETFLIX - SAC\Preço\207414 - NETFLIX SAC 24 Plan Precificacao C018 B018 rev7 5%.xlsb\</t>
  </si>
  <si>
    <t>207414 - NETFLIX SAC 24 Plan Precificacao C018 B018 rev7.xlsb</t>
  </si>
  <si>
    <t>D:\NetFlix\207414 - NETFLIX - SAC\Preço\207414 - NETFLIX SAC 24 Plan Precificacao C018 B018 rev7.xlsb</t>
  </si>
  <si>
    <t>\\acsfs\deptos\CAS - Coordenação de Arquitetura de Soluções\Projetos\2019\NetFlix\207414 - NETFLIX - SAC\Preço\207414 - NETFLIX SAC 24 Plan Precificacao C018 B018 rev7.xlsb\</t>
  </si>
  <si>
    <t>207414 - NETFLIX SAC Treinamento Plan Precificacao C018 B018.xlsb</t>
  </si>
  <si>
    <t>D:\NetFlix\207414 - NETFLIX - SAC\Preço\207414 - NETFLIX SAC Treinamento Plan Precificacao C018 B018.xlsb</t>
  </si>
  <si>
    <t>\\acsfs\deptos\CAS - Coordenação de Arquitetura de Soluções\Projetos\2019\NetFlix\207414 - NETFLIX - SAC\Preço\207414 - NETFLIX SAC Treinamento Plan Precificacao C018 B018.xlsb\</t>
  </si>
  <si>
    <t>\\acsfs\deptos\CAS - Coordenação de Arquitetura de Soluções\Projetos\2019\NetFlix\207414 - NETFLIX - SAC\Preço\OLD\</t>
  </si>
  <si>
    <t>207414 - NETFLIX SAC 24 Plan Precificacao C018 B018 rev1.xlsb</t>
  </si>
  <si>
    <t>D:\NetFlix\207414 - NETFLIX - SAC\Preço\OLD\207414 - NETFLIX SAC 24 Plan Precificacao C018 B018 rev1.xlsb</t>
  </si>
  <si>
    <t>\\acsfs\deptos\CAS - Coordenação de Arquitetura de Soluções\Projetos\2019\NetFlix\207414 - NETFLIX - SAC\Preço\OLD\207414 - NETFLIX SAC 24 Plan Precificacao C018 B018 rev1.xlsb\</t>
  </si>
  <si>
    <t>76d6dc1f-bfef-43e2-8299-01804b7961e3.tmp</t>
  </si>
  <si>
    <t>\\acsfs\profiles$\adelvinsonle\Downloads\76d6dc1f-bfef-43e2-8299-01804b7961e3.tmp</t>
  </si>
  <si>
    <t>8166bdba-cf06-482d-9641-34af935b855d.tmp</t>
  </si>
  <si>
    <t>\\acsfs\profiles$\leonardobb\Downloads\8166bdba-cf06-482d-9641-34af935b855d.tmp</t>
  </si>
  <si>
    <t>"mozilla/5.0 (windows nt 6.1) applewebkit/537.36 (khtml;1;13;13700167;13700185;13700235;13700451;13700607;13700883;13700946;1370095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5701393;[[13701214;false];gampqtp7yn6iriu24ksnqvk-esmg4wwpxf";like gecko) chrome/79.0.3945.88 safari/537.36";null;pt-br;</t>
  </si>
  <si>
    <t>"mozilla/5.0 (windows nt 6.1) applewebkit/537.36 (khtml,1,13,13700167,13700185,13700235,13700451,13700607,13700883,13700946,1370095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5701393,[[13701214,false],gampqtp7yn6iriu24ksnqvk-esmg4wwpxf",like gecko) chrome/79.0.3945.88 safari/537.36",null,pt-br</t>
  </si>
  <si>
    <t>"[[];0];0]08;0]6;0]kind;0]n\lib\_x000E_gen-p;0]�_x000F_y���ӈ3k��;1;1249879475;1578483183727;1578487095663;1578487998656;1578489804891;1578496035312;1578508611485;17;1738007010;1]";20;21;26;4;57;62f782-ef2f-4018-bf8a-e9a53647a531\";7r�p�� ��_x0017_�_x0012_&amp;;["157;[1];[3700735];[];[]];[]]"];[]]];[null;ancestorhasaugmentedpermissions;andrelpsa@algartech.com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aristelavodq@bv.algartech.com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</t>
  </si>
  <si>
    <t>"[[],0],0]08,0]6,0]kind,0]n\lib\_x000E_gen-p,0]�_x000F_y���ӈ3k��,1,1249879475,1578483183727,1578487095663,1578487998656,1578489804891,1578496035312,1578508611485,17,1738007010,1]",20,21,26,4,57,62f782-ef2f-4018-bf8a-e9a53647a531\",7r�p�� ��_x0017_�_x0012_&amp;,["157,[1],[3700735],[],[]],[]]"],[]]],[null,ancestorhasaugmentedpermissions,andrelpsa@algartech.com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aristelavodq@bv.algartech.com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</t>
  </si>
  <si>
    <t>"[49;"mozilla/5.0 (windows nt 6.1) applewebkit/537.36 (khtml;09/01/2020;0]l;0]ue;0]�k;1;1249879475;13;13700;13700185;13700235;13700451;13700883;13701078;13701139;13701235;13701239;13701262;13701276;13701422;13701486;13701506;13701510;13701534;13701573;13701609;13701614;13701653;13701657;13701693;13701709;13701825;13701906;13701909;13701921;13701945;13701949;13701953;13701957;13701969;13702064;13702068;13702091;1578483218686000]]]eids;1578495132232;1578496637371;1578496637371000;1578499581488;1578510116476;18;22;27;5701393;62;[[13701214;[];[]];[]]];\"!ojmlor;ancestorhasaugmentedpermissions;containsunsubscribedchildren;displayname;domain;emailaddress;false;false];file(kind;fileid;filesize;gampqtp7yn6iriu24ksnqvk-esmg4wwpxf";hasthumbnail;hasvisitorpermissions;id;id);items(deleted;ken;ken=ac4w5vix_z5c3vm9ln1dolghdosvr2cejg:1578482277703&amp;buildlabel=drive.web-frontend_20191211.00_p1;ken=ac4w5vix_z5c3vm9ln1dolghdosvr2cejg:1578482277703&amp;buildlabel=drive.web-frontend_20191211.00_p10{_x0001_;kind;lastmodifyinguser(kind;lastv</t>
  </si>
  <si>
    <t>"[49,"mozilla/5.0 (windows nt 6.1) applewebkit/537.36 (khtml,09/01/2020,0]l,0]ue,0]�k ,1,1249879475,13,13700,13700185,13700235,13700451,13700883,13701078,13701139,13701235,13701239,13701262,13701276,13701422,13701486,13701506,13701510,13701534,13701573,13701609,13701614,13701653,13701657,13701693,13701709,13701825,13701906,13701909,13701921,13701945,13701949,13701953,13701957,13701969,13702064,13702068,13702091,1578483218686000]]]eids,1578495132232,1578496637371,1578496637371000,1578499581488,1578510116476,18,22,27,5701393,62,[[13701214,[],[]],[]]],\"!ojmlor,ancestorhasaugmentedpermissions,containsunsubscribedchildren,displayname,domain,emailaddress,false,false],file(kind,fileid,filesize,gampqtp7yn6iriu24ksnqvk-esmg4wwpxf",hasthumbnail,hasvisitorpermissions,id,id),items(deleted,ken,ken=ac4w5vix_z5c3vm9ln1dolghdosvr2cejg:1578482277703&amp;buildlabel=drive.web-frontend_20191211.00_p1,ken=ac4w5vix_z5c3vm9ln1dolghdosvr2cejg:1578482277703&amp;buildlabel=drive.web-frontend_20191211.00_p10{_x0001_,kind,lastmodifyinguser(kind,last</t>
  </si>
  <si>
    <t>10.200.60.96</t>
  </si>
  <si>
    <t>5C-EA-1D-CF-A4-79</t>
  </si>
  <si>
    <t>C:\Users\dolvaner\Desktop\Projetos\Precificação\</t>
  </si>
  <si>
    <t>Protótipo - GAT.xlsx</t>
  </si>
  <si>
    <t>D:\OneDrive\AlgarTech\Pré-Vendas\Cliente\2019\Comfrio\178269 - Renovação Extensão Contratual\2 - Analise Financeira\</t>
  </si>
  <si>
    <t>Preco_V5_ModeloFlexivel_V4_TargeteFINAL.xlsb</t>
  </si>
  <si>
    <t>1126b02a-e40f-4447-8612-bbab99f87cae.tmp</t>
  </si>
  <si>
    <t>\\acsfs\profiles$\anafaes\Downloads\1126b02a-e40f-4447-8612-bbab99f87cae.tmp</t>
  </si>
  <si>
    <t>677b3e91-ef5d-46fe-be19-79385a402c10.tmp</t>
  </si>
  <si>
    <t>\\acsfs\profiles$\anafaes\Downloads\677b3e91-ef5d-46fe-be19-79385a402c10.tmp</t>
  </si>
  <si>
    <t>fed4ea86-6eb6-4e2f-8471-42045de20124.tmp</t>
  </si>
  <si>
    <t>\\acsfs\profiles$\anafaes\Downloads\fed4ea86-6eb6-4e2f-8471-42045de20124.tmp</t>
  </si>
  <si>
    <t>a341415c-8bed-4116-981d-542e67347dbe.tmp</t>
  </si>
  <si>
    <t>\\acsfs\profiles$\gabrielsma\Downloads\a341415c-8bed-4116-981d-542e67347dbe.tmp</t>
  </si>
  <si>
    <t>071b754e-3573-4274-8c92-778bc877b474.tmp</t>
  </si>
  <si>
    <t>\\acsfs\profiles$\gabrielsma\Downloads\071b754e-3573-4274-8c92-778bc877b474.tmp</t>
  </si>
  <si>
    <t>lu68564bj9h2s.tmp</t>
  </si>
  <si>
    <t>\\acsfs\profiles$\lorraynevam\Downloads\lu68564bj9h2s.tmp</t>
  </si>
  <si>
    <t>\\acsfs\profiles$\lorraynevam\Downloads\lu68564bj9h2s.tmp\</t>
  </si>
  <si>
    <t>\\acsfs\profiles$\lorraynevam\Downloads\lu68564bj9h2s.tmp\META-INF\</t>
  </si>
  <si>
    <t>\\acsfs\profiles$\lorraynevam\Downloads\lu68564bj9h2s.tmp\Thumbnails\</t>
  </si>
  <si>
    <t>0b4f5e58-00c9-44b5-ae3c-9f6c7f54605b.tmp</t>
  </si>
  <si>
    <t>\\acsfs\profiles$\lorraynevam\Downloads\0b4f5e58-00c9-44b5-ae3c-9f6c7f54605b.tmp</t>
  </si>
  <si>
    <t>f9b39ca7-ea3b-4f94-a357-c226dd902478.tmp</t>
  </si>
  <si>
    <t>\\acsfs\profiles$\lorraynevam\Downloads\f9b39ca7-ea3b-4f94-a357-c226dd902478.tmp</t>
  </si>
  <si>
    <t>29141db4-cdfb-4bf9-a3b3-66081af0ab9a.tmp</t>
  </si>
  <si>
    <t>\\acsfs\profiles$\henriquehmdo\Downloads\29141db4-cdfb-4bf9-a3b3-66081af0ab9a.tmp</t>
  </si>
  <si>
    <t>207414 - NETFLIX SAC 24 Plan Precificacao C018 B018 rev2.xlsb</t>
  </si>
  <si>
    <t>D:\NetFlix\207414 - NETFLIX - SAC\Preço\OLD\207414 - NETFLIX SAC 24 Plan Precificacao C018 B018 rev2.xlsb</t>
  </si>
  <si>
    <t>\\acsfs\deptos\CAS - Coordenação de Arquitetura de Soluções\Projetos\2019\NetFlix\207414 - NETFLIX - SAC\Preço\OLD\207414 - NETFLIX SAC 24 Plan Precificacao C018 B018 rev2.xlsb\</t>
  </si>
  <si>
    <t>207414 - NETFLIX SAC 24 Plan Precificacao C018 B018 rev3.xlsb</t>
  </si>
  <si>
    <t>D:\NetFlix\207414 - NETFLIX - SAC\Preço\OLD\207414 - NETFLIX SAC 24 Plan Precificacao C018 B018 rev3.xlsb</t>
  </si>
  <si>
    <t>\\acsfs\deptos\CAS - Coordenação de Arquitetura de Soluções\Projetos\2019\NetFlix\207414 - NETFLIX - SAC\Preço\OLD\207414 - NETFLIX SAC 24 Plan Precificacao C018 B018 rev3.xlsb\</t>
  </si>
  <si>
    <t>207414 - NETFLIX SAC 24 Plan Precificacao C018 B018 rev4.xlsb</t>
  </si>
  <si>
    <t>D:\NetFlix\207414 - NETFLIX - SAC\Preço\OLD\207414 - NETFLIX SAC 24 Plan Precificacao C018 B018 rev4.xlsb</t>
  </si>
  <si>
    <t>\\acsfs\deptos\CAS - Coordenação de Arquitetura de Soluções\Projetos\2019\NetFlix\207414 - NETFLIX - SAC\Preço\OLD\207414 - NETFLIX SAC 24 Plan Precificacao C018 B018 rev4.xlsb\</t>
  </si>
  <si>
    <t>207414 - NETFLIX SAC 24 Plan Precificacao C018 B018 rev5.xlsb</t>
  </si>
  <si>
    <t>D:\NetFlix\207414 - NETFLIX - SAC\Preço\OLD\207414 - NETFLIX SAC 24 Plan Precificacao C018 B018 rev5.xlsb</t>
  </si>
  <si>
    <t>\\acsfs\deptos\CAS - Coordenação de Arquitetura de Soluções\Projetos\2019\NetFlix\207414 - NETFLIX - SAC\Preço\OLD\207414 - NETFLIX SAC 24 Plan Precificacao C018 B018 rev5.xlsb\</t>
  </si>
  <si>
    <t>207414 - NETFLIX SAC 24 Plan Precificacao C018 B018.xlsb</t>
  </si>
  <si>
    <t>D:\NetFlix\207414 - NETFLIX - SAC\Preço\OLD\207414 - NETFLIX SAC 24 Plan Precificacao C018 B018.xlsb</t>
  </si>
  <si>
    <t>\\acsfs\deptos\CAS - Coordenação de Arquitetura de Soluções\Projetos\2019\NetFlix\207414 - NETFLIX - SAC\Preço\OLD\207414 - NETFLIX SAC 24 Plan Precificacao C018 B018.xlsb\</t>
  </si>
  <si>
    <t>207414 - NETFLIX SAC 36 Plan Precificacao C018 B018 rev1.xlsb</t>
  </si>
  <si>
    <t>D:\NetFlix\207414 - NETFLIX - SAC\Preço\OLD\207414 - NETFLIX SAC 36 Plan Precificacao C018 B018 rev1.xlsb</t>
  </si>
  <si>
    <t>\\acsfs\deptos\CAS - Coordenação de Arquitetura de Soluções\Projetos\2019\NetFlix\207414 - NETFLIX - SAC\Preço\OLD\207414 - NETFLIX SAC 36 Plan Precificacao C018 B018 rev1.xlsb\</t>
  </si>
  <si>
    <t>207414 - NETFLIX SAC 36 Plan Precificacao C018 B018 rev4.xlsb</t>
  </si>
  <si>
    <t>D:\NetFlix\207414 - NETFLIX - SAC\Preço\OLD\207414 - NETFLIX SAC 36 Plan Precificacao C018 B018 rev4.xlsb</t>
  </si>
  <si>
    <t>\\acsfs\deptos\CAS - Coordenação de Arquitetura de Soluções\Projetos\2019\NetFlix\207414 - NETFLIX - SAC\Preço\OLD\207414 - NETFLIX SAC 36 Plan Precificacao C018 B018 rev4.xlsb\</t>
  </si>
  <si>
    <t>207414 - NETFLIX SAC 36 Plan Precificacao C018 B018.xlsb</t>
  </si>
  <si>
    <t>D:\NetFlix\207414 - NETFLIX - SAC\Preço\OLD\207414 - NETFLIX SAC 36 Plan Precificacao C018 B018.xlsb</t>
  </si>
  <si>
    <t>\\acsfs\deptos\CAS - Coordenação de Arquitetura de Soluções\Projetos\2019\NetFlix\207414 - NETFLIX - SAC\Preço\OLD\207414 - NETFLIX SAC 36 Plan Precificacao C018 B018.xlsb\</t>
  </si>
  <si>
    <t>\\acsfs\deptos\CAS - Coordenação de Arquitetura de Soluções\Projetos\2019\NetFlix\207414 - NETFLIX - SAC\Preço\Simulação PMO Diego\</t>
  </si>
  <si>
    <t>207414 - NETFLIX SAC 24 Plan Precificacao C018 B018 rev7 Sim. 150 k CAPEX.xlsb</t>
  </si>
  <si>
    <t>D:\NetFlix\207414 - NETFLIX - SAC\Preço\Simulação PMO Diego\207414 - NETFLIX SAC 24 Plan Precificacao C018 B018 rev7 Sim. 150 k CAPEX.xlsb</t>
  </si>
  <si>
    <t>\\acsfs\deptos\CAS - Coordenação de Arquitetura de Soluções\Projetos\2019\NetFlix\207414 - NETFLIX - SAC\Preço\Simulação PMO Diego\207414 - NETFLIX SAC 24 Plan Precificacao C018 B018 rev7 Sim. 150 k CAPEX.xlsb\</t>
  </si>
  <si>
    <t>\\acsfs\deptos\CAS - Coordenação de Arquitetura de Soluções\Projetos\2019\NetFlix\207414 - NETFLIX - SAC\Proposta\207414 - Apresentacao Netflix Final vs Port.pptx\</t>
  </si>
  <si>
    <t>D:\NetFlix\207414 - NETFLIX - SAC\Proposta\207414 - Apresentacao Netflix Final vs Port.pptx</t>
  </si>
  <si>
    <t>d1089c1b-2481-421a-9191-861b9a462a7c.tmp</t>
  </si>
  <si>
    <t>\\acsfs\profiles$\philipegsf\Downloads\d1089c1b-2481-421a-9191-861b9a462a7c.tmp</t>
  </si>
  <si>
    <t>\\acsfs\profiles$\andressamf\My Documents\</t>
  </si>
  <si>
    <t>Feedback para filas 1721 e 1724.txt</t>
  </si>
  <si>
    <t>\\acsfs\profiles$\andressamf\My Documents\Feedback para filas 1721 e 1724.txt</t>
  </si>
  <si>
    <t>mail.google.com/_/upload?authuser=0&amp;dcp=asu-n&amp;upload_id=AEnB2UqtnBXlhg8E1ZrCUY1XJp_2cWOuz9aGDqJZxkqDxHCv9HuVsPYxk9nbMqKjrsUEQE6DBLucZg9bZn0fHhPsAMPSAd9zSw&amp;upload_protocol=resumable</t>
  </si>
  <si>
    <t>image20191220162836.pdf</t>
  </si>
  <si>
    <t>0]:;1249879475;1578489202837;1578511320489;1738007010;24;3xh===== conten;66;[];[]]];ancest;ancestorhasaugmentedpermissions;containsunsubscribedchildren;displayname;domain;emailaddress;explicitlytrashed;false;file(kind;fileid;filesize;hasthumbnail;hasthumbnail�;hasvisitorpermissions;id;id);items(deleted;items(kind;ken;ken=ac4w5vix_z5c3vm9ln1dolghdosvr2cejg:1578482277703&amp;buildlabel=drive.web-frontend_20191211.00_p19999997907;kind;lastmodifyinguser(kind;lastviewedbymedate;mimetype;modifiedbymedate;modifieddate;null;ontainsunsubscribedchildren;owners(kind;per;permissionid;pictu;picture;pmzizuzwu=;rpermissions;shared;sharedwithmedate;sox6hol5kanqwbau83b0q5tkjn-hbfch3-4j8cwcvib1u3yw_dbg2iyqsj0vym_b7dfqnwqgkbws1m2cqbfimye2oacaz-vdoe0myeoq9px5wwx6exb7icqyohpqang4pirsidha80hu-xwnd3jeagwtrute_mttiv2j3j8itcgmyhiqrlntav2d-7hfahvdcamin68a7ojhe3bzhjo2uagtzakizlulyt3loucbijvqqvmzyva\";thumbnailversion;title;true]";ucqtrilxgzh2vmrvsg2jq1cbl4qg2jm47nvobhbfm_yn1fbbaidporrazpamsvj7sqad53jxy8lxn1gsuwlcokff-zk60jt6_mj0zjrpvewalsw</t>
  </si>
  <si>
    <t>0]:,1249879475,1578489202837,1578511320489,1738007010,24,3xh===== conten,66,[],[]]],ancest,ancestorhasaugmentedpermissions,containsunsubscribedchildren,displayname,domain,emailaddress,explicitlytrashed,false,file(kind,fileid,filesize,hasthumbnail,hasthumbnail�,hasvisitorpermissions,id,id),items(deleted,items(kind,ken,ken=ac4w5vix_z5c3vm9ln1dolghdosvr2cejg:1578482277703&amp;buildlabel=drive.web-frontend_20191211.00_p19999997907,kind,lastmodifyinguser(kind,lastviewedbymedate,mimetype,modifiedbymedate,modifieddate,null,ontainsunsubscribedchildren,owners(kind,per,permissionid,pictu,picture,pmzizuzwu=,rpermissions,shared,sharedwithmedate,sox6hol5kanqwbau83b0q5tkjn-hbfch3-4j8cwcvib1u3yw_dbg2iyqsj0vym_b7dfqnwqgkbws1m2cqbfimye2oacaz-vdoe0myeoq9px5wwx6exb7icqyohpqang4pirsidha80hu-xwnd3jeagwtrute_mttiv2j3j8itcgmyhiqrlntav2d-7hfahvdcamin68a7ojhe3bzhjo2uagtzakizlulyt3loucbijvqqvmzyva\",thumbnailversion,title,true]",ucqtrilxgzh2vmrvsg2jq1cbl4qg2jm47nvobhbfm_yn1fbbaidporrazpamsvj7sqad53jxy8lxn1gsuwlcokff-zk60jt6_mj0zjrpvewalsw</t>
  </si>
  <si>
    <t>32e36509-c5e4-4be9-b691-5108a2b3d6f0.tmp</t>
  </si>
  <si>
    <t>\\acsfs\profiles$\fabianobmf\Downloads\32e36509-c5e4-4be9-b691-5108a2b3d6f0.tmp</t>
  </si>
  <si>
    <t>0db3ec7e-3313-4a9a-841e-0e5437d6b2c5.tmp</t>
  </si>
  <si>
    <t>\\acsfs\profiles$\anafaes\Downloads\0db3ec7e-3313-4a9a-841e-0e5437d6b2c5.tmp</t>
  </si>
  <si>
    <t>e1a32a6f-e6cd-408d-91cc-8e1451650b74.tmp</t>
  </si>
  <si>
    <t>\\acsfs\profiles$\anafaes\Downloads\e1a32a6f-e6cd-408d-91cc-8e1451650b74.tmp</t>
  </si>
  <si>
    <t>\\acsfs\deptos\CAS - Coordenação de Arquitetura de Soluções\Projetos\2019\NetFlix\207414 - NETFLIX - SAC\Proposta\Apresentacao Netflix Final vs Ing.pptx\</t>
  </si>
  <si>
    <t>D:\NetFlix\207414 - NETFLIX - SAC\Proposta\Apresentacao Netflix Final vs Ing.pptx</t>
  </si>
  <si>
    <t>\\acsfs\deptos\CAS - Coordenação de Arquitetura de Soluções\Projetos\2019\NetFlix\207414 - NETFLIX - SAC\Proposta\Apresentacao Netflix Final.pptx\</t>
  </si>
  <si>
    <t>D:\NetFlix\207414 - NETFLIX - SAC\Proposta\Apresentacao Netflix Final.pptx</t>
  </si>
  <si>
    <t>\\acsfs\deptos\CAS - Coordenação de Arquitetura de Soluções\Projetos\2019\NetFlix\207414 - NETFLIX - SAC\Proposta\Apresentacao Netflix_V5.pptx\</t>
  </si>
  <si>
    <t>D:\NetFlix\207414 - NETFLIX - SAC\Proposta\Apresentacao Netflix_V5.pptx</t>
  </si>
  <si>
    <t>a80b02ec-bd66-4d6a-80dc-b682df04b0f5.tmp</t>
  </si>
  <si>
    <t>\\acsfs\profiles$\philipegsf\Downloads\a80b02ec-bd66-4d6a-80dc-b682df04b0f5.tmp</t>
  </si>
  <si>
    <t>mail.google.com/_/upload?authuser=0&amp;dcp=asu-n&amp;upload_id=AEnB2UrtSnAoLNYesBPnyfqrSAtnEoEtvOw0JlP_bCcdtHygBlYsWrQyIQR3pnvodulhe0qcJm_gKnTwezUdLR6okRMaNg7dAQ&amp;upload_protocol=resumable</t>
  </si>
  <si>
    <t>Agent State Details 07.01.2020.xlsx</t>
  </si>
  <si>
    <t>\\acsfs\deptos\Operacao\PCP\5 - Comum\PLANEJAMENTO BV\23 - EXTRAÇÕES\Agent State Details\2020\JANEIRO\Agent State Details 07.01.2020.xlsx</t>
  </si>
  <si>
    <t>C:\Users\luanaaoli\Downloads\</t>
  </si>
  <si>
    <t>0915469c99eb4ec19c3428ebec578353.csv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shared,sharedwithmedate,thumbnailversion,title,userpermission(role),workspaceids</t>
  </si>
  <si>
    <t>\\acsfs\deptos\CAS - Coordenação de Arquitetura de Soluções\Projetos\2019\NetFlix\207414 - NETFLIX - SAC\Proposta\OLD\Apresentacao Netflix_V3.pptx\</t>
  </si>
  <si>
    <t>D:\NetFlix\207414 - NETFLIX - SAC\Proposta\OLD\Apresentacao Netflix_V3.pptx</t>
  </si>
  <si>
    <t>\\acsfs\DEPTOS\Operacao\Banco_Votorantim\Comum\00 - COMUM - BV CARTÕES\EQUIPE ADILSON\Reneg\C851D5BE.tmp\</t>
  </si>
  <si>
    <t>\\acsfs\DEPTOS\Operacao\Banco_Votorantim\Comum\00 - COMUM - BV CARTÕES\EQUIPE ADILSON\Reneg\C851D5BE.tmp\:Zone.Identifier:$DATA</t>
  </si>
  <si>
    <t>\\acsfs\DEPTOS\Operacao\Banco_Votorantim\Comum\00 - COMUM - BV CARTÕES\EQUIPE ADILSON\Reneg\B67A964D.tmp\</t>
  </si>
  <si>
    <t>\\acsfs\DEPTOS\Operacao\Banco_Votorantim\Comum\00 - COMUM - BV CARTÕES\EQUIPE ADILSON\Reneg\B67A964D.tmp\:Zone.Identifier:$DATA</t>
  </si>
  <si>
    <t>\\acsfs\DEPTOS\Operacao\Banco_Votorantim\Comum\00 - COMUM - BV CARTÕES\EQUIPE ADILSON\Reneg\957F3F88.tmp\</t>
  </si>
  <si>
    <t>\\acsfs\DEPTOS\Operacao\Banco_Votorantim\Comum\00 - COMUM - BV CARTÕES\EQUIPE ADILSON\Reneg\957F3F88.tmp\:Zone.Identifier:$DATA</t>
  </si>
  <si>
    <t>\\acsfs\DEPTOS\Operacao\Banco_Votorantim\Comum\00 - COMUM - BV CARTÕES\EQUIPE ADILSON\Reneg\28A50CDF.tmp\</t>
  </si>
  <si>
    <t>\\acsfs\DEPTOS\Operacao\Banco_Votorantim\Comum\00 - COMUM - BV CARTÕES\EQUIPE ADILSON\Reneg\28A50CDF.tmp\:Zone.Identifier:$DATA</t>
  </si>
  <si>
    <t>\\acsfs\DEPTOS\Operacao\Banco_Votorantim\Comum\00 - COMUM - BV CARTÕES\EQUIPE ADILSON\Reneg\4E79F682.tmp\</t>
  </si>
  <si>
    <t>\\acsfs\DEPTOS\Operacao\Banco_Votorantim\Comum\00 - COMUM - BV CARTÕES\EQUIPE ADILSON\Reneg\4E79F682.tmp\:Zone.Identifier:$DATA</t>
  </si>
  <si>
    <t>\\acsfs\deptos\Operacao\Unica\1. Gestão da Área\1.5 Supervisão\Roberta\TH\</t>
  </si>
  <si>
    <t>Template_folha_retificadora Pablo.xlsx</t>
  </si>
  <si>
    <t>mail.google.com/_/upload?authuser=1&amp;dcp=asu-n&amp;upload_id=AEnB2UocY9BxzHGnlUttccdy887adCDyqgPpPA4fRax9dnll6ZmFeyELq9AllU6BEBJhv9FVY29jhK_4DJidmqsLX5aiC8U9Og&amp;upload_protocol=resumable</t>
  </si>
  <si>
    <t>E12B647.tmp</t>
  </si>
  <si>
    <t>\\acsfs\ACS\Gabriel da Silva\Contemporânea\Comissão e Incentivo\E12B647.tmp</t>
  </si>
  <si>
    <t>b0006b1c-30b7-4201-9a9f-f21805ade6f9.tmp</t>
  </si>
  <si>
    <t>\\acsfs\profiles$\henriquehmdo\Downloads\b0006b1c-30b7-4201-9a9f-f21805ade6f9.tmp</t>
  </si>
  <si>
    <t>\\acsfs\DEPTOS\Operacao\Banco_Votorantim\Comum\00 - COMUM - BV CARTÕES\EQUIPE ADILSON\Reneg\B1015061.tmp\</t>
  </si>
  <si>
    <t>\\acsfs\DEPTOS\Operacao\Banco_Votorantim\Comum\00 - COMUM - BV CARTÕES\EQUIPE ADILSON\Reneg\B1015061.tmp\:Zone.Identifier:$DATA</t>
  </si>
  <si>
    <t>\\acsfs\deptos\Operacao\Unica\1. Gestão da Área\1.5 Supervisão\Roberta\</t>
  </si>
  <si>
    <t>Template_folha_retificadora Deyse.xlsx</t>
  </si>
  <si>
    <t>Template_folha_retificadora Leonardo.xlsx</t>
  </si>
  <si>
    <t>PF INTER.xlsx</t>
  </si>
  <si>
    <t>8693A00A.tmp</t>
  </si>
  <si>
    <t>\\acsfs\ACS\Gabriel da Silva\Contemporânea\Comissão e Incentivo\8693A00A.tmp</t>
  </si>
  <si>
    <t>C:\Users\lucianafaa\OneDrive - Grupo Algar\2019\PROJETOS\INTER\Status Report -modelo.pptx\</t>
  </si>
  <si>
    <t>04d85d8e-9500-4585-8455-93f91a5fa7d5.tmp</t>
  </si>
  <si>
    <t>\\acsfs\profiles$\vivianibfs\Downloads\04d85d8e-9500-4585-8455-93f91a5fa7d5.tmp</t>
  </si>
  <si>
    <t>https://cscatende.algarnet.com.br/framework/formxml/ajax/gridformxml.php</t>
  </si>
  <si>
    <t>A8584C89.tmp</t>
  </si>
  <si>
    <t>\\acsfs\ACS\Gabriel da Silva\Contemporânea\Comissão e Incentivo\A8584C89.tmp</t>
  </si>
  <si>
    <t>FFC4A874.tmp</t>
  </si>
  <si>
    <t>\\acsfs\ACS\Gabriel da Silva\Contemporânea\Comissão e Incentivo\FFC4A874.tmp</t>
  </si>
  <si>
    <t>390139e0-ff85-4dfc-9195-16cb5521061d.tmp</t>
  </si>
  <si>
    <t>\\acsfs\profiles$\gabrielsma\Downloads\390139e0-ff85-4dfc-9195-16cb5521061d.tmp</t>
  </si>
  <si>
    <t>Não confirmado 260378.crdownload</t>
  </si>
  <si>
    <t>\\acsfs\ACS\Gabriel da Silva\Contemporânea\Comissão e Incentivo\Não confirmado 260378.crdownload</t>
  </si>
  <si>
    <t>D-1 POR OPERADOR - BV - DEZ (VERSÃO LEVE).xlsb:Zone.Identifier</t>
  </si>
  <si>
    <t>\\acsfs\ACS\Gabriel da Silva\Contemporânea\Comissão e Incentivo\D-1 POR OPERADOR - BV - DEZ (VERSÃO LEVE).xlsb:Zone.Identifier</t>
  </si>
  <si>
    <t>mail.google.com/_/upload?authuser=0&amp;dcp=asu-n&amp;upload_id=AEnB2Uqmg4npst0KPYr5ab0a2mAOXQdrHzB__grdi0hD7c1P6L2qUatwShnU42BMOe84NgjQXLURBS0O5sGavqwZPADKb1dbTdaynjJmenaOiWPII1ap-uo&amp;upload_protocol=resumable</t>
  </si>
  <si>
    <t>225399 - Readequação Contrato UNICA Plan Precificacao C019 B019 100% Dedicado 1 QLD-TRN.xlsb</t>
  </si>
  <si>
    <t>\\acsfs\deptos\CAS - Coordenação de Arquitetura de Soluções\Projetos\2020\Tribanco\225399 - TRIBANCO - Readequação Contrato Operação Única\Preço\225399 - Readequação Contrato UNICA Plan Precificacao C019 B019 100% Dedicado 1 QLD-TRN.xlsb\</t>
  </si>
  <si>
    <t>bd7917e0-99f4-4fcd-ba42-5dad92a33588.tmp</t>
  </si>
  <si>
    <t>\\acsfs\profiles$\rosileiam\Downloads\bd7917e0-99f4-4fcd-ba42-5dad92a33588.tmp</t>
  </si>
  <si>
    <t>b7eb5bf0-b19c-4879-8844-21f2de57afbe.tmp</t>
  </si>
  <si>
    <t>\\acsfs\profiles$\erichds\Downloads\b7eb5bf0-b19c-4879-8844-21f2de57afbe.tmp</t>
  </si>
  <si>
    <t>436b8a9a-8433-4123-81b0-3f89b1597a5c.tmp</t>
  </si>
  <si>
    <t>\\acsfs\profiles$\LUISPLS\Downloads\436b8a9a-8433-4123-81b0-3f89b1597a5c.tmp</t>
  </si>
  <si>
    <t>8a7ce5d7-165a-440a-9cf5-7c287fe00a83.tmp</t>
  </si>
  <si>
    <t>\\acsfs\profiles$\myllenardl\Downloads\8a7ce5d7-165a-440a-9cf5-7c287fe00a83.tmp</t>
  </si>
  <si>
    <t>73ba1fc7-15c8-4cb1-af97-a95af9449bf5.tmp</t>
  </si>
  <si>
    <t>\\acsfs\profiles$\gabrielsma\Downloads\73ba1fc7-15c8-4cb1-af97-a95af9449bf5.tmp</t>
  </si>
  <si>
    <t>Não confirmado 323010.crdownload</t>
  </si>
  <si>
    <t>\\acsfs\ACS\Gabriel da Silva\Contemporânea\Gen\Não confirmado 323010.crdownload</t>
  </si>
  <si>
    <t>Resumo Atividades - Operações Ana Lot.xlsx</t>
  </si>
  <si>
    <t>3658f357-09a3-4301-b0d5-43dfef4fcf0b.tmp</t>
  </si>
  <si>
    <t>\\acsfs\profiles$\rafaelacdoc\Downloads\3658f357-09a3-4301-b0d5-43dfef4fcf0b.tmp</t>
  </si>
  <si>
    <t>\\acsfs\profiles$\leonardobb\</t>
  </si>
  <si>
    <t>anotacoes.txt</t>
  </si>
  <si>
    <t>\\acsfs\profiles$\leonardobb\anotacoes.txt</t>
  </si>
  <si>
    <t>mail.google.com/sync/u/0/i/s?hl=pt-BR&amp;c=688</t>
  </si>
  <si>
    <t>4cebb309-d881-4e0b-b23f-1e2b40153ba1.tmp</t>
  </si>
  <si>
    <t>\\acsfs\profiles$\laurandos\Downloads\4cebb309-d881-4e0b-b23f-1e2b40153ba1.tmp</t>
  </si>
  <si>
    <t>5fdcda79-94ad-41f4-9154-a8b3d0ff6569.tmp</t>
  </si>
  <si>
    <t>\\acsfs\profiles$\laurandos\Downloads\5fdcda79-94ad-41f4-9154-a8b3d0ff6569.tmp</t>
  </si>
  <si>
    <t>ae69b7d6-c6ae-4f47-b08a-105ac3964017.tmp</t>
  </si>
  <si>
    <t>\\acsfs\profiles$\gabrielsma\Downloads\ae69b7d6-c6ae-4f47-b08a-105ac3964017.tmp</t>
  </si>
  <si>
    <t>Não confirmado 662844.crdownload</t>
  </si>
  <si>
    <t>\\acsfs\ACS\Gabriel da Silva\Contemporânea\Gen\Não confirmado 662844.crdownload</t>
  </si>
  <si>
    <t>8B278701.tmp</t>
  </si>
  <si>
    <t>\\acsfs\ACS\Gabriel da Silva\Contemporânea\Gen\8B278701.tmp</t>
  </si>
  <si>
    <t>~$baseTmoXgen_Dez.19.xlsx</t>
  </si>
  <si>
    <t>\\acsfs\ACS\Gabriel da Silva\Contemporânea\Gen\~$baseTmoXgen_Dez.19.xlsx</t>
  </si>
  <si>
    <t>~$BaseDezembro.xlsx</t>
  </si>
  <si>
    <t>\\acsfs\ACS\Gabriel da Silva\Contemporânea\Comissão e Incentivo\~$BaseDezembro.xlsx</t>
  </si>
  <si>
    <t>eb8a39ac-50c1-4ae5-845c-332231d16a76.tmp</t>
  </si>
  <si>
    <t>\\acsfs\profiles$\rosileiam\Downloads\eb8a39ac-50c1-4ae5-845c-332231d16a76.tmp</t>
  </si>
  <si>
    <t>d48e4c26-c37b-4439-a4e3-e931c52e87e2.tmp</t>
  </si>
  <si>
    <t>\\acsfs\profiles$\nathaliaos\Downloads\d48e4c26-c37b-4439-a4e3-e931c52e87e2.tmp</t>
  </si>
  <si>
    <t>mail.google.com/sync/u/0/i/s?hl=pt-BR&amp;c=702</t>
  </si>
  <si>
    <t>771f8718-3534-4170-93db-4717a083b850.tmp</t>
  </si>
  <si>
    <t>\\acsfs\profiles$\victorgl\Downloads\771f8718-3534-4170-93db-4717a083b850.tmp</t>
  </si>
  <si>
    <t>~$Agent_Utilization_Report.xlsx</t>
  </si>
  <si>
    <t>\\acsfs\ACS\Gabriel da Silva\Contemporânea\Gen\~$Agent_Utilization_Report.xlsx</t>
  </si>
  <si>
    <t>C282C6F3.tmp</t>
  </si>
  <si>
    <t>\\acsfs\ACS\Gabriel da Silva\Contemporânea\C282C6F3.tmp</t>
  </si>
  <si>
    <t>41800C26.tmp</t>
  </si>
  <si>
    <t>\\acsfs\ACS\Gabriel da Silva\Contemporânea\41800C26.tmp</t>
  </si>
  <si>
    <t>~$Agent_Utilization_Report_1219.xlsx</t>
  </si>
  <si>
    <t>\\acsfs\ACS\Gabriel da Silva\Contemporânea\Gen\~$Agent_Utilization_Report_1219.xlsx</t>
  </si>
  <si>
    <t>ea3404ab-d641-40ea-af84-21f156aaeeae.tmp</t>
  </si>
  <si>
    <t>\\acsfs\profiles$\Adrieledgc\Downloads\ea3404ab-d641-40ea-af84-21f156aaeeae.tmp</t>
  </si>
  <si>
    <t>5e924dd5-b4c8-4c56-a1ed-b4536e9d5565.tmp</t>
  </si>
  <si>
    <t>\\acsfs\profiles$\nathaliaos\Downloads\5e924dd5-b4c8-4c56-a1ed-b4536e9d5565.tmp</t>
  </si>
  <si>
    <t>AGENT LOGIN LOGOUT DETAILS REPORT 07.01.2020.xlsx</t>
  </si>
  <si>
    <t>\\acsfs\deptos\Operacao\PCP\5 - Comum\PLANEJAMENTO BV\23 - EXTRAÇÕES\Agente Login Logout details report\2020\JANEIRO\AGENT LOGIN LOGOUT DETAILS REPORT 07.01.2020.xlsx</t>
  </si>
  <si>
    <t>3f7d20dc-2170-41c9-aa8a-b2137bedd428.tmp</t>
  </si>
  <si>
    <t>\\acsfs\profiles$\brunalas\Downloads\3f7d20dc-2170-41c9-aa8a-b2137bedd428.tmp</t>
  </si>
  <si>
    <t>025a2491-8532-4593-b613-8bb3f203dd8b.tmp</t>
  </si>
  <si>
    <t>\\acsfs\profiles$\myllenardl\Downloads\025a2491-8532-4593-b613-8bb3f203dd8b.tmp</t>
  </si>
  <si>
    <t>A82850D5.tmp</t>
  </si>
  <si>
    <t>\\acsfs\ACS\Gabriel da Silva\Contemporânea\A82850D5.tmp</t>
  </si>
  <si>
    <t>31AE20B0.tmp</t>
  </si>
  <si>
    <t>\\acsfs\ACS\Gabriel da Silva\Contemporânea\31AE20B0.tmp</t>
  </si>
  <si>
    <t>7121A927.tmp</t>
  </si>
  <si>
    <t>\\acsfs\ACS\Gabriel da Silva\Contemporânea\7121A927.tmp</t>
  </si>
  <si>
    <t>c4451dc8-a321-4cb0-aa4f-93e8bbf7d6a4.tmp</t>
  </si>
  <si>
    <t>\\acsfs\profiles$\Adrieledgc\Downloads\c4451dc8-a321-4cb0-aa4f-93e8bbf7d6a4.tmp</t>
  </si>
  <si>
    <t>3390838a-110b-4dcc-b5bb-8508cc433343.tmp</t>
  </si>
  <si>
    <t>\\acsfs\profiles$\adelvinsonle\Downloads\3390838a-110b-4dcc-b5bb-8508cc433343.tmp</t>
  </si>
  <si>
    <t>C:\Users\vanessasara\Desktop\Algar Tech_4a REUGER 2019.pptx\</t>
  </si>
  <si>
    <t>8b3a6271-c8f4-4bf8-ad31-927dc89ff3b2.tmp</t>
  </si>
  <si>
    <t>\\acsfs\profiles$\leonardocb\Downloads\8b3a6271-c8f4-4bf8-ad31-927dc89ff3b2.tmp</t>
  </si>
  <si>
    <t>3a60223f-3aa1-4998-9057-15d7e8ba3d45.tmp</t>
  </si>
  <si>
    <t>\\acsfs\profiles$\leonardocb\Downloads\3a60223f-3aa1-4998-9057-15d7e8ba3d45.tmp</t>
  </si>
  <si>
    <t>c:\users\flaviacno\appdata\local\temp\</t>
  </si>
  <si>
    <t>.session64</t>
  </si>
  <si>
    <t>Não confirmado 949856.crdownload</t>
  </si>
  <si>
    <t>\\acsfs\DEPTOS\Operacao\Banco_Votorantim\Supervisao\CAMILLA LIMA RODRIGUES\Não confirmado 949856.crdownload</t>
  </si>
  <si>
    <t>87ea2a63-8078-445e-8b6e-5b3133645ca8.tmp</t>
  </si>
  <si>
    <t>\\acsfs\profiles$\rosileiam\Downloads\87ea2a63-8078-445e-8b6e-5b3133645ca8.tmp</t>
  </si>
  <si>
    <t>676b88b2-591a-4e30-8735-6f29eac47a0a.tmp</t>
  </si>
  <si>
    <t>\\acsfs\profiles$\Adrieledgc\Downloads\676b88b2-591a-4e30-8735-6f29eac47a0a.tmp</t>
  </si>
  <si>
    <t>\\acsfs\DEPTOS\Operacao\Banco_Votorantim\Comum\00 - COMUM - BV CARTÕES\EQUIPE ADILSON\Reneg\F373BF38.tmp\</t>
  </si>
  <si>
    <t>\\acsfs\DEPTOS\Operacao\Banco_Votorantim\Comum\00 - COMUM - BV CARTÕES\EQUIPE ADILSON\Reneg\F373BF38.tmp\:Zone.Identifier:$DATA</t>
  </si>
  <si>
    <t>Reneg - Vcto 20-12-19 1.xlsx</t>
  </si>
  <si>
    <t>\\acsfs\DEPTOS\Operacao\Banco_Votorantim\Comum\00 - COMUM - BV CARTÕES\EQUIPE ADILSON\Reneg\Reneg - Vcto 20-12-19 1.xlsx</t>
  </si>
  <si>
    <t>mail.google.com/sync/u/0/i/s?hl=pt-BR&amp;c=718</t>
  </si>
  <si>
    <t>04-01 RELATORIO DE LOGIN AVON.xlsm</t>
  </si>
  <si>
    <t>\\acsfs\deptos\Operacao\PCP\5 - Comum\CONTROL DESK\2 - DAC2\Control Desk AVON\Relatorios\Status de login\2020\04-01 RELATORIO DE LOGIN AVON.xlsm</t>
  </si>
  <si>
    <t>Não confirmado 160402.crdownload</t>
  </si>
  <si>
    <t>\\acsfs\DEPTOS\Operacao\Banco_Votorantim\Supervisao\CAMILLA LIMA RODRIGUES\Não confirmado 160402.crdownload</t>
  </si>
  <si>
    <t>Não confirmado 308547.crdownload</t>
  </si>
  <si>
    <t>\\acsfs\DEPTOS\Operacao\Banco_Votorantim\Supervisao\CAMILLA LIMA RODRIGUES\Não confirmado 308547.crdownload</t>
  </si>
  <si>
    <t>d4195714-df96-48c7-8466-ea8ddf1af409.tmp</t>
  </si>
  <si>
    <t>\\acsfs\profiles$\rosileiam\Downloads\d4195714-df96-48c7-8466-ea8ddf1af409.tmp</t>
  </si>
  <si>
    <t>569d9d95-bc66-40be-bce8-d093c23946a1.tmp</t>
  </si>
  <si>
    <t>\\acsfs\profiles$\andreapdsg\Downloads\569d9d95-bc66-40be-bce8-d093c23946a1.tmp</t>
  </si>
  <si>
    <t>21843dda-b75d-471d-b1d8-71975534ff8d.tmp</t>
  </si>
  <si>
    <t>\\acsfs\profiles$\andreapdsg\Downloads\21843dda-b75d-471d-b1d8-71975534ff8d.tmp</t>
  </si>
  <si>
    <t>ac3c87c9-ee3a-4157-969d-8439d895c493.tmp</t>
  </si>
  <si>
    <t>\\acsfs\profiles$\kamilamrc\Downloads\ac3c87c9-ee3a-4157-969d-8439d895c493.tmp</t>
  </si>
  <si>
    <t>mail.google.com/sync/u/0/i/s?hl=pt-BR&amp;c=760</t>
  </si>
  <si>
    <t>mail.google.com/sync/u/0/i/s?hl=pt-BR&amp;c=773</t>
  </si>
  <si>
    <t>mail.google.com/sync/u/0/i/s?hl=pt-BR&amp;c=775</t>
  </si>
  <si>
    <t>mail.google.com/sync/u/0/i/s?hl=pt-BR&amp;c=777</t>
  </si>
  <si>
    <t>84f84cdf-c3b9-4fac-a85a-c54e1568349c.tmp</t>
  </si>
  <si>
    <t>\\acsfs\profiles$\fabianafv\Downloads\84f84cdf-c3b9-4fac-a85a-c54e1568349c.tmp</t>
  </si>
  <si>
    <t>fabricio.targino@cscalgar.com.br;</t>
  </si>
  <si>
    <t>12.2019 - Final - Justificativas OBZ_Oficial - Cópia.xlsx</t>
  </si>
  <si>
    <t>fabricio.targino@cscalgar.com.br</t>
  </si>
  <si>
    <t>7ab40613-6f99-4ce8-9dce-e64746517d11.tmp</t>
  </si>
  <si>
    <t>\\acsfs\profiles$\LUISPLS\Downloads\7ab40613-6f99-4ce8-9dce-e64746517d11.tmp</t>
  </si>
  <si>
    <t>08-01 RELATORIO DE LOGIN AVON.xlsm</t>
  </si>
  <si>
    <t>\\acsfs\deptos\Operacao\PCP\5 - Comum\CONTROL DESK\2 - DAC2\Control Desk AVON\Relatorios\Status de login\2020\08-01 RELATORIO DE LOGIN AVON.xlsm</t>
  </si>
  <si>
    <t>\\acsfs\ACS\Rateios\ORACLE - NOVOS CÓDIGOS DE CONTABILIZAÇÃO\</t>
  </si>
  <si>
    <t>FLEXFIELDS - Códigos de Contabilização OEBS - ATUALIZADA.xlsx</t>
  </si>
  <si>
    <t>8CBCCD63.tmp</t>
  </si>
  <si>
    <t>\\acsfs\ACS\Gabriel da Silva\Contemporânea\8CBCCD63.tmp</t>
  </si>
  <si>
    <t>657614cb-6bc4-4470-ae4e-f5ff58f982be.tmp</t>
  </si>
  <si>
    <t>\\acsfs\profiles$\leonardobb\Downloads\657614cb-6bc4-4470-ae4e-f5ff58f982be.tmp</t>
  </si>
  <si>
    <t>~$D-1 POR OPERADOR - BV - DEZ (VERSÃO LEVE).xlsb</t>
  </si>
  <si>
    <t>\\acsfs\ACS\Gabriel da Silva\Contemporânea\Comissão e Incentivo\~$D-1 POR OPERADOR - BV - DEZ (VERSÃO LEVE).xlsb</t>
  </si>
  <si>
    <t>9F762B56.tmp</t>
  </si>
  <si>
    <t>\\acsfs\ACS\Gabriel da Silva\Contemporânea\9F762B56.tmp</t>
  </si>
  <si>
    <t>outlook.office.com/owa/service.svc?action=CreateItem&amp;app=Mail&amp;n=128</t>
  </si>
  <si>
    <t>eliane.martins@bv.com.br;gabrielsma@bv.algartech.com;</t>
  </si>
  <si>
    <t>eliane.martins@bv.com.br,gabrielsma@bv.algartech.com</t>
  </si>
  <si>
    <t>outlook.office.com/owa/service.svc?action=UpdateItem&amp;app=Mail&amp;n=154</t>
  </si>
  <si>
    <t>60f2f326-7929-46f6-9c1d-772e4adf0479.tmp</t>
  </si>
  <si>
    <t>\\acsfs\profiles$\leonardobb\Downloads\60f2f326-7929-46f6-9c1d-772e4adf0479.tmp</t>
  </si>
  <si>
    <t>cc61e5b5-8771-4281-9315-4e6881a3d62f.tmp</t>
  </si>
  <si>
    <t>\\acsfs\profiles$\leonardobb\Downloads\cc61e5b5-8771-4281-9315-4e6881a3d62f.tmp</t>
  </si>
  <si>
    <t>64a22992-b739-4a48-8b6b-2f6ed4fe858c.tmp</t>
  </si>
  <si>
    <t>\\acsfs\profiles$\leonardobb\Downloads\64a22992-b739-4a48-8b6b-2f6ed4fe858c.tmp</t>
  </si>
  <si>
    <t>e8796ef5-f4e4-4d7f-a840-de4cbc6e7271.tmp</t>
  </si>
  <si>
    <t>\\acsfs\profiles$\leonardobb\Downloads\e8796ef5-f4e4-4d7f-a840-de4cbc6e7271.tmp</t>
  </si>
  <si>
    <t>3d609118-7ea3-45d9-a1eb-857464d05955.tmp</t>
  </si>
  <si>
    <t>\\acsfs\profiles$\leonardobb\Downloads\3d609118-7ea3-45d9-a1eb-857464d05955.tmp</t>
  </si>
  <si>
    <t>37d49990-a49d-48e2-8842-ebcc6d57f78b.tmp</t>
  </si>
  <si>
    <t>\\acsfs\profiles$\leonardobb\Downloads\37d49990-a49d-48e2-8842-ebcc6d57f78b.tmp</t>
  </si>
  <si>
    <t>winrt--{S-1-5-21-602162358-764733703-839522115-358552}-.searchconnector-ms</t>
  </si>
  <si>
    <t>\\acsfs\profiles$\taylaedoa\Searches\winrt--{S-1-5-21-602162358-764733703-839522115-358552}-.searchconnector-ms</t>
  </si>
  <si>
    <t>3dbcc40f-bdff-4601-a463-08653a5fe96a.tmp</t>
  </si>
  <si>
    <t>\\acsfs\profiles$\taylaedoa\Downloads\3dbcc40f-bdff-4601-a463-08653a5fe96a.tmp</t>
  </si>
  <si>
    <t>8578b5a9-1474-4d15-84b9-cce8fb7a2787.tmp</t>
  </si>
  <si>
    <t>\\acsfs\profiles$\taylaedoa\Downloads\8578b5a9-1474-4d15-84b9-cce8fb7a2787.tmp</t>
  </si>
  <si>
    <t>mail.google.com/_/upload?authuser=1&amp;dcp=asu-n&amp;upload_id=AEnB2Uqk2K1kapj8SxNDV5yTIbAvqGTMk7T4sFDQf-ZBC2OgJrjjRKp8ySE3H-7Z7zfhsZbsOlL8HzacSo57TCeZ06dwcNu7YXGZYZO0y1LQLsYvCDE_kSU&amp;upload_protocol=resumable</t>
  </si>
  <si>
    <t>Novas alavancas_Elux_cenário interno.xlsx</t>
  </si>
  <si>
    <t>10.12.240.27</t>
  </si>
  <si>
    <t>mail.google.com/_/upload?authuser=1&amp;dcp=asu-n&amp;upload_id=AEnB2UpUz4mg60AmVmEivaiBryLLbk4xzYdG8y7VxGmv_wqg-JeER9b4ma7DkTDTjrIl313H2mW2oRvXoCrwlk0iTdtv9At-lUkO9zBi4fSFSNaU07Jtibk&amp;upload_protocol=resumable</t>
  </si>
  <si>
    <t>C:\Users\brunop\Desktop\</t>
  </si>
  <si>
    <t>data.csv</t>
  </si>
  <si>
    <t>1caac6e0-7680-4da3-ad79-6511f5cd43db.tmp</t>
  </si>
  <si>
    <t>\\acsfs\profiles$\laurandos\Downloads\1caac6e0-7680-4da3-ad79-6511f5cd43db.tmp</t>
  </si>
  <si>
    <t>mail.google.com/sync/u/0/i/s?hl=pt-BR&amp;c=797</t>
  </si>
  <si>
    <t>mail.google.com/sync/u/0/i/s?hl=pt-BR&amp;c=799</t>
  </si>
  <si>
    <t>mail.google.com/sync/u/0/i/s?hl=pt-BR&amp;c=805</t>
  </si>
  <si>
    <t>mail.google.com/sync/u/0/i/s?hl=pt-BR&amp;c=807</t>
  </si>
  <si>
    <t>34C6231B.tmp</t>
  </si>
  <si>
    <t>\\acsfs\ACS\Gabriel da Silva\Contemporânea\34C6231B.tmp</t>
  </si>
  <si>
    <t>\\acsfs\DEPTOS\Operacao\Banco_Votorantim\Comum\00 - COMUM - BV CARTÕES\EQUIPE ADILSON\Reneg\95B5D936.tmp\</t>
  </si>
  <si>
    <t>\\acsfs\DEPTOS\Operacao\Banco_Votorantim\Comum\00 - COMUM - BV CARTÕES\EQUIPE ADILSON\Reneg\95B5D936.tmp\:Zone.Identifier:$DATA</t>
  </si>
  <si>
    <t>\\acsfs\DEPTOS\Operacao\Banco_Votorantim\Comum\00 - COMUM - BV CARTÕES\EQUIPE ADILSON\Reneg\2F0B4B25.tmp\</t>
  </si>
  <si>
    <t>\\acsfs\DEPTOS\Operacao\Banco_Votorantim\Comum\00 - COMUM - BV CARTÕES\EQUIPE ADILSON\Reneg\2F0B4B25.tmp\:Zone.Identifier:$DATA</t>
  </si>
  <si>
    <t>\\acsfs\DEPTOS\Operacao\Banco_Votorantim\Comum\00 - COMUM - BV CARTÕES\EQUIPE ADILSON\Reneg\A260F140.tmp\</t>
  </si>
  <si>
    <t>\\acsfs\DEPTOS\Operacao\Banco_Votorantim\Comum\00 - COMUM - BV CARTÕES\EQUIPE ADILSON\Reneg\A260F140.tmp\:Zone.Identifier:$DATA</t>
  </si>
  <si>
    <t>mail.google.com/sync/u/0/i/s?hl=pt-BR&amp;c=814</t>
  </si>
  <si>
    <t>mail.google.com/sync/u/0/i/s?hl=pt-BR&amp;c=817</t>
  </si>
  <si>
    <t>mail.google.com/sync/u/0/i/s?hl=pt-BR&amp;c=819</t>
  </si>
  <si>
    <t>mail.google.com/sync/u/0/i/s?hl=pt-BR&amp;c=821</t>
  </si>
  <si>
    <t>mail.google.com/sync/u/0/i/s?hl=pt-BR&amp;c=828</t>
  </si>
  <si>
    <t>mail.google.com/sync/u/0/i/s?hl=pt-BR&amp;c=832</t>
  </si>
  <si>
    <t>B444CDAC.tmp</t>
  </si>
  <si>
    <t>\\acsfs\ACS\Gabriel da Silva\Contemporânea\B444CDAC.tmp</t>
  </si>
  <si>
    <t>~$TMO.xlsm</t>
  </si>
  <si>
    <t>\\acsfs\ACS\Gabriel da Silva\Contemporânea\~$TMO.xlsm</t>
  </si>
  <si>
    <t>ED722FD3.tmp</t>
  </si>
  <si>
    <t>\\acsfs\ACS\Gabriel da Silva\Contemporânea\Comissão e Incentivo\ED722FD3.tmp</t>
  </si>
  <si>
    <t>A0D0D686.tmp</t>
  </si>
  <si>
    <t>\\acsfs\ACS\Gabriel da Silva\Contemporânea\A0D0D686.tmp</t>
  </si>
  <si>
    <t>bb31ed1c-fde6-4761-9318-0c5bdf6d923e.tmp</t>
  </si>
  <si>
    <t>\\acsfs\profiles$\rafaelacdoc\Downloads\bb31ed1c-fde6-4761-9318-0c5bdf6d923e.tmp</t>
  </si>
  <si>
    <t>976b47c8-f3a2-405b-ba1a-050a42e46324.tmp</t>
  </si>
  <si>
    <t>\\acsfs\profiles$\philipegsf\Downloads\976b47c8-f3a2-405b-ba1a-050a42e46324.tmp</t>
  </si>
  <si>
    <t>\\acsfs\deptos\Regionais\SPO\TALENTOS_HUMANOS_SPO\SESMT_SPO\2015_ORGANIZAÇÃO DOS DIRETÓRIOS\Relatorios de Inspeção\2018\</t>
  </si>
  <si>
    <t>Relatório de Inspeção de Segurança 04.xls</t>
  </si>
  <si>
    <t>ancestorhasaugmentedpermissions,containsunsubscribedchildren,copyable,displayname,domain,emailaddress,explicitlytrashed,filesize,foldercolor�,hasthumbnail,hasvisitorpermissions,id,id),items(kind,ken,lastmodifyinguser(kind,lastviewedbymedate,mimetype,modifiedbymedate,modifieddate,ontainsunsubscribedchildren,owners(kind,permissionid,picture,quotabytesused,shareable,shared,sharedwithmedate,subscribed,thumbnailversion,title,userpermission(role)</t>
  </si>
  <si>
    <t>C:\Users\Flavia\Downloads\</t>
  </si>
  <si>
    <t>Template Subir Sobreaviso_Modelo.xlsx</t>
  </si>
  <si>
    <t>mail.google.com/_/upload?authuser=1&amp;dcp=asu-n&amp;upload_id=AEnB2Ur8LrVafGKbdVRp6LuNI7MQTPatOgigtL5HMLYe98IRCmXfhPXCUETOtfgIg87saj2B5CO67tRJKqJ6q8Gk8sVZ0u1_KnQPl3hrJVatprjVXEBlwSA&amp;upload_protocol=resumable</t>
  </si>
  <si>
    <t>2.csv</t>
  </si>
  <si>
    <t>celso.goncalves@bradesco.com.br;lucieneili@algartech.com;patricia.brito@bradesco.com.br;</t>
  </si>
  <si>
    <t>celso.goncalves@bradesco.com.br,lucieneili@algartech.com,patricia.brito@bradesco.com.br</t>
  </si>
  <si>
    <t>3fc5a155-048b-4e5a-8dfe-d30fe4315dcb.tmp</t>
  </si>
  <si>
    <t>\\acsfs\profiles$\marcosvnds\Downloads\3fc5a155-048b-4e5a-8dfe-d30fe4315dcb.tmp</t>
  </si>
  <si>
    <t>8b1589e3-0588-45da-9ff4-325972a3d856.tmp</t>
  </si>
  <si>
    <t>\\acsfs\profiles$\marcosvnds\Downloads\8b1589e3-0588-45da-9ff4-325972a3d856.tmp</t>
  </si>
  <si>
    <t>00bdfb1d-2f3e-4e8b-a28d-e22f26902392.tmp</t>
  </si>
  <si>
    <t>\\acsfs\profiles$\marcosvnds\Downloads\00bdfb1d-2f3e-4e8b-a28d-e22f26902392.tmp</t>
  </si>
  <si>
    <t>0f434872-e1d9-4075-aa53-0edf52a3a158.tmp</t>
  </si>
  <si>
    <t>\\acsfs\profiles$\marcosvnds\Downloads\0f434872-e1d9-4075-aa53-0edf52a3a158.tmp</t>
  </si>
  <si>
    <t>3adef049-f652-4a29-b9fb-ee2ddd5b6da8.tmp</t>
  </si>
  <si>
    <t>\\acsfs\profiles$\gabrielamdp\Downloads\3adef049-f652-4a29-b9fb-ee2ddd5b6da8.tmp</t>
  </si>
  <si>
    <t>https://mkpes.adquira.com/marketplace/control/app/upload/0/333/action/9f5e9cf4-9d6a-4b29-94d8-c459ba1f9c59</t>
  </si>
  <si>
    <t>\\acsfs.acs.com.br\deptos\Controladoria\23.Faturamento\1.ALGAR TECNOLOGIA\2020\02.CAMPINAS\TELEFONICA\</t>
  </si>
  <si>
    <t>FICHEIRO NF 10813.xlsx</t>
  </si>
  <si>
    <t>e7f8cea9-d0b3-4d17-a536-2da6c9501e16.tmp</t>
  </si>
  <si>
    <t>\\acsfs\profiles$\alinepp\Downloads\e7f8cea9-d0b3-4d17-a536-2da6c9501e16.tmp</t>
  </si>
  <si>
    <t>mail.google.com/sync/u/0/i/s?hl=pt-BR&amp;c=574</t>
  </si>
  <si>
    <t>926be2fb-4f2a-4125-94db-032cc20c8d1b.tmp</t>
  </si>
  <si>
    <t>\\acsfs\profiles$\andrezacapf\Downloads\926be2fb-4f2a-4125-94db-032cc20c8d1b.tmp</t>
  </si>
  <si>
    <t>2a69ecc2-f801-4efc-ad03-7df4e3bcfe6a.tmp</t>
  </si>
  <si>
    <t>\\acsfs\profiles$\andrezacapf\Downloads\2a69ecc2-f801-4efc-ad03-7df4e3bcfe6a.tmp</t>
  </si>
  <si>
    <t>bc49d6e5-17d3-494a-b2ad-82bed567984b.tmp</t>
  </si>
  <si>
    <t>\\acsfs\profiles$\andrezacapf\Downloads\bc49d6e5-17d3-494a-b2ad-82bed567984b.tmp</t>
  </si>
  <si>
    <t>https://mkpes.adquira.com/marketplace/control/app/upload/0/1482/action/748ae713-e919-4f02-bc7e-c749d55cc46f</t>
  </si>
  <si>
    <t>https://mkpes.adquira.com/marketplace/control/app/upload/0/1604/action/aa33a42f-f481-476e-b56e-39341893f5e0</t>
  </si>
  <si>
    <t>https://mkpes.adquira.com/marketplace/control/app/upload/0/2030/action/34a99110-7012-42bc-aa18-c59a4e06e1c9</t>
  </si>
  <si>
    <t>atestado veronica 06 12 19.jpg</t>
  </si>
  <si>
    <t>mail.google.com/sync/u/0/i/fd?hl=pt-BR&amp;c=592</t>
  </si>
  <si>
    <t>mail.google.com/sync/u/0/i/s?hl=pt-BR&amp;c=605</t>
  </si>
  <si>
    <t>a15d30ab-7ba1-4196-8800-20b21e7f6e9a.tmp</t>
  </si>
  <si>
    <t>\\acsfs\profiles$\matheusmax\Downloads\a15d30ab-7ba1-4196-8800-20b21e7f6e9a.tmp</t>
  </si>
  <si>
    <t>52fa7da8-f613-498c-9509-c743744707d7.tmp</t>
  </si>
  <si>
    <t>\\acsfs\profiles$\gabrielamdp\Downloads\52fa7da8-f613-498c-9509-c743744707d7.tmp</t>
  </si>
  <si>
    <t>f0293663-74a4-4b3a-8219-2992504bc068.tmp</t>
  </si>
  <si>
    <t>\\acsfs\profiles$\gabrielamdp\Downloads\f0293663-74a4-4b3a-8219-2992504bc068.tmp</t>
  </si>
  <si>
    <t>https://mkpes.adquira.com/marketplace/control/app/upload/0/2738/action/199f6e34-fe7c-4683-b6b6-5fde5f32f664</t>
  </si>
  <si>
    <t>\\acsfs\DEPTOS\Operacao\Banco_Votorantim\Comum\00 - COMUM - BV CARTÕES\EQUIPE ADILSON\Reneg\3233C298.tmp\</t>
  </si>
  <si>
    <t>\\acsfs\DEPTOS\Operacao\Banco_Votorantim\Comum\00 - COMUM - BV CARTÕES\EQUIPE ADILSON\Reneg\3233C298.tmp\:Zone.Identifier:$DATA</t>
  </si>
  <si>
    <t>mail.google.com/_/upload?authuser=0&amp;dcp=asu-n&amp;upload_id=AEnB2UolrA7FsRZCik6PQtedKqCw_0gSpi5DyRGkcx1PbNZYRvPFNKNAg0vvrgAoKmWxq07UdNR3_ForAJrjRpwW2K4aI2YRQnspaV2MCa7il6ZWMa6QAGs&amp;upload_protocol=resumable</t>
  </si>
  <si>
    <t>024186af-e64f-403f-b6f7-c5279b26b4d1.tmp</t>
  </si>
  <si>
    <t>\\acsfs\profiles$\myllenardl\Downloads\024186af-e64f-403f-b6f7-c5279b26b4d1.tmp</t>
  </si>
  <si>
    <t>f56dfb5e-266a-4cb3-a332-caa22da2f986.tmp</t>
  </si>
  <si>
    <t>\\acsfs\profiles$\philipegsf\Downloads\f56dfb5e-266a-4cb3-a332-caa22da2f986.tmp</t>
  </si>
  <si>
    <t>\\udpavonfs01\AVON\00 - ACOMPANHAMENTO AVON\05 - OCUPAÇÃO BKO\2020\1 - JANEIRO\RELATÓRIO\07.01.2020\</t>
  </si>
  <si>
    <t>mail.google.com/sync/u/0/i/s?hl=pt-BR&amp;c=847</t>
  </si>
  <si>
    <t>a4a2cd2c-c0b3-4aaf-bb2c-c8bcd0a3787e.tmp</t>
  </si>
  <si>
    <t>\\acsfs\profiles$\alinepp\Downloads\a4a2cd2c-c0b3-4aaf-bb2c-c8bcd0a3787e.tmp</t>
  </si>
  <si>
    <t>c7da136e-89c9-480e-a302-982619366de2.tmp</t>
  </si>
  <si>
    <t>\\acsfs\profiles$\brunalas\Downloads\c7da136e-89c9-480e-a302-982619366de2.tmp</t>
  </si>
  <si>
    <t>bdfb454b-f316-49fa-8229-0bb5a68b4c40.tmp</t>
  </si>
  <si>
    <t>\\acsfs\profiles$\myllenardl\Downloads\bdfb454b-f316-49fa-8229-0bb5a68b4c40.tmp</t>
  </si>
  <si>
    <t>10.201.28.91</t>
  </si>
  <si>
    <t>BC-85-56-FD-F9-DD</t>
  </si>
  <si>
    <t>CPNB-LARISSACO</t>
  </si>
  <si>
    <t>marcosvsoa</t>
  </si>
  <si>
    <t>C:\Users\marcosvsoa\Desktop\</t>
  </si>
  <si>
    <t>Novo Modelo de Prévia.xlsb</t>
  </si>
  <si>
    <t>0.481,0.938],1.269,1.269],11.237,12.358,120.32500002533197,15.89,15.89],183.32000030204654,20.015,20.015],22.248],22.590000182390213,25.059999898076057,25.364,25.364],3,30.416],3136.1349998041987,3181.4549998380244,3265.174999833107,3332.3400001972914,3384.7550000064075,3386.1799999140203,3392.8900002501905,35.669],44.435,44.435],45.795,45.795],5,50.6199998781085,50792.64000011608,50793.42500027269,50796.36000003666,50797.10500035435,50797.55500005558,50884.62500041351,50886.400000192225,53863.790000323206,53893.20000028238,53948.474999982864,54.035000037401915,54074.02000017464,54150.73999995366,7.908,7a7cd_u x-goog-authuser: 2 --=====sh8ty2m2hahy=====-- \)\\\]\))&lt;sicrawlermaxarchivefilesize&gt;(51200000)&lt;sic��_x0012_d,["https://drive.google.com/_/drive_fe/_/js/k=drive_fe.main.pt_br.jntnxbugcby.o/am=mbrqmnyi_cf4iqam/d=0/ct=zgms/rs=afb8gsyxt7gkydvfsz5dor-zm3dksvpt9w/m=sy10p,["https://drive.google.com/_/drive_fe/_/js/k=drive_fe.main.pt_br.jntnxbugcby.o/am=mbrqmnyi_cf4iqam/d=0/ct=zgms/rs=afb8gsyxt7gkydvfsz5dor-zm3dksvpt</t>
  </si>
  <si>
    <t>Novo Modelo de Prévia.xlsx</t>
  </si>
  <si>
    <t>ancest,ancestorhasaugmentedpermissions,containsunsubscribedchildren,displayname,domain,emailaddress,explicitlytrashed,filesize,hasthumbnail,hasvisitorpermissions,id,id),items(kind,ken,ken=afnosbz,lastmodifyinguser(kind,lastviewedbymedate,mimetype,modifiedbymedate,modifieddate,ontainsunsubscribedchildren,owners(kind,permissionid,pictu,picture,quotabytesused�,rpermissions,shared,sharedwithmedate,thumbnailve,thumbnailversion,title,userpermission(role),workspaceids</t>
  </si>
  <si>
    <t>2d7b99a6-4dc9-44b9-8d16-3da4967d49ac.tmp</t>
  </si>
  <si>
    <t>\\acsfs\profiles$\andreapdsg\Downloads\2d7b99a6-4dc9-44b9-8d16-3da4967d49ac.tmp</t>
  </si>
  <si>
    <t>https://mkpes.adquira.com/marketplace/control/app/upload/0/18927/action/1907efdb-d752-4a10-97a8-73f97ef9d3b9</t>
  </si>
  <si>
    <t>https://mkpes.adquira.com/marketplace/control/app/upload/0/21736/action/ec27944d-67ba-4b75-b052-3ff211c7db25</t>
  </si>
  <si>
    <t>277a3e8d-8691-48ef-b9b8-5ea7d88da451.tmp</t>
  </si>
  <si>
    <t>\\acsfs\profiles$\alinepp\Downloads\277a3e8d-8691-48ef-b9b8-5ea7d88da451.tmp</t>
  </si>
  <si>
    <t>548211f4-936e-4aed-9ce5-592eda0a7263.tmp</t>
  </si>
  <si>
    <t>\\acsfs\profiles$\alinepp\Downloads\548211f4-936e-4aed-9ce5-592eda0a7263.tmp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�,shared,sharedwithmedate,thumbnailver,thumbnailversion,title,userpermission(role),workspaceids</t>
  </si>
  <si>
    <t>1dec64d7-78f4-401a-97e4-117f43bc5659.tmp</t>
  </si>
  <si>
    <t>\\acsfs\profiles$\rafaelacdoc\Downloads\1dec64d7-78f4-401a-97e4-117f43bc5659.tmp</t>
  </si>
  <si>
    <t>https://mkpes.adquira.com/marketplace/control/app/upload/0/23242/action/61fc9d3d-6345-47f2-8fa1-f8d8b8588de0</t>
  </si>
  <si>
    <t>20b7a21f-188a-48fc-a98e-b62181895edd.tmp</t>
  </si>
  <si>
    <t>\\acsfs\profiles$\alinepp\Downloads\20b7a21f-188a-48fc-a98e-b62181895edd.tmp</t>
  </si>
  <si>
    <t>c8721208-72be-4953-b0da-b34c12a26599.tmp</t>
  </si>
  <si>
    <t>\\acsfs\profiles$\alinepp\Downloads\c8721208-72be-4953-b0da-b34c12a26599.tmp</t>
  </si>
  <si>
    <t>c3afe057-84fc-4e03-ab4c-1dc58b07e318.tmp</t>
  </si>
  <si>
    <t>\\acsfs\profiles$\victorgl\Downloads\c3afe057-84fc-4e03-ab4c-1dc58b07e318.tmp</t>
  </si>
  <si>
    <t>10.200.66.172</t>
  </si>
  <si>
    <t>https://mkpes.adquira.com/marketplace/control/app/upload/0/25513/action/63cb5425-ea96-4987-ad0c-05f5b7d4130d</t>
  </si>
  <si>
    <t>f2cb9674-8614-43e8-9293-855bfbb2df2f.tmp</t>
  </si>
  <si>
    <t>\\acsfs\profiles$\regisadsa\Downloads\f2cb9674-8614-43e8-9293-855bfbb2df2f.tmp</t>
  </si>
  <si>
    <t>image2020-01-08-180612.pdf</t>
  </si>
  <si>
    <t>mail.google.com/_/upload?authuser=0&amp;dcp=asu-n&amp;upload_id=AEnB2UqypsAFDSZbdsUPd2CDtIS35BNCpyRyL-Vy7ZPynkirbibXKawGR0_N3i4pQXqeENJi8ZM1_ZYT6DsIaMGfLtaCP_pIP0-Tbo7WX1IiM1rBcZNA83c&amp;upload_protocol=resumable</t>
  </si>
  <si>
    <t>\\acsfs\deptos\Operacao\PCP\5 - Comum\ACOMPANHAMENTO AVON\04. RAIO X\2019\</t>
  </si>
  <si>
    <t>12.Raio X Avon_Dezembro.xlsx</t>
  </si>
  <si>
    <t>5c2b95c4-f9d4-4a69-9108-fe0564329975.tmp</t>
  </si>
  <si>
    <t>\\acsfs\profiles$\Adrieledgc\Downloads\5c2b95c4-f9d4-4a69-9108-fe0564329975.tmp</t>
  </si>
  <si>
    <t>1d19de56-8174-4df1-ba57-535a12fa0d6b.tmp</t>
  </si>
  <si>
    <t>\\acsfs\profiles$\Adrieledgc\Downloads\1d19de56-8174-4df1-ba57-535a12fa0d6b.tmp</t>
  </si>
  <si>
    <t>karinars@algartech.com;</t>
  </si>
  <si>
    <t>karinars@algartech.com</t>
  </si>
  <si>
    <t>5d6e3310-fa30-44cb-8b22-f80b6014bda5.tmp</t>
  </si>
  <si>
    <t>\\acsfs\profiles$\LUISPLS\Downloads\5d6e3310-fa30-44cb-8b22-f80b6014bda5.tmp</t>
  </si>
  <si>
    <t>rosilenedlf@algartech.com</t>
  </si>
  <si>
    <t>andrelts@algartech.com;carlos.florencio@algartech.com;carlossfj@algartech.com;claudianeaf@algartech.com;edienelnpi@algartech.com;fernandaman@algartech.com;francisco_cardoso@whirlpool.com;geancds@algartech.com;izadoramdor@algartech.com;karinars@algartech.com;luanda_s_almeida@whirlpool.com;marinalvaidao@algartech.com;mateusms@algartech.com;michelro@algartech.com;mirnapw@algartech.com;patriciams@algartech.com;rodrigombu@algartech.com;rondinelesa@algartech.com;supervisaowhirlpool-negocioagua@algartech.com;tassianecv@whirlpool.algartech.com;thais_coimbra_fonseca_algar@whirlpool.com;thaisom@algartech.com;thalleshmc@algartech.com;viniciussg@algartech.com;</t>
  </si>
  <si>
    <t>PAS ECOHOUSE.xlsx</t>
  </si>
  <si>
    <t>andrelts@algartech.com,carlos.florencio@algartech.com,carlossfj@algartech.com,claudianeaf@algartech.com,edienelnpi@algartech.com,fernandaman@algartech.com,francisco_cardoso@whirlpool.com,geancds@algartech.com,izadoramdor@algartech.com,karinars@algartech.com,luanda_s_almeida@whirlpool.com,marinalvaidao@algartech.com,mateusms@algartech.com,michelro@algartech.com,mirnapw@algartech.com,patriciams@algartech.com,rodrigombu@algartech.com,rondinelesa@algartech.com,supervisaowhirlpool-negocioagua@algartech.com,tassianecv@whirlpool.algartech.com,thais_coimbra_fonseca_algar@whirlpool.com,thaisom@algartech.com,thalleshmc@algartech.com,viniciussg@algartech.com</t>
  </si>
  <si>
    <t>mail.google.com/_/upload?authuser=0&amp;dcp=asu-n&amp;upload_id=AEnB2UrpvyOQgMMfM8P-21Fu9ZKKw-e985Wzw3OBoPL2nLkNRXioUBmp0YohXMxq3JLhRL0tQOwxLsEAoQKwwlOWB9K75N5ulD7ZgbKbR6oPumJp915dO90&amp;upload_protocol=resumable</t>
  </si>
  <si>
    <t>C:\Users\adrielefc\Desktop\S&amp;OP\</t>
  </si>
  <si>
    <t>Base GRC Bradesco.xlsx</t>
  </si>
  <si>
    <t>af12d4b7-9683-4b72-8184-770495d925f6.tmp</t>
  </si>
  <si>
    <t>\\acsfs\profiles$\fabianafv\Downloads\af12d4b7-9683-4b72-8184-770495d925f6.tmp</t>
  </si>
  <si>
    <t>23fc79da-dc74-43d4-8d5b-9cbf0aa21926.tmp</t>
  </si>
  <si>
    <t>\\acsfs\profiles$\erichds\Downloads\23fc79da-dc74-43d4-8d5b-9cbf0aa21926.tmp</t>
  </si>
  <si>
    <t>3c0196ce-c372-4468-8deb-1d164e03060c.tmp</t>
  </si>
  <si>
    <t>\\acsfs\profiles$\regisedsj\Downloads\3c0196ce-c372-4468-8deb-1d164e03060c.tmp</t>
  </si>
  <si>
    <t>e0b9c781-685e-4d61-b31f-c4ecb2c69fe2.tmp</t>
  </si>
  <si>
    <t>\\acsfs\profiles$\victorgl\Downloads\e0b9c781-685e-4d61-b31f-c4ecb2c69fe2.tmp</t>
  </si>
  <si>
    <t>3c14eef0-4835-4554-bfd3-f06d8d9267de.tmp</t>
  </si>
  <si>
    <t>\\acsfs\profiles$\brendadsl\Downloads\3c14eef0-4835-4554-bfd3-f06d8d9267de.tmp</t>
  </si>
  <si>
    <t>b8d88a8f-5a95-49ae-8abc-7837b11c8334.tmp</t>
  </si>
  <si>
    <t>\\acsfs\profiles$\edicarlosdl\Downloads\b8d88a8f-5a95-49ae-8abc-7837b11c8334.tmp</t>
  </si>
  <si>
    <t>3ce265e4-8e09-4e33-b330-0e4f9bed1c3e.tmp</t>
  </si>
  <si>
    <t>\\acsfs\profiles$\alinepp\Downloads\3ce265e4-8e09-4e33-b330-0e4f9bed1c3e.tmp</t>
  </si>
  <si>
    <t>ae31a2a7-db45-4daa-8291-f2c598000edc.tmp</t>
  </si>
  <si>
    <t>\\acsfs\profiles$\alinepp\Downloads\ae31a2a7-db45-4daa-8291-f2c598000edc.tmp</t>
  </si>
  <si>
    <t>1d398295-eb9b-4ec1-b815-7a299efdc91c.tmp</t>
  </si>
  <si>
    <t>\\acsfs\profiles$\alinepp\Downloads\1d398295-eb9b-4ec1-b815-7a299efdc91c.tmp</t>
  </si>
  <si>
    <t>0358fbb7-e711-45c3-90a7-57190045d349.tmp</t>
  </si>
  <si>
    <t>\\acsfs\profiles$\victorgl\Downloads\0358fbb7-e711-45c3-90a7-57190045d349.tmp</t>
  </si>
  <si>
    <t>celmars@algartech.com;</t>
  </si>
  <si>
    <t>celmars@algartech.com</t>
  </si>
  <si>
    <t>09b6fe96-59e2-4cc7-95a2-70c6fba2015b.tmp</t>
  </si>
  <si>
    <t>\\acsfs\profiles$\rosileiam\Downloads\09b6fe96-59e2-4cc7-95a2-70c6fba2015b.tmp</t>
  </si>
  <si>
    <t>dfa1c7e4-dbe2-4c62-b9a2-bc10d52e4b4a.tmp</t>
  </si>
  <si>
    <t>\\acsfs\profiles$\rafaelacdoc\Downloads\dfa1c7e4-dbe2-4c62-b9a2-bc10d52e4b4a.tmp</t>
  </si>
  <si>
    <t>mail.google.com/_/upload?authuser=0&amp;dcp=asu-n&amp;upload_id=AEnB2Uq-C-PdpyqvppFpLsNpnEZouZ0ko93ylkR83fpNS7bxj1maOYa10REjlgHX3SO3vN0BjdzLzJFunMh62_2h2F1_xjUPHIanTSgmflyeQbqdLse1Lqk&amp;upload_protocol=resumable</t>
  </si>
  <si>
    <t>anderson.negrisoli@avon.com;</t>
  </si>
  <si>
    <t>Relatório Métricas AVON - Out.19.xlsm</t>
  </si>
  <si>
    <t>anderson.negrisoli@avon.com</t>
  </si>
  <si>
    <t>7990d65e-24ce-453f-ac16-f6ea3098c5f2.tmp</t>
  </si>
  <si>
    <t>\\acsfs\profiles$\laurandos\Downloads\7990d65e-24ce-453f-ac16-f6ea3098c5f2.tmp</t>
  </si>
  <si>
    <t>40add2b5-9543-4935-b27e-869ef45f84e2.tmp</t>
  </si>
  <si>
    <t>\\acsfs\profiles$\alinepp\Downloads\40add2b5-9543-4935-b27e-869ef45f84e2.tmp</t>
  </si>
  <si>
    <t>57cf702d-9f19-4743-811e-924ed2fca770.tmp</t>
  </si>
  <si>
    <t>\\acsfs\profiles$\alinepp\Downloads\57cf702d-9f19-4743-811e-924ed2fca770.tmp</t>
  </si>
  <si>
    <t>c2f5aec7-8ca4-4d76-8a44-e88ab75f6a9a.tmp</t>
  </si>
  <si>
    <t>\\acsfs\profiles$\andrezacapf\Downloads\c2f5aec7-8ca4-4d76-8a44-e88ab75f6a9a.tmp</t>
  </si>
  <si>
    <t>24fdc858-c77f-4b49-9247-b77dc2809dd8.tmp</t>
  </si>
  <si>
    <t>\\acsfs\profiles$\andressamf\Downloads\24fdc858-c77f-4b49-9247-b77dc2809dd8.tmp</t>
  </si>
  <si>
    <t>C:\Users\tatiane.rodrigues\Downloads\PROBLEMA DE IMPUT - CMOC - OC AB8YML01 ___ CARTA DE CORRECAO ___.eml\Attachment5.mht\</t>
  </si>
  <si>
    <t>Relação de POs_NFs Pendentes 26.08.xlsx</t>
  </si>
  <si>
    <t>7e535649-f444-487f-955d-b5a6d16b5c90.tmp</t>
  </si>
  <si>
    <t>\\acsfs\profiles$\leonardocb\Downloads\7e535649-f444-487f-955d-b5a6d16b5c90.tmp</t>
  </si>
  <si>
    <t>e111bb39-7fa3-47fa-a981-b0372b8816da.tmp</t>
  </si>
  <si>
    <t>\\acsfs\profiles$\alinepp\Downloads\e111bb39-7fa3-47fa-a981-b0372b8816da.tmp</t>
  </si>
  <si>
    <t>eed44f9f-945e-41bf-9cae-0fc4a57b9390.tmp</t>
  </si>
  <si>
    <t>\\acsfs\profiles$\rosileiam\Downloads\eed44f9f-945e-41bf-9cae-0fc4a57b9390.tmp</t>
  </si>
  <si>
    <t>a1a37f73-f33a-48aa-b22c-66a3b3bc2b52.tmp</t>
  </si>
  <si>
    <t>\\acsfs\profiles$\rosileiam\Downloads\a1a37f73-f33a-48aa-b22c-66a3b3bc2b52.tmp</t>
  </si>
  <si>
    <t>c9115fd0-5f16-4239-9a02-cc5f693234d9.tmp</t>
  </si>
  <si>
    <t>\\acsfs\profiles$\andressamf\Downloads\c9115fd0-5f16-4239-9a02-cc5f693234d9.tmp</t>
  </si>
  <si>
    <t>70b8009f-417d-438e-b397-23a1facdb08d.tmp</t>
  </si>
  <si>
    <t>\\acsfs\profiles$\brendadsl\Downloads\70b8009f-417d-438e-b397-23a1facdb08d.tmp</t>
  </si>
  <si>
    <t>9b05fec7-9a40-4890-b980-36430005ffad.tmp</t>
  </si>
  <si>
    <t>\\acsfs\profiles$\fabianobmf\Downloads\9b05fec7-9a40-4890-b980-36430005ffad.tmp</t>
  </si>
  <si>
    <t>908ceec1-741e-488b-8c8f-26554dab4fe2.tmp</t>
  </si>
  <si>
    <t>\\acsfs\profiles$\gabrielamdp\Downloads\908ceec1-741e-488b-8c8f-26554dab4fe2.tmp</t>
  </si>
  <si>
    <t>8590d12d-9891-43ef-a86d-ea12ecfbfacc.tmp</t>
  </si>
  <si>
    <t>\\acsfs\profiles$\gabrielamdp\Downloads\8590d12d-9891-43ef-a86d-ea12ecfbfacc.tmp</t>
  </si>
  <si>
    <t>36602d7a-d867-4a4a-91ac-77e3560d0688.tmp</t>
  </si>
  <si>
    <t>\\acsfs\profiles$\gabrielamdp\Downloads\36602d7a-d867-4a4a-91ac-77e3560d0688.tmp</t>
  </si>
  <si>
    <t>a4c59a83-e460-47c2-af04-9b3b687668ac.tmp</t>
  </si>
  <si>
    <t>\\acsfs\profiles$\brendadsl\Downloads\a4c59a83-e460-47c2-af04-9b3b687668ac.tmp</t>
  </si>
  <si>
    <t>XLOG_anakcs_08012020_124723.log</t>
  </si>
  <si>
    <t>\\acsfs\profiles$\anakcs\My Documents\xworkcenter\logs\XLOG_anakcs_08012020_124723.log</t>
  </si>
  <si>
    <t>10.200.67.192</t>
  </si>
  <si>
    <t>D0-94-66-B5-5C-97</t>
  </si>
  <si>
    <t>VOTORANT-PB021</t>
  </si>
  <si>
    <t>XLOG_marcosvnds_08012020_140125.log</t>
  </si>
  <si>
    <t>\\acsfs\profiles$\marcosvnds\My Documents\xworkcenter\logs\XLOG_marcosvnds_08012020_140125.log</t>
  </si>
  <si>
    <t>718fde29-759b-4a57-bf30-d02863b3d987.tmp</t>
  </si>
  <si>
    <t>\\acsfs\profiles$\alinepp\Downloads\718fde29-759b-4a57-bf30-d02863b3d987.tmp</t>
  </si>
  <si>
    <t>f2693668-f833-454a-83ce-9e9935e269fc.tmp</t>
  </si>
  <si>
    <t>\\acsfs\profiles$\gabrielamdp\Downloads\f2693668-f833-454a-83ce-9e9935e269fc.tmp</t>
  </si>
  <si>
    <t>6dfcfef1-c8e9-4ad7-916e-89f0de2ee8c5.tmp</t>
  </si>
  <si>
    <t>\\acsfs\profiles$\alinepp\Downloads\6dfcfef1-c8e9-4ad7-916e-89f0de2ee8c5.tmp</t>
  </si>
  <si>
    <t>72d3ddb4-d691-4e1e-b0de-b5554962831f.tmp</t>
  </si>
  <si>
    <t>\\acsfs\profiles$\nathaliaos\Downloads\72d3ddb4-d691-4e1e-b0de-b5554962831f.tmp</t>
  </si>
  <si>
    <t>e7555a86-fbcb-401e-b585-380aa9ab5c05.tmp</t>
  </si>
  <si>
    <t>\\acsfs\profiles$\nathaliaos\Downloads\e7555a86-fbcb-401e-b585-380aa9ab5c05.tmp</t>
  </si>
  <si>
    <t>ACO - Flávia Novembro.ppt</t>
  </si>
  <si>
    <t>\\acsfs\Deptos\Operacao\Banco_Votorantim\Supervisao\Flávia Constantina Nogueira\ACO - Flávia Novembro.ppt</t>
  </si>
  <si>
    <t>db497d89-1912-4ef2-b319-ae1635334a03.tmp</t>
  </si>
  <si>
    <t>\\acsfs\profiles$\ROBERTM\Downloads\db497d89-1912-4ef2-b319-ae1635334a03.tmp</t>
  </si>
  <si>
    <t>f9822ed4-f5ad-4db2-941e-c1b0b890c3e3.tmp</t>
  </si>
  <si>
    <t>\\acsfs\profiles$\edicarlosdl\Downloads\f9822ed4-f5ad-4db2-941e-c1b0b890c3e3.tmp</t>
  </si>
  <si>
    <t>ACO - Flávia Dezembro.ppt</t>
  </si>
  <si>
    <t>\\acsfs\Deptos\Operacao\Banco_Votorantim\Supervisao\Flávia Constantina Nogueira\ACO - Flávia Dezembro.ppt</t>
  </si>
  <si>
    <t>\\acsfs\Deptos\Operacao\Banco_Votorantim\Supervisao\Flávia Constantina Nogueira\ACO - Flávia Dezembro.ppt\s2\</t>
  </si>
  <si>
    <t>PowerPoint.MetroBlob.pptx</t>
  </si>
  <si>
    <t>PowerPoint.MetroBlob1.pptx</t>
  </si>
  <si>
    <t>PowerPoint.MetroBlob2.pptx</t>
  </si>
  <si>
    <t>PowerPoint.MetroBlob3.pptx</t>
  </si>
  <si>
    <t>Planilha do Microsoft Excel 97-2003.xls</t>
  </si>
  <si>
    <t>Planilha do Microsoft Excel 97-20031.xls</t>
  </si>
  <si>
    <t>Planilha do Microsoft Excel 97-20032.xls</t>
  </si>
  <si>
    <t>Planilha do Microsoft Excel 97-20033.xls</t>
  </si>
  <si>
    <t>Planilha do Microsoft Excel 97-20034.xls</t>
  </si>
  <si>
    <t>Planilha do Microsoft Excel 97-20035.xls</t>
  </si>
  <si>
    <t>mail.google.com/_/upload?authuser=0&amp;dcp=asu-n&amp;upload_id=AEnB2Uoo2-QHm6CJ9qPBQbABqMImoPT7hT3RKgU7h7eHdKL6gJo2v7n9A8ccby-WP9ftfsFKNnyvx-BYrJ5m_diQpyivaH8n1O4IqhXR2eWgBnKXhivFNyA&amp;upload_protocol=resumable</t>
  </si>
  <si>
    <t>\\acsfs\Deptos\Operacao\Banco_Votorantim\Supervisao\Flávia Constantina Nogueira\Thumbs.db</t>
  </si>
  <si>
    <t>29010096-8512-4727-a08c-fb157298cf07.tmp</t>
  </si>
  <si>
    <t>\\acsfs\profiles$\gabrielamdp\Downloads\29010096-8512-4727-a08c-fb157298cf07.tmp</t>
  </si>
  <si>
    <t>76266cee-04b8-4531-8870-34af72d4cc24.tmp</t>
  </si>
  <si>
    <t>\\acsfs\profiles$\ROBERTM\Downloads\76266cee-04b8-4531-8870-34af72d4cc24.tmp</t>
  </si>
  <si>
    <t>3517fb47-ff87-44f1-8d7c-2e2aa79c7d20.tmp</t>
  </si>
  <si>
    <t>\\acsfs\profiles$\nathaliaos\Downloads\3517fb47-ff87-44f1-8d7c-2e2aa79c7d20.tmp</t>
  </si>
  <si>
    <t>08a4389b-d8cd-443e-be6c-9af70548c4cb.tmp</t>
  </si>
  <si>
    <t>\\acsfs\profiles$\nathaliaos\Downloads\08a4389b-d8cd-443e-be6c-9af70548c4cb.tmp</t>
  </si>
  <si>
    <t>https://udpmailboxap01.acs.com.br:8443/h/search?si=0&amp;so=0&amp;sc=67288&amp;sfi=2&amp;st=conversation&amp;action=compose</t>
  </si>
  <si>
    <t>ERRO OPERACIONAL PARCIAL FLAVIA.xlsb</t>
  </si>
  <si>
    <t>https://udpmailboxap01.acs.com.br:8443/h/search?si=0&amp;so=0&amp;sc=67290&amp;sfi=2&amp;st=conversation&amp;action=compose</t>
  </si>
  <si>
    <t>qualidadealgarbv@algartech.com;</t>
  </si>
  <si>
    <t>https://qualidadealgarbv@algartech.com</t>
  </si>
  <si>
    <t>XLOG_andrezacapf_08012020_135030.log</t>
  </si>
  <si>
    <t>\\acsfs\profiles$\andrezacapf\My Documents\xworkcenter\logs\XLOG_andrezacapf_08012020_135030.log</t>
  </si>
  <si>
    <t>ca4ac5db-43f4-447a-bb37-a3c20c564424.tmp</t>
  </si>
  <si>
    <t>\\acsfs\profiles$\rogeriofd\Downloads\ca4ac5db-43f4-447a-bb37-a3c20c564424.tmp</t>
  </si>
  <si>
    <t>02eb17fe-ecd0-4055-b2f6-61c0bab21b0f.tmp</t>
  </si>
  <si>
    <t>\\acsfs\profiles$\rogeriofd\Downloads\02eb17fe-ecd0-4055-b2f6-61c0bab21b0f.tmp</t>
  </si>
  <si>
    <t>deb073d9-bb4a-47e5-949c-3466068b2ce1.tmp</t>
  </si>
  <si>
    <t>\\acsfs\profiles$\marlyannegdls\Downloads\deb073d9-bb4a-47e5-949c-3466068b2ce1.tmp</t>
  </si>
  <si>
    <t>1567118f-8eaf-4ee3-9e8f-0c55972a3f4e.tmp</t>
  </si>
  <si>
    <t>\\acsfs\profiles$\marlyannegdls\Downloads\1567118f-8eaf-4ee3-9e8f-0c55972a3f4e.tmp</t>
  </si>
  <si>
    <t>c9d47356-36ad-473e-a8e7-497c3e519d5e.tmp</t>
  </si>
  <si>
    <t>\\acsfs\profiles$\ROBERTM\Downloads\c9d47356-36ad-473e-a8e7-497c3e519d5e.tmp</t>
  </si>
  <si>
    <t>9fdf902e-0cac-41bc-bfd4-d1db340cd6e0.tmp</t>
  </si>
  <si>
    <t>\\acsfs\profiles$\rogeriofd\Downloads\9fdf902e-0cac-41bc-bfd4-d1db340cd6e0.tmp</t>
  </si>
  <si>
    <t>418eab9f-11e5-4da4-b2eb-0ff3e5f0cec8.tmp</t>
  </si>
  <si>
    <t>\\acsfs\profiles$\rogeriofd\Downloads\418eab9f-11e5-4da4-b2eb-0ff3e5f0cec8.tmp</t>
  </si>
  <si>
    <t>af5d5d52-ea9d-480e-87bc-1c52ce3b1653.tmp</t>
  </si>
  <si>
    <t>\\acsfs\profiles$\andressamf\Downloads\af5d5d52-ea9d-480e-87bc-1c52ce3b1653.tmp</t>
  </si>
  <si>
    <t>10.200.67.111</t>
  </si>
  <si>
    <t>D0-94-66-B5-4D-46</t>
  </si>
  <si>
    <t>VOTORANT-PB016</t>
  </si>
  <si>
    <t>ad0fd044-5124-46f7-9d9a-8728abd48310.tmp</t>
  </si>
  <si>
    <t>\\acsfs\profiles$\ROBERTM\Downloads\ad0fd044-5124-46f7-9d9a-8728abd48310.tmp</t>
  </si>
  <si>
    <t>cf4a1767-2628-4645-9f41-21bd6e61ff00.tmp</t>
  </si>
  <si>
    <t>\\acsfs\profiles$\ROBERTM\Downloads\cf4a1767-2628-4645-9f41-21bd6e61ff00.tmp</t>
  </si>
  <si>
    <t>999673e3-09bd-46e4-bc97-4032cbd81350.tmp</t>
  </si>
  <si>
    <t>\\acsfs\profiles$\ROZENCAM\Downloads\999673e3-09bd-46e4-bc97-4032cbd81350.tmp</t>
  </si>
  <si>
    <t>e6c91e30-98a9-4f55-83f0-ef0aca4236ea.tmp</t>
  </si>
  <si>
    <t>\\acsfs\profiles$\ROZENCAM\Downloads\e6c91e30-98a9-4f55-83f0-ef0aca4236ea.tmp</t>
  </si>
  <si>
    <t>29a877fa-b5f4-41f4-a711-1f2aef35a11b.tmp</t>
  </si>
  <si>
    <t>\\acsfs\profiles$\ROZENCAM\Downloads\29a877fa-b5f4-41f4-a711-1f2aef35a11b.tmp</t>
  </si>
  <si>
    <t>ed5779d9-14d4-456b-b71b-082f3f98488e.tmp</t>
  </si>
  <si>
    <t>\\acsfs\profiles$\marlyannegdls\Downloads\ed5779d9-14d4-456b-b71b-082f3f98488e.tmp</t>
  </si>
  <si>
    <t>f2701ef4-6d87-40d4-8811-ced1f9aca54e.tmp</t>
  </si>
  <si>
    <t>\\acsfs\profiles$\lucasqdss\Downloads\f2701ef4-6d87-40d4-8811-ced1f9aca54e.tmp</t>
  </si>
  <si>
    <t>8e263ea7-28c8-4888-90c5-8ca4ffc186d8.tmp</t>
  </si>
  <si>
    <t>\\acsfs\profiles$\lucasqdss\Downloads\8e263ea7-28c8-4888-90c5-8ca4ffc186d8.tmp</t>
  </si>
  <si>
    <t>ac93095b-913c-4416-99a4-ba7eb0858fba.tmp</t>
  </si>
  <si>
    <t>\\acsfs\profiles$\ROZENCAM\Downloads\ac93095b-913c-4416-99a4-ba7eb0858fba.tmp</t>
  </si>
  <si>
    <t>008c5343-370f-4f9d-bb3c-78ddf43a7d05.tmp</t>
  </si>
  <si>
    <t>\\acsfs\profiles$\ROZENCAM\Downloads\008c5343-370f-4f9d-bb3c-78ddf43a7d05.tmp</t>
  </si>
  <si>
    <t>29cd4e7b-56e6-46da-a1d8-0696b2496907.tmp</t>
  </si>
  <si>
    <t>\\acsfs\profiles$\ROBERTM\Downloads\29cd4e7b-56e6-46da-a1d8-0696b2496907.tmp</t>
  </si>
  <si>
    <t>bd051751-94d9-42db-8d3d-64fc74857a1f.tmp</t>
  </si>
  <si>
    <t>\\acsfs\profiles$\ROZENCAM\Downloads\bd051751-94d9-42db-8d3d-64fc74857a1f.tmp</t>
  </si>
  <si>
    <t>lu257322fq44c.tmp</t>
  </si>
  <si>
    <t>\\acsfs\profiles$\ALYNYA\My Documents\lu257322fq44c.tmp</t>
  </si>
  <si>
    <t>\\acsfs\profiles$\ALYNYA\My Documents\lu257322fq44c.tmp\</t>
  </si>
  <si>
    <t>\\acsfs\profiles$\ALYNYA\My Documents\lu257322fq44c.tmp\META-INF\</t>
  </si>
  <si>
    <t>\\acsfs\profiles$\ALYNYA\My Documents\lu257322fq44c.tmp\Thumbnails\</t>
  </si>
  <si>
    <t>d84f40e1-c491-4016-afb7-ec6b41418d48.tmp</t>
  </si>
  <si>
    <t>\\acsfs\profiles$\BRUNAAR\Downloads\d84f40e1-c491-4016-afb7-ec6b41418d48.tmp</t>
  </si>
  <si>
    <t>d2219650-3cc3-4517-a2ff-872f083fc73b.tmp</t>
  </si>
  <si>
    <t>\\acsfs\profiles$\ALYNYA\Downloads\d2219650-3cc3-4517-a2ff-872f083fc73b.tmp</t>
  </si>
  <si>
    <t>f20c6453-ff69-4022-8ffc-34ce6afb6cc4.tmp</t>
  </si>
  <si>
    <t>\\acsfs\profiles$\ALYNYA\Downloads\f20c6453-ff69-4022-8ffc-34ce6afb6cc4.tmp</t>
  </si>
  <si>
    <t>60d59fde-cb82-4662-b766-57bb8071cb66.tmp</t>
  </si>
  <si>
    <t>\\acsfs\profiles$\BRUNAAR\Downloads\60d59fde-cb82-4662-b766-57bb8071cb66.tmp</t>
  </si>
  <si>
    <t>19696df7-1379-4bbc-8e82-9e268986faaf.tmp</t>
  </si>
  <si>
    <t>\\acsfs\profiles$\ALYNYA\Downloads\19696df7-1379-4bbc-8e82-9e268986faaf.tmp</t>
  </si>
  <si>
    <t>1b8a373e-3985-4100-b571-553ade5db892.tmp</t>
  </si>
  <si>
    <t>\\acsfs\profiles$\danielac\Downloads\1b8a373e-3985-4100-b571-553ade5db892.tmp</t>
  </si>
  <si>
    <t>8ab044ed-20b8-41f9-9dea-7caac42ee5fd.tmp</t>
  </si>
  <si>
    <t>\\acsfs\profiles$\danielac\Downloads\8ab044ed-20b8-41f9-9dea-7caac42ee5fd.tmp</t>
  </si>
  <si>
    <t>3f55bdbf-9a73-4f01-b38a-71cc7a0e76e4.tmp</t>
  </si>
  <si>
    <t>\\acsfs\profiles$\danielac\Downloads\3f55bdbf-9a73-4f01-b38a-71cc7a0e76e4.tmp</t>
  </si>
  <si>
    <t>440629e4-5c35-48ca-ac5f-a14b71dd8c88.tmp</t>
  </si>
  <si>
    <t>\\acsfs\profiles$\danielac\Downloads\440629e4-5c35-48ca-ac5f-a14b71dd8c88.tmp</t>
  </si>
  <si>
    <t>lu11376j7rq2.tmp</t>
  </si>
  <si>
    <t>\\acsfs\profiles$\BRUNAAR\Numero\lu11376j7rq2.tmp</t>
  </si>
  <si>
    <t>lu11376j7rq6.tmp</t>
  </si>
  <si>
    <t>\\acsfs\profiles$\BRUNAAR\Numero\lu11376j7rq6.tmp</t>
  </si>
  <si>
    <t>bb2ca52d-4b3c-4a86-87f1-159fec3141ac.tmp</t>
  </si>
  <si>
    <t>\\acsfs\profiles$\ALYNYA\Downloads\bb2ca52d-4b3c-4a86-87f1-159fec3141ac.tmp</t>
  </si>
  <si>
    <t>lu11376j7rqb.tmp</t>
  </si>
  <si>
    <t>\\acsfs\profiles$\BRUNAAR\Numero\lu11376j7rqb.tmp</t>
  </si>
  <si>
    <t>lu11376j7rqf.tmp</t>
  </si>
  <si>
    <t>\\acsfs\profiles$\BRUNAAR\Numero\lu11376j7rqf.tmp</t>
  </si>
  <si>
    <t>ed6cb81b-37e9-47f9-a8c4-f882d376fd83.tmp</t>
  </si>
  <si>
    <t>\\acsfs\profiles$\vivianealda\Downloads\ed6cb81b-37e9-47f9-a8c4-f882d376fd83.tmp</t>
  </si>
  <si>
    <t>monicargds</t>
  </si>
  <si>
    <t>\\acsfs\profiles$\monicargds\Downloads\</t>
  </si>
  <si>
    <t>8f93b933-5454-44c3-a175-dac986cf0e17.tmp</t>
  </si>
  <si>
    <t>\\acsfs\profiles$\monicargds\Downloads\8f93b933-5454-44c3-a175-dac986cf0e17.tmp</t>
  </si>
  <si>
    <t>1b03d475-4088-4bdf-b8a1-af1c5bc9cdef.tmp</t>
  </si>
  <si>
    <t>\\acsfs\profiles$\monicargds\Downloads\1b03d475-4088-4bdf-b8a1-af1c5bc9cdef.tmp</t>
  </si>
  <si>
    <t>23e6cfe6-d136-4664-97c7-250592b4e0ee.tmp</t>
  </si>
  <si>
    <t>\\acsfs\profiles$\monicargds\Downloads\23e6cfe6-d136-4664-97c7-250592b4e0ee.tmp</t>
  </si>
  <si>
    <t>lu11376j7rqj.tmp</t>
  </si>
  <si>
    <t>\\acsfs\profiles$\BRUNAAR\Numero\lu11376j7rqj.tmp</t>
  </si>
  <si>
    <t>lu11376j7rqn.tmp</t>
  </si>
  <si>
    <t>\\acsfs\profiles$\BRUNAAR\Numero\lu11376j7rqn.tmp</t>
  </si>
  <si>
    <t>6ec3012c-7765-4939-b800-da67a7d16556.tmp</t>
  </si>
  <si>
    <t>\\acsfs\profiles$\vivianealda\Downloads\6ec3012c-7765-4939-b800-da67a7d16556.tmp</t>
  </si>
  <si>
    <t>2d830bee-8da5-40cd-bf96-b1c1ed608615.tmp</t>
  </si>
  <si>
    <t>\\acsfs\profiles$\vivianealda\Downloads\2d830bee-8da5-40cd-bf96-b1c1ed608615.tmp</t>
  </si>
  <si>
    <t>c9392b04-8c30-4c2b-987f-6ae122e198a0.tmp</t>
  </si>
  <si>
    <t>\\acsfs\profiles$\vivianealda\Downloads\c9392b04-8c30-4c2b-987f-6ae122e198a0.tmp</t>
  </si>
  <si>
    <t>06a92a76-b342-48a8-af64-292b270f0e3b.tmp</t>
  </si>
  <si>
    <t>\\acsfs\profiles$\monicargds\Downloads\06a92a76-b342-48a8-af64-292b270f0e3b.tmp</t>
  </si>
  <si>
    <t>b1b75c3a-2789-4922-a08c-f2b7f1f930b5.tmp</t>
  </si>
  <si>
    <t>\\acsfs\profiles$\monicargds\Downloads\b1b75c3a-2789-4922-a08c-f2b7f1f930b5.tmp</t>
  </si>
  <si>
    <t>100014317057561;</t>
  </si>
  <si>
    <t>https://100014317057561</t>
  </si>
  <si>
    <t>4d34451a-9b54-4d9a-89f4-3a8ddf9c35c7.tmp</t>
  </si>
  <si>
    <t>\\acsfs\profiles$\leticiala\Downloads\4d34451a-9b54-4d9a-89f4-3a8ddf9c35c7.tmp</t>
  </si>
  <si>
    <t>63c923bc-1ee3-4576-941d-3e9b1ae8ef66.tmp</t>
  </si>
  <si>
    <t>\\acsfs\profiles$\lucasgpe\Downloads\63c923bc-1ee3-4576-941d-3e9b1ae8ef66.tmp</t>
  </si>
  <si>
    <t>d0a7cd4a-2e98-4521-9972-810ddef63937.tmp</t>
  </si>
  <si>
    <t>\\acsfs\profiles$\lucasgpe\Downloads\d0a7cd4a-2e98-4521-9972-810ddef63937.tmp</t>
  </si>
  <si>
    <t>92eb0346-faa8-49dc-b9d5-194887bf3233.tmp</t>
  </si>
  <si>
    <t>\\acsfs\profiles$\lucasgpe\Downloads\92eb0346-faa8-49dc-b9d5-194887bf3233.tmp</t>
  </si>
  <si>
    <t>.~lock.Campanha Janeiro.pptx#</t>
  </si>
  <si>
    <t>\\acsfs\DEPTOS\Operacao\Banco_Votorantim\Supervisao\SUPERS BV CARTÕES\LAYOUT TV´S\.~lock.Campanha Janeiro.pptx#</t>
  </si>
  <si>
    <t>59a3e6ae-e2a1-4d24-8b5d-5903469a9069.tmp</t>
  </si>
  <si>
    <t>\\acsfs\profiles$\cintiadcf\Downloads\59a3e6ae-e2a1-4d24-8b5d-5903469a9069.tmp</t>
  </si>
  <si>
    <t>e5e4127b-3084-4afb-8ad3-5d8339ad3313.tmp</t>
  </si>
  <si>
    <t>\\acsfs\profiles$\cintiadcf\Downloads\e5e4127b-3084-4afb-8ad3-5d8339ad3313.tmp</t>
  </si>
  <si>
    <t>ba696dcb-a795-4faf-98aa-9141286a4923.tmp</t>
  </si>
  <si>
    <t>\\acsfs\profiles$\leticiala\Downloads\ba696dcb-a795-4faf-98aa-9141286a4923.tmp</t>
  </si>
  <si>
    <t>a9643f8b-bed0-4a33-aeaa-8951ee5249d6.tmp</t>
  </si>
  <si>
    <t>\\acsfs\profiles$\leticiala\Downloads\a9643f8b-bed0-4a33-aeaa-8951ee5249d6.tmp</t>
  </si>
  <si>
    <t>\\acsfs\profiles$\leticiaat\My Documents\My Pictures\untitled.png</t>
  </si>
  <si>
    <t>lu11376j7rqr.tmp</t>
  </si>
  <si>
    <t>\\acsfs\profiles$\BRUNAAR\Numero\lu11376j7rqr.tmp</t>
  </si>
  <si>
    <t>XLOG_gleycekos_09012020_070856.log</t>
  </si>
  <si>
    <t>\\acsfs\profiles$\gleycekos\My Documents\xworkcenter\logs\XLOG_gleycekos_09012020_070856.log</t>
  </si>
  <si>
    <t>f97935c6-520a-4dfd-a211-eaeb6330a81f.tmp</t>
  </si>
  <si>
    <t>\\acsfs\profiles$\ROZENCAM\Downloads\f97935c6-520a-4dfd-a211-eaeb6330a81f.tmp</t>
  </si>
  <si>
    <t>\\acsfs\DEPTOS\Operacao\Banco_Votorantim\Supervisao\SUPERS BV CARTÕES\BANCO DE DADOS - OPERAÇÃO.xlsx</t>
  </si>
  <si>
    <t>mail.google.com/_/upload?authuser=0&amp;dcp=asu-n&amp;upload_id=AEnB2UrSDY4cOV9OraElzHIOVNEG5QCj-vhzcwY6wo0SyOKGq6sYuJJ2vWvAE1RIqlGU-uuq6QtRLEfHL6drGtZDNVUKDz8ICPfmXshb_ySTijgiRWAQN2k&amp;upload_protocol=resumable</t>
  </si>
  <si>
    <t>XLOG_gleycekos_09012020_071650.log</t>
  </si>
  <si>
    <t>\\acsfs\profiles$\gleycekos\My Documents\xworkcenter\logs\XLOG_gleycekos_09012020_071650.log</t>
  </si>
  <si>
    <t>10.200.57.237</t>
  </si>
  <si>
    <t>mail.google.com/_/upload?authuser=1&amp;dcp=asu-n&amp;upload_id=AEnB2Uob5Ar1WZgYu-ShfJvF99yTipbf3NsR4nxfX6O9cXjrbfAPL-GyA0g7YVXyygSnWpYDDQmlduKWF3qBHE7vwi3lr0H1fkkk6QrTU40DhFB9dP8S-Vo&amp;upload_protocol=resumable</t>
  </si>
  <si>
    <t>pendentes.csv</t>
  </si>
  <si>
    <t>Alynya</t>
  </si>
  <si>
    <t>27225869-d83b-453e-819a-cb117c037f08.tmp</t>
  </si>
  <si>
    <t>\\acsfs\profiles$\ALYNYA\Downloads\27225869-d83b-453e-819a-cb117c037f08.tmp</t>
  </si>
  <si>
    <t>lu17832104x64.tmp</t>
  </si>
  <si>
    <t>\\acsfs\profiles$\jonathanwap\lu17832104x64.tmp</t>
  </si>
  <si>
    <t>\\acsfs\profiles$\jonathanwap\lu17832104x64.tmp\</t>
  </si>
  <si>
    <t>\\acsfs\profiles$\jonathanwap\lu17832104x64.tmp\META-INF\</t>
  </si>
  <si>
    <t>\\acsfs\profiles$\jonathanwap\lu17832104x64.tmp\Thumbnails\</t>
  </si>
  <si>
    <t>mail.google.com/sync/u/0/i/s?hl=pt-BR&amp;c=1222</t>
  </si>
  <si>
    <t>bvcartes-supervisores@algarnet.onmicrosoft.com;fabianacscg@algartech.com;mirianppb@algartech.com;qualidadealgarbv@algartech.com;talmaiardo@algartech.com;thiagordu@algartech.com;</t>
  </si>
  <si>
    <t>bvcartes-supervisores@algarnet.onmicrosoft.com,fabianacscg@algartech.com,mirianppb@algartech.com,qualidadealgarbv@algartech.com,talmaiardo@algartech.com,thiagordu@algartech.com</t>
  </si>
  <si>
    <t>lu11376j7rqv.tmp</t>
  </si>
  <si>
    <t>\\acsfs\profiles$\BRUNAAR\Numero\lu11376j7rqv.tmp</t>
  </si>
  <si>
    <t>lu11376j7rqz.tmp</t>
  </si>
  <si>
    <t>\\acsfs\profiles$\BRUNAAR\Numero\lu11376j7rqz.tmp</t>
  </si>
  <si>
    <t>41d33643-a16f-41c5-98a7-2e8225fa3391.tmp</t>
  </si>
  <si>
    <t>\\acsfs\profiles$\leticiala\Downloads\41d33643-a16f-41c5-98a7-2e8225fa3391.tmp</t>
  </si>
  <si>
    <t>cb1924b5-cb3e-470b-96b3-02eb6fe2fb23.tmp</t>
  </si>
  <si>
    <t>\\acsfs\profiles$\websondsa\Downloads\cb1924b5-cb3e-470b-96b3-02eb6fe2fb23.tmp</t>
  </si>
  <si>
    <t>a0b122d0-3bc3-405f-bfdd-51105ac29e46.tmp</t>
  </si>
  <si>
    <t>\\acsfs\profiles$\websondsa\Downloads\a0b122d0-3bc3-405f-bfdd-51105ac29e46.tmp</t>
  </si>
  <si>
    <t>c35f36a4-e526-463f-a0a0-63b57cb74527.tmp</t>
  </si>
  <si>
    <t>\\acsfs\profiles$\websondsa\Downloads\c35f36a4-e526-463f-a0a0-63b57cb74527.tmp</t>
  </si>
  <si>
    <t>88df685d-9c2f-4309-9e71-f70ca88292ee.tmp</t>
  </si>
  <si>
    <t>\\acsfs\profiles$\websondsa\Downloads\88df685d-9c2f-4309-9e71-f70ca88292ee.tmp</t>
  </si>
  <si>
    <t>67c49597-d81e-4022-b369-0ac94de0e18d.tmp</t>
  </si>
  <si>
    <t>\\acsfs\profiles$\websondsa\Downloads\67c49597-d81e-4022-b369-0ac94de0e18d.tmp</t>
  </si>
  <si>
    <t>c1cb625e-7b1d-4558-9dc1-eea453efa229.tmp</t>
  </si>
  <si>
    <t>\\acsfs\profiles$\ALYNYA\Downloads\c1cb625e-7b1d-4558-9dc1-eea453efa229.tmp</t>
  </si>
  <si>
    <t>mail.google.com/sync/u/0/i/s?hl=pt-BR&amp;c=1287</t>
  </si>
  <si>
    <t>mail.google.com/sync/u/0/i/s?hl=pt-BR&amp;c=1298</t>
  </si>
  <si>
    <t>mail.google.com/sync/u/0/i/s?hl=pt-BR&amp;c=1300</t>
  </si>
  <si>
    <t>bvcartes-supervisores@algarnet.onmicrosoft.com;raquelfsil@algartech.com;</t>
  </si>
  <si>
    <t>bvcartes-supervisores@algarnet.onmicrosoft.com,raquelfsil@algartech.com</t>
  </si>
  <si>
    <t>\\acsfs\profiles$\claudiajca\My Documents\My Pictures\</t>
  </si>
  <si>
    <t>\\acsfs\profiles$\claudiajca\My Documents\My Videos\desktop.ini</t>
  </si>
  <si>
    <t>\\acsfs\profiles$\claudiajca\My Documents\My Videos\</t>
  </si>
  <si>
    <t>\\acsfs\profiles$\claudiajca\My Documents\My Music\</t>
  </si>
  <si>
    <t>\\acsfs\profiles$\claudiajca\My Documents\My Pictures\desktop.ini</t>
  </si>
  <si>
    <t>\\acsfs\profiles$\claudiajca\Contacts\</t>
  </si>
  <si>
    <t>\\acsfs\profiles$\claudiajca\Contacts\desktop.ini</t>
  </si>
  <si>
    <t>\\acsfs\profiles$\claudiajca\My Documents\</t>
  </si>
  <si>
    <t>\\acsfs\profiles$\claudiajca\Favorites\desktop.ini</t>
  </si>
  <si>
    <t>\\acsfs\profiles$\claudiajca\My Documents\My Music\desktop.ini</t>
  </si>
  <si>
    <t>\\acsfs\profiles$\claudiajca\Searches\</t>
  </si>
  <si>
    <t>\\acsfs\profiles$\claudiajca\Searches\desktop.ini</t>
  </si>
  <si>
    <t>\\acsfs\profiles$\claudiajca\Downloads\desktop.ini</t>
  </si>
  <si>
    <t>\\acsfs\profiles$\claudiajca\Favorites\</t>
  </si>
  <si>
    <t>\\acsfs\profiles$\claudiajca\My Documents\desktop.ini</t>
  </si>
  <si>
    <t>\\acsfs\profiles$\claudiajca\Saved Games\desktop.ini</t>
  </si>
  <si>
    <t>winrt--{S-1-5-21-602162358-764733703-839522115-332504}-.searchconnector-ms</t>
  </si>
  <si>
    <t>\\acsfs\profiles$\claudiajca\Searches\winrt--{S-1-5-21-602162358-764733703-839522115-332504}-.searchconnector-ms</t>
  </si>
  <si>
    <t>2e35c0ce-4782-4b46-826c-823e3e33b936.tmp</t>
  </si>
  <si>
    <t>\\acsfs\profiles$\sarahbal\Downloads\2e35c0ce-4782-4b46-826c-823e3e33b936.tmp</t>
  </si>
  <si>
    <t>26ce087f-78fa-4f09-9a5a-3f3ee5ce75be.tmp</t>
  </si>
  <si>
    <t>\\acsfs\profiles$\sarahbal\Downloads\26ce087f-78fa-4f09-9a5a-3f3ee5ce75be.tmp</t>
  </si>
  <si>
    <t>d528c5ca-f113-495d-af32-cabce9c39d95.tmp</t>
  </si>
  <si>
    <t>\\acsfs\profiles$\sarahbal\Downloads\d528c5ca-f113-495d-af32-cabce9c39d95.tmp</t>
  </si>
  <si>
    <t>b0c1f4d5-285f-40bf-96dd-cc1e780762f3.tmp</t>
  </si>
  <si>
    <t>\\acsfs\profiles$\sarahbal\Downloads\b0c1f4d5-285f-40bf-96dd-cc1e780762f3.tmp</t>
  </si>
  <si>
    <t>mail.google.com/_/upload?authuser=1&amp;dcp=asu-n&amp;upload_id=AEnB2UrNVNCsPDa-y6adn9QGL8cpEOmtCtyvqsFRokYz3NoQN2EpoIw-5IiWTFQt5Wi2IpiLG2wR3mBOeiWKcDjQagmU0iZC_Wc11qSnCddOZSBePPWUgSY&amp;upload_protocol=resumable</t>
  </si>
  <si>
    <t>dia 08 pendente.csv</t>
  </si>
  <si>
    <t>391d8569-595a-4213-b53a-89e355d5bb1a.tmp</t>
  </si>
  <si>
    <t>\\acsfs\profiles$\monicargds\Downloads\391d8569-595a-4213-b53a-89e355d5bb1a.tmp</t>
  </si>
  <si>
    <t>e4262a83-287f-4b4a-9f9d-1661fb60ec64.tmp</t>
  </si>
  <si>
    <t>\\acsfs\profiles$\mariajra\Downloads\e4262a83-287f-4b4a-9f9d-1661fb60ec64.tmp</t>
  </si>
  <si>
    <t>3be8ad18-24cc-41df-b988-51a5a8325dc0.tmp</t>
  </si>
  <si>
    <t>\\acsfs\profiles$\mariajra\Downloads\3be8ad18-24cc-41df-b988-51a5a8325dc0.tmp</t>
  </si>
  <si>
    <t>IMG_1064.jpg</t>
  </si>
  <si>
    <t>4a9196ee-349d-4612-9937-ab12f8a3383a.tmp</t>
  </si>
  <si>
    <t>\\acsfs\profiles$\inarajst\Downloads\4a9196ee-349d-4612-9937-ab12f8a3383a.tmp</t>
  </si>
  <si>
    <t>b3baa4a4-2a52-4133-9f73-576ad3fe6b7a.tmp</t>
  </si>
  <si>
    <t>\\acsfs\profiles$\inarajst\Downloads\b3baa4a4-2a52-4133-9f73-576ad3fe6b7a.tmp</t>
  </si>
  <si>
    <t>747b4a89-78b6-4e2f-95ae-84bbfefc0a23.tmp</t>
  </si>
  <si>
    <t>\\acsfs\profiles$\claudiajca\Downloads\747b4a89-78b6-4e2f-95ae-84bbfefc0a23.tmp</t>
  </si>
  <si>
    <t>e129b159-1701-4922-ad90-551d5f70dffa.tmp</t>
  </si>
  <si>
    <t>\\acsfs\profiles$\claudiajca\Downloads\e129b159-1701-4922-ad90-551d5f70dffa.tmp</t>
  </si>
  <si>
    <t>lu8344z3xz5.tmp</t>
  </si>
  <si>
    <t>\\acsfs\profiles$\CLAUDIAJCA\lu8344z3xz5.tmp</t>
  </si>
  <si>
    <t>\\acsfs\profiles$\CLAUDIAJCA\lu8344z3xz5.tmp\</t>
  </si>
  <si>
    <t>\\acsfs\profiles$\CLAUDIAJCA\lu8344z3xz5.tmp\META-INF\</t>
  </si>
  <si>
    <t>\\acsfs\profiles$\CLAUDIAJCA\lu8344z3xz5.tmp\Thumbnails\</t>
  </si>
  <si>
    <t>90625435-bb3d-4a8d-9766-57e39fbfbc8b.tmp</t>
  </si>
  <si>
    <t>\\acsfs\profiles$\sarahbal\Downloads\90625435-bb3d-4a8d-9766-57e39fbfbc8b.tmp</t>
  </si>
  <si>
    <t>50a3f04f-1ace-4c68-be74-1dd799b102d5.tmp</t>
  </si>
  <si>
    <t>\\acsfs\profiles$\sarahbal\Downloads\50a3f04f-1ace-4c68-be74-1dd799b102d5.tmp</t>
  </si>
  <si>
    <t>4b0942af-c815-4a19-bb59-d75e080ecac4.tmp</t>
  </si>
  <si>
    <t>\\acsfs\profiles$\vivianalds\Downloads\4b0942af-c815-4a19-bb59-d75e080ecac4.tmp</t>
  </si>
  <si>
    <t>cf922ddc-9e57-4b42-8564-9714e71f0128.tmp</t>
  </si>
  <si>
    <t>\\acsfs\profiles$\vivianalds\Downloads\cf922ddc-9e57-4b42-8564-9714e71f0128.tmp</t>
  </si>
  <si>
    <t>436b4bcc-33df-4450-8b0e-ba6096403388.tmp</t>
  </si>
  <si>
    <t>\\acsfs\profiles$\mariajra\Downloads\436b4bcc-33df-4450-8b0e-ba6096403388.tmp</t>
  </si>
  <si>
    <t>\\acsfs\DEPTOS\Operacao\Banco_Votorantim\Supervisao\SUPERS BV CARTÕES\ADILSON\Vendas\Retratações\</t>
  </si>
  <si>
    <t>Retratações Venda Janeiro.xlsx</t>
  </si>
  <si>
    <t>\\acsfs\DEPTOS\Operacao\Banco_Votorantim\Supervisao\SUPERS BV CARTÕES\ADILSON\Vendas\Retratações\Retratações Venda Janeiro.xlsx</t>
  </si>
  <si>
    <t>\\acsfs\DEPTOS\Operacao\Banco_Votorantim\Comum\00 - COMUM - BV CARTÕES\EQUIPE ADILSON\Retratação Vendas\</t>
  </si>
  <si>
    <t>Retratações Vendas Janeiro.pdf</t>
  </si>
  <si>
    <t>\\acsfs\DEPTOS\Operacao\Banco_Votorantim\Comum\00 - COMUM - BV CARTÕES\EQUIPE ADILSON\Retratação Vendas\Retratações Vendas Janeiro.pdf</t>
  </si>
  <si>
    <t>7f5becb7-1fa1-44f5-ba3e-577374b1bed1.tmp</t>
  </si>
  <si>
    <t>\\acsfs\profiles$\inarajst\Downloads\7f5becb7-1fa1-44f5-ba3e-577374b1bed1.tmp</t>
  </si>
  <si>
    <t>e0dc536c-0d2b-4fc9-97f8-323812e1071d.tmp</t>
  </si>
  <si>
    <t>\\acsfs\profiles$\inarajst\Downloads\e0dc536c-0d2b-4fc9-97f8-323812e1071d.tmp</t>
  </si>
  <si>
    <t>4db7e73c-db83-4659-96a6-bacc7813a09c.tmp</t>
  </si>
  <si>
    <t>\\acsfs\profiles$\inarajst\Downloads\4db7e73c-db83-4659-96a6-bacc7813a09c.tmp</t>
  </si>
  <si>
    <t>b27d3e9f-00bb-49af-a1ce-66c14c8cc5ea.tmp</t>
  </si>
  <si>
    <t>\\acsfs\profiles$\inarajst\Downloads\b27d3e9f-00bb-49af-a1ce-66c14c8cc5ea.tmp</t>
  </si>
  <si>
    <t>55445ca3-4700-4267-b7ea-0f4269a04cfc.tmp</t>
  </si>
  <si>
    <t>\\acsfs\profiles$\inarajst\Downloads\55445ca3-4700-4267-b7ea-0f4269a04cfc.tmp</t>
  </si>
  <si>
    <t>150cb842-9655-4d35-be03-101541947986.tmp</t>
  </si>
  <si>
    <t>\\acsfs\profiles$\inarajst\Downloads\150cb842-9655-4d35-be03-101541947986.tmp</t>
  </si>
  <si>
    <t>32ac5e60-41bc-438c-a62a-eb3c1f1565e1.tmp</t>
  </si>
  <si>
    <t>\\acsfs\profiles$\lucasqdss\Downloads\32ac5e60-41bc-438c-a62a-eb3c1f1565e1.tmp</t>
  </si>
  <si>
    <t>5f924ec8-acdd-4da0-aad0-a351b4e11a13.tmp</t>
  </si>
  <si>
    <t>\\acsfs\profiles$\sarahbal\Downloads\5f924ec8-acdd-4da0-aad0-a351b4e11a13.tmp</t>
  </si>
  <si>
    <t>b5f95544-6cfb-453c-813d-0dc73de3ba21.tmp</t>
  </si>
  <si>
    <t>\\acsfs\profiles$\gleycekos\Downloads\b5f95544-6cfb-453c-813d-0dc73de3ba21.tmp</t>
  </si>
  <si>
    <t>lu145166npu5.tmp</t>
  </si>
  <si>
    <t>\\acsfs\profiles$\VIVIANALDS\My Documents\lu145166npu5.tmp</t>
  </si>
  <si>
    <t>\\acsfs\profiles$\VIVIANALDS\My Documents\lu145166npu5.tmp\</t>
  </si>
  <si>
    <t>\\acsfs\profiles$\VIVIANALDS\My Documents\lu145166npu5.tmp\META-INF\</t>
  </si>
  <si>
    <t>\\acsfs\profiles$\VIVIANALDS\My Documents\lu145166npu5.tmp\Thumbnails\</t>
  </si>
  <si>
    <t>d8335e49-9fb2-4b64-9b8e-35439db8985f.tmp</t>
  </si>
  <si>
    <t>\\acsfs\profiles$\leticiala\Downloads\d8335e49-9fb2-4b64-9b8e-35439db8985f.tmp</t>
  </si>
  <si>
    <t>86d2d22b-ef09-4efc-9961-9888ca65c3e5.tmp</t>
  </si>
  <si>
    <t>\\acsfs\profiles$\leticiala\Downloads\86d2d22b-ef09-4efc-9961-9888ca65c3e5.tmp</t>
  </si>
  <si>
    <t>031eaa9d-6d30-4f43-b594-e3b5282c91e9.tmp</t>
  </si>
  <si>
    <t>\\acsfs\profiles$\mariajra\Downloads\031eaa9d-6d30-4f43-b594-e3b5282c91e9.tmp</t>
  </si>
  <si>
    <t>6067ac58-207c-482a-901e-d90eba3cb692.tmp</t>
  </si>
  <si>
    <t>\\acsfs\profiles$\mariajra\Downloads\6067ac58-207c-482a-901e-d90eba3cb692.tmp</t>
  </si>
  <si>
    <t>f50bc20b-cce5-46a2-9ad4-caf5b80f1b62.tmp</t>
  </si>
  <si>
    <t>\\acsfs\profiles$\lucasqdss\Downloads\f50bc20b-cce5-46a2-9ad4-caf5b80f1b62.tmp</t>
  </si>
  <si>
    <t>https://udpmailboxap01.acs.com.br:8443/h/search?si=0&amp;so=0&amp;sc=67308&amp;sfi=6&amp;st=conversation&amp;action=compose</t>
  </si>
  <si>
    <t>79dbeea7-3dc3-4f7a-b960-db354b94b2d0.tmp</t>
  </si>
  <si>
    <t>\\acsfs\profiles$\nayarasds\Downloads\79dbeea7-3dc3-4f7a-b960-db354b94b2d0.tmp</t>
  </si>
  <si>
    <t>73fe4bda-99dc-4d27-a399-09610f93558b.tmp</t>
  </si>
  <si>
    <t>\\acsfs\profiles$\nayarasds\Downloads\73fe4bda-99dc-4d27-a399-09610f93558b.tmp</t>
  </si>
  <si>
    <t>28b8cd10-e6a5-4661-aba3-1ae72e033463.tmp</t>
  </si>
  <si>
    <t>\\acsfs\profiles$\nayarasds\Downloads\28b8cd10-e6a5-4661-aba3-1ae72e033463.tmp</t>
  </si>
  <si>
    <t>a5fcd038-e120-4955-9f72-a83e1b3f83be.tmp</t>
  </si>
  <si>
    <t>\\acsfs\profiles$\nayarasds\Downloads\a5fcd038-e120-4955-9f72-a83e1b3f83be.tmp</t>
  </si>
  <si>
    <t>92655431-a7f1-4219-849b-37e4244446c4.tmp</t>
  </si>
  <si>
    <t>\\acsfs\profiles$\nayarasds\Downloads\92655431-a7f1-4219-849b-37e4244446c4.tmp</t>
  </si>
  <si>
    <t>ad3c531e-70cc-430d-bb72-de5cd582398f.tmp</t>
  </si>
  <si>
    <t>\\acsfs\profiles$\joycemmdl\Downloads\ad3c531e-70cc-430d-bb72-de5cd582398f.tmp</t>
  </si>
  <si>
    <t>63888fee-aa24-4f40-ae52-2849c772c9f0.tmp</t>
  </si>
  <si>
    <t>\\acsfs\profiles$\joycemmdl\Downloads\63888fee-aa24-4f40-ae52-2849c772c9f0.tmp</t>
  </si>
  <si>
    <t>a8f3e878-62fe-466f-a931-4e89cab75342.tmp</t>
  </si>
  <si>
    <t>\\acsfs\profiles$\nayarasds\Downloads\a8f3e878-62fe-466f-a931-4e89cab75342.tmp</t>
  </si>
  <si>
    <t>338592a1-4723-4bbe-965c-36445de1c8af.tmp</t>
  </si>
  <si>
    <t>\\acsfs\profiles$\antoniosva\Downloads\338592a1-4723-4bbe-965c-36445de1c8af.tmp</t>
  </si>
  <si>
    <t>8561baa7-d9ef-4474-a3ad-cb6acd9f6026.tmp</t>
  </si>
  <si>
    <t>\\acsfs\profiles$\antoniosva\Downloads\8561baa7-d9ef-4474-a3ad-cb6acd9f6026.tmp</t>
  </si>
  <si>
    <t>7ee2dd6c-b773-4efd-9dde-1500124695c6.tmp</t>
  </si>
  <si>
    <t>\\acsfs\profiles$\antoniosva\Downloads\7ee2dd6c-b773-4efd-9dde-1500124695c6.tmp</t>
  </si>
  <si>
    <t>4ca19567-caba-48fb-b7df-4062cf740e51.tmp</t>
  </si>
  <si>
    <t>\\acsfs\profiles$\paulovadc\Downloads\4ca19567-caba-48fb-b7df-4062cf740e51.tmp</t>
  </si>
  <si>
    <t>b17302b5-418f-47c6-8215-c57f07d99ce8.tmp</t>
  </si>
  <si>
    <t>\\acsfs\profiles$\paulovadc\Downloads\b17302b5-418f-47c6-8215-c57f07d99ce8.tmp</t>
  </si>
  <si>
    <t>89fee93b-6870-43c1-86b2-74830d4a05e1.tmp</t>
  </si>
  <si>
    <t>\\acsfs\profiles$\ERICALSR\Downloads\89fee93b-6870-43c1-86b2-74830d4a05e1.tmp</t>
  </si>
  <si>
    <t>b5560ce7-bbbc-4311-a328-d554365dce34.tmp</t>
  </si>
  <si>
    <t>\\acsfs\profiles$\ERICALSR\Downloads\b5560ce7-bbbc-4311-a328-d554365dce34.tmp</t>
  </si>
  <si>
    <t>107e56cd-8c39-40a4-b214-c2b892a1d26c.tmp</t>
  </si>
  <si>
    <t>\\acsfs\profiles$\ERICALSR\Downloads\107e56cd-8c39-40a4-b214-c2b892a1d26c.tmp</t>
  </si>
  <si>
    <t>ulog_AcroARM2_Reader_22bb18ef-a0cc-4985-b2f1-d8449a05e1d0_d7c0e0e9-4f74-4670-862f-be0a11d19cd2_0.log</t>
  </si>
  <si>
    <t>C:\Users\Jordanarb\AppData\Roaming\Adobe\LogTransport2\Logs\ulog_AcroARM2_Reader_22bb18ef-a0cc-4985-b2f1-d8449a05e1d0_d7c0e0e9-4f74-4670-862f-be0a11d19cd2_0.log\</t>
  </si>
  <si>
    <t>95b6ccfc-df03-4d22-8abd-181479cd6bca.tmp</t>
  </si>
  <si>
    <t>\\acsfs\profiles$\rafaelahpn\Downloads\95b6ccfc-df03-4d22-8abd-181479cd6bca.tmp</t>
  </si>
  <si>
    <t>52faf31a-58bf-425e-811b-51754ba3f9ac.tmp</t>
  </si>
  <si>
    <t>\\acsfs\profiles$\antoniosva\Downloads\52faf31a-58bf-425e-811b-51754ba3f9ac.tmp</t>
  </si>
  <si>
    <t>b1121d34-a6a6-4459-86f7-e1afbe677e44.tmp</t>
  </si>
  <si>
    <t>\\acsfs\profiles$\antoniosva\Downloads\b1121d34-a6a6-4459-86f7-e1afbe677e44.tmp</t>
  </si>
  <si>
    <t>42d20cff-ae71-4023-8a73-5f53a5240920.tmp</t>
  </si>
  <si>
    <t>\\acsfs\profiles$\antoniosva\Downloads\42d20cff-ae71-4023-8a73-5f53a5240920.tmp</t>
  </si>
  <si>
    <t>ee0661e8-2fa2-4332-ae2c-a978e92f3d46.tmp</t>
  </si>
  <si>
    <t>\\acsfs\profiles$\luanarda\Downloads\ee0661e8-2fa2-4332-ae2c-a978e92f3d46.tmp</t>
  </si>
  <si>
    <t>61af4078-cd0b-4613-9329-27d1be292248.tmp</t>
  </si>
  <si>
    <t>\\acsfs\profiles$\vivianalds\Downloads\61af4078-cd0b-4613-9329-27d1be292248.tmp</t>
  </si>
  <si>
    <t>e4642dad-68fd-4a04-9d73-215703a082bd.tmp</t>
  </si>
  <si>
    <t>\\acsfs\profiles$\felipetds\Downloads\e4642dad-68fd-4a04-9d73-215703a082bd.tmp</t>
  </si>
  <si>
    <t>2d6dd282-bc77-4529-bd45-06e953de104e.tmp</t>
  </si>
  <si>
    <t>\\acsfs\profiles$\felipetds\Downloads\2d6dd282-bc77-4529-bd45-06e953de104e.tmp</t>
  </si>
  <si>
    <t>d8faa014-e156-459b-aaed-a7c1db9a4c44.tmp</t>
  </si>
  <si>
    <t>\\acsfs\profiles$\ANAPDSB\Downloads\d8faa014-e156-459b-aaed-a7c1db9a4c44.tmp</t>
  </si>
  <si>
    <t>a57b3d2d-ee3a-4ff7-a2b5-db89d6d0bb35.tmp</t>
  </si>
  <si>
    <t>\\acsfs\profiles$\gabrielaff\Downloads\a57b3d2d-ee3a-4ff7-a2b5-db89d6d0bb35.tmp</t>
  </si>
  <si>
    <t>e91cb4b0-7994-45fa-92c7-cdec53abd753.tmp</t>
  </si>
  <si>
    <t>\\acsfs\profiles$\gabrielaff\Downloads\e91cb4b0-7994-45fa-92c7-cdec53abd753.tmp</t>
  </si>
  <si>
    <t>82a1ca62-65ac-4bf7-912f-b546163726ac.tmp</t>
  </si>
  <si>
    <t>\\acsfs\profiles$\marcellewdl\Downloads\82a1ca62-65ac-4bf7-912f-b546163726ac.tmp</t>
  </si>
  <si>
    <t>99fa6bf8-77c7-4bc1-9a5e-6da5648560e5.tmp</t>
  </si>
  <si>
    <t>\\acsfs\profiles$\marcellewdl\Downloads\99fa6bf8-77c7-4bc1-9a5e-6da5648560e5.tmp</t>
  </si>
  <si>
    <t>mail.google.com/sync/u/0/i/s?hl=pt-BR&amp;c=1485</t>
  </si>
  <si>
    <t>mail.google.com/sync/u/0/i/s?hl=pt-BR&amp;c=1489</t>
  </si>
  <si>
    <t>mail.google.com/sync/u/0/i/s?hl=pt-BR&amp;c=1497</t>
  </si>
  <si>
    <t>mail.google.com/sync/u/0/i/s?hl=pt-BR&amp;c=1499</t>
  </si>
  <si>
    <t>mail.google.com/sync/u/0/i/s?hl=pt-BR&amp;c=1501</t>
  </si>
  <si>
    <t>340b4384-78bd-41ee-acd2-bf0260827aed.tmp</t>
  </si>
  <si>
    <t>\\acsfs\profiles$\luanarda\Downloads\340b4384-78bd-41ee-acd2-bf0260827aed.tmp</t>
  </si>
  <si>
    <t>69722bd2-518a-40b0-b7d8-e55b90a99cd6.tmp</t>
  </si>
  <si>
    <t>\\acsfs\profiles$\luanaagl\Downloads\69722bd2-518a-40b0-b7d8-e55b90a99cd6.tmp</t>
  </si>
  <si>
    <t>6498d3eb-311b-4a99-8d6c-855a75abaa4c.tmp</t>
  </si>
  <si>
    <t>\\acsfs\profiles$\luanaagl\Downloads\6498d3eb-311b-4a99-8d6c-855a75abaa4c.tmp</t>
  </si>
  <si>
    <t>9cce4163-0691-4a2f-87ee-32e2a9f6149c.tmp</t>
  </si>
  <si>
    <t>\\acsfs\profiles$\ANAPDSB\Downloads\9cce4163-0691-4a2f-87ee-32e2a9f6149c.tmp</t>
  </si>
  <si>
    <t>a17aae4f-7635-4060-8c3b-35f5a80ce3c1.tmp</t>
  </si>
  <si>
    <t>\\acsfs\profiles$\THYAGOSP\Downloads\a17aae4f-7635-4060-8c3b-35f5a80ce3c1.tmp</t>
  </si>
  <si>
    <t>7f976d5d-3834-4c33-8f08-df6977248559.tmp</t>
  </si>
  <si>
    <t>\\acsfs\profiles$\THYAGOSP\Downloads\7f976d5d-3834-4c33-8f08-df6977248559.tmp</t>
  </si>
  <si>
    <t>c87641f7-da82-493c-b503-2944ebbd566f.tmp</t>
  </si>
  <si>
    <t>\\acsfs\profiles$\geovannasm\Downloads\c87641f7-da82-493c-b503-2944ebbd566f.tmp</t>
  </si>
  <si>
    <t>240b0c51-ca77-4e72-89a3-14b4cbb62ee3.tmp</t>
  </si>
  <si>
    <t>\\acsfs\profiles$\geovannasm\Downloads\240b0c51-ca77-4e72-89a3-14b4cbb62ee3.tmp</t>
  </si>
  <si>
    <t>mail.google.com/sync/u/0/i/s?hl=pt-BR&amp;c=1504</t>
  </si>
  <si>
    <t>mail.google.com/sync/u/0/i/s?hl=pt-BR&amp;c=1506</t>
  </si>
  <si>
    <t>mail.google.com/sync/u/0/i/s?hl=pt-BR&amp;c=1509</t>
  </si>
  <si>
    <t>mail.google.com/sync/u/0/i/s?hl=pt-BR&amp;c=1511</t>
  </si>
  <si>
    <t>mail.google.com/sync/u/0/i/s?hl=pt-BR&amp;c=1514</t>
  </si>
  <si>
    <t>mail.google.com/sync/u/0/i/s?hl=pt-BR&amp;c=1516</t>
  </si>
  <si>
    <t>mail.google.com/sync/u/0/i/s?hl=pt-BR&amp;c=1518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</t>
  </si>
  <si>
    <t>IMG_1090.jpg</t>
  </si>
  <si>
    <t>IMG_1089.jpg</t>
  </si>
  <si>
    <t>79c82a8c-6166-4374-981f-ab21c10158b0.tmp</t>
  </si>
  <si>
    <t>\\acsfs\profiles$\LUCASNS\Downloads\79c82a8c-6166-4374-981f-ab21c10158b0.tmp</t>
  </si>
  <si>
    <t>52d20bbf-7159-4198-b8b3-c3cf7b911b03.tmp</t>
  </si>
  <si>
    <t>\\acsfs\profiles$\LUCASNS\Downloads\52d20bbf-7159-4198-b8b3-c3cf7b911b03.tmp</t>
  </si>
  <si>
    <t>e7445a9b-8e41-4d31-856f-1d57f8b60357.tmp</t>
  </si>
  <si>
    <t>\\acsfs\profiles$\LUCASNS\Downloads\e7445a9b-8e41-4d31-856f-1d57f8b60357.tmp</t>
  </si>
  <si>
    <t>8e8a17d6-99f0-4e46-9814-9153dd5224b6.tmp</t>
  </si>
  <si>
    <t>\\acsfs\profiles$\LUCASNS\Downloads\8e8a17d6-99f0-4e46-9814-9153dd5224b6.tmp</t>
  </si>
  <si>
    <t>d2eaf163-fea9-4faf-a118-952408e35b48.tmp</t>
  </si>
  <si>
    <t>\\acsfs\profiles$\luanaagl\Downloads\d2eaf163-fea9-4faf-a118-952408e35b48.tmp</t>
  </si>
  <si>
    <t>e5fa8615-06a5-4499-aa2b-c430a69e1b6b.tmp</t>
  </si>
  <si>
    <t>\\acsfs\profiles$\luanaagl\Downloads\e5fa8615-06a5-4499-aa2b-c430a69e1b6b.tmp</t>
  </si>
  <si>
    <t>4b6b4d49-8fd3-44e4-a50d-6f9b8c410a71.tmp</t>
  </si>
  <si>
    <t>\\acsfs\profiles$\luanaagl\Downloads\4b6b4d49-8fd3-44e4-a50d-6f9b8c410a71.tmp</t>
  </si>
  <si>
    <t>\\acsfs\Deptos\EDUCACAO EMPRESARIAL\Kássia\</t>
  </si>
  <si>
    <t>\\acsfs\Deptos\EDUCACAO EMPRESARIAL\00\Thumbs.db</t>
  </si>
  <si>
    <t>ab922607-6bd6-45e8-872e-bc9e2333eb13.tmp</t>
  </si>
  <si>
    <t>\\acsfs\profiles$\gabrielaff\Downloads\ab922607-6bd6-45e8-872e-bc9e2333eb13.tmp</t>
  </si>
  <si>
    <t>mail.google.com/_/upload?authuser=0&amp;dcp=asu-n&amp;upload_id=AEnB2UpY_gfOGeWgHIqW2tDkd1p_huZfScs_5VdzFCdtilrkPcMSpnLYgWR5_9F9yhzMAzA4RqpyZW3mR1T2GZOnUHXkEtOGk3R42XHunDMyWfduYRGLeLQ&amp;upload_protocol=resumable</t>
  </si>
  <si>
    <t>mail.google.com/_/upload?authuser=0&amp;dcp=asu-n&amp;upload_id=AEnB2UrgzTZgjvrDY4oBURgTXdtO9KfZp4QFd6rFOY5_iWo7ZwQG9x11aWsZ6PmWj2qgx_RFVWgAQvLbKP6ddlSIT4eaH611l0HYi4KV5CgdkO1YmGXx7IY&amp;upload_protocol=resumable</t>
  </si>
  <si>
    <t>3acfe0b8-4e32-4e02-983b-98b958397a5c.tmp</t>
  </si>
  <si>
    <t>\\acsfs\profiles$\vivianalds\Downloads\3acfe0b8-4e32-4e02-983b-98b958397a5c.tmp</t>
  </si>
  <si>
    <t>4f920fed-81f1-405a-80ef-e830a5e4f896.tmp</t>
  </si>
  <si>
    <t>\\acsfs\profiles$\cintiadcf\Downloads\4f920fed-81f1-405a-80ef-e830a5e4f896.tmp</t>
  </si>
  <si>
    <t>.~lock.Relatorio_09_01_2020.xls#</t>
  </si>
  <si>
    <t>\\acsfs\profiles$\cintiadcf\Downloads\.~lock.Relatorio_09_01_2020.xls#</t>
  </si>
  <si>
    <t>edb669fb-a6fd-420c-aaaa-fb01dbf81515.tmp</t>
  </si>
  <si>
    <t>\\acsfs\profiles$\danielac\Downloads\edb669fb-a6fd-420c-aaaa-fb01dbf81515.tmp</t>
  </si>
  <si>
    <t>fae15949-fc5d-4173-8d37-2c5443174d39.tmp</t>
  </si>
  <si>
    <t>\\acsfs\profiles$\nathaliarmr\Downloads\fae15949-fc5d-4173-8d37-2c5443174d39.tmp</t>
  </si>
  <si>
    <t>6039cdbe-4d94-43a8-a0a4-380e6765fb7b.tmp</t>
  </si>
  <si>
    <t>\\acsfs\profiles$\nathaliarmr\Downloads\6039cdbe-4d94-43a8-a0a4-380e6765fb7b.tmp</t>
  </si>
  <si>
    <t>8c07873b-726c-4ad9-82f0-8b4987281744.tmp</t>
  </si>
  <si>
    <t>\\acsfs\profiles$\luanaagl\Downloads\8c07873b-726c-4ad9-82f0-8b4987281744.tmp</t>
  </si>
  <si>
    <t>9670e922-bf74-46f9-b37a-a43d249f04b5.tmp</t>
  </si>
  <si>
    <t>\\acsfs\profiles$\lorrainerdl\Downloads\9670e922-bf74-46f9-b37a-a43d249f04b5.tmp</t>
  </si>
  <si>
    <t>aa5eea85-ba7c-4ada-b182-bd0de6def37b.tmp</t>
  </si>
  <si>
    <t>\\acsfs\profiles$\lorrainerdl\Downloads\aa5eea85-ba7c-4ada-b182-bd0de6def37b.tmp</t>
  </si>
  <si>
    <t>c0e25ba5-8ee0-45b5-a625-fe3e63360ef0.tmp</t>
  </si>
  <si>
    <t>\\acsfs\profiles$\victoriaksr\Downloads\c0e25ba5-8ee0-45b5-a625-fe3e63360ef0.tmp</t>
  </si>
  <si>
    <t>f2183383-c655-4086-83cf-b970cfa58368.tmp</t>
  </si>
  <si>
    <t>\\acsfs\profiles$\victoriaksr\Downloads\f2183383-c655-4086-83cf-b970cfa58368.tmp</t>
  </si>
  <si>
    <t>.~lock.1721 1724 ate 08012020.xlsx#</t>
  </si>
  <si>
    <t>\\acsfs\profiles$\victoriaksr\Downloads\.~lock.1721 1724 ate 08012020.xlsx#</t>
  </si>
  <si>
    <t>97221bad-4193-4153-828e-458f27405607.tmp</t>
  </si>
  <si>
    <t>\\acsfs\profiles$\quindaizaagds\Downloads\97221bad-4193-4153-828e-458f27405607.tmp</t>
  </si>
  <si>
    <t>df827a85-7455-4385-bc08-bb915b6cbfe5.tmp</t>
  </si>
  <si>
    <t>\\acsfs\profiles$\quindaizaagds\Downloads\df827a85-7455-4385-bc08-bb915b6cbfe5.tmp</t>
  </si>
  <si>
    <t>237f2064-19c3-4f43-9202-7d33ce9096b5.tmp</t>
  </si>
  <si>
    <t>\\acsfs\profiles$\quindaizaagds\Downloads\237f2064-19c3-4f43-9202-7d33ce9096b5.tmp</t>
  </si>
  <si>
    <t>cfba1b31-49b4-47f4-87cd-bb96c93a9e96.tmp</t>
  </si>
  <si>
    <t>\\acsfs\profiles$\quindaizaagds\Downloads\cfba1b31-49b4-47f4-87cd-bb96c93a9e96.tmp</t>
  </si>
  <si>
    <t>b04577f6-8cf6-4533-a4b6-e5e4ac827bb8.tmp</t>
  </si>
  <si>
    <t>\\acsfs\profiles$\geovannasm\Downloads\b04577f6-8cf6-4533-a4b6-e5e4ac827bb8.tmp</t>
  </si>
  <si>
    <t>2e670b8e-799e-4886-a503-8a1854514645.tmp</t>
  </si>
  <si>
    <t>\\acsfs\profiles$\geovannasm\Downloads\2e670b8e-799e-4886-a503-8a1854514645.tmp</t>
  </si>
  <si>
    <t>a4683ed9-77fe-4cb4-bbe4-faa3b5275901.tmp</t>
  </si>
  <si>
    <t>\\acsfs\profiles$\KARENDSR\Downloads\a4683ed9-77fe-4cb4-bbe4-faa3b5275901.tmp</t>
  </si>
  <si>
    <t>8c1f01e2-a8ae-4909-88d0-ffbb35876842.tmp</t>
  </si>
  <si>
    <t>\\acsfs\profiles$\KARENDSR\Downloads\8c1f01e2-a8ae-4909-88d0-ffbb35876842.tmp</t>
  </si>
  <si>
    <t>7d389ab9-04e2-4b19-8371-d8712ad1e2d2.tmp</t>
  </si>
  <si>
    <t>\\acsfs\profiles$\KARENDSR\Downloads\7d389ab9-04e2-4b19-8371-d8712ad1e2d2.tmp</t>
  </si>
  <si>
    <t>d13b866c-d3a3-4e90-a34f-5373ec2a9899.tmp</t>
  </si>
  <si>
    <t>\\acsfs\profiles$\KARENDSR\Downloads\d13b866c-d3a3-4e90-a34f-5373ec2a9899.tmp</t>
  </si>
  <si>
    <t>39dc7514-4195-4c74-abf8-c1ad0677d018.tmp</t>
  </si>
  <si>
    <t>\\acsfs\profiles$\lucasqdss\Downloads\39dc7514-4195-4c74-abf8-c1ad0677d018.tmp</t>
  </si>
  <si>
    <t>b9afd296-d737-4585-a130-0856d70d4975.tmp</t>
  </si>
  <si>
    <t>\\acsfs\profiles$\antoniosva\Downloads\b9afd296-d737-4585-a130-0856d70d4975.tmp</t>
  </si>
  <si>
    <t>a33fdf7a-018f-4d2e-8898-40c072e058ec.tmp</t>
  </si>
  <si>
    <t>\\acsfs\profiles$\lorrainerdl\Downloads\a33fdf7a-018f-4d2e-8898-40c072e058ec.tmp</t>
  </si>
  <si>
    <t>aaa06a80-b147-4312-8883-0134eebb2abd.tmp</t>
  </si>
  <si>
    <t>\\acsfs\profiles$\victoriaksr\Downloads\aaa06a80-b147-4312-8883-0134eebb2abd.tmp</t>
  </si>
  <si>
    <t>a8ad53db-25ee-4255-a614-982bcc078acb.tmp</t>
  </si>
  <si>
    <t>\\acsfs\profiles$\ERICALSR\Downloads\a8ad53db-25ee-4255-a614-982bcc078acb.tmp</t>
  </si>
  <si>
    <t>230aa493-1a43-4aa2-a7f4-fedcdc9816d0.tmp</t>
  </si>
  <si>
    <t>\\acsfs\profiles$\pamelamcmdsg\Downloads\230aa493-1a43-4aa2-a7f4-fedcdc9816d0.tmp</t>
  </si>
  <si>
    <t>Não confirmado 289744.crdownload</t>
  </si>
  <si>
    <t>\\acsfs\profiles$\pamelamcmdsg\Downloads\Não confirmado 289744.crdownload</t>
  </si>
  <si>
    <t>90dc0b52-ef5f-44ac-a50e-79968d68ea90.tmp</t>
  </si>
  <si>
    <t>\\acsfs\profiles$\lorraynevam\Downloads\90dc0b52-ef5f-44ac-a50e-79968d68ea90.tmp</t>
  </si>
  <si>
    <t>bdf7d726-2c98-46dd-8a94-0f559e74fba8.tmp</t>
  </si>
  <si>
    <t>\\acsfs\profiles$\ayalabfi\Downloads\bdf7d726-2c98-46dd-8a94-0f559e74fba8.tmp</t>
  </si>
  <si>
    <t>08cb63e4-87ce-4d39-9800-4d2ae24b95f7.tmp</t>
  </si>
  <si>
    <t>\\acsfs\profiles$\ayalabfi\Downloads\08cb63e4-87ce-4d39-9800-4d2ae24b95f7.tmp</t>
  </si>
  <si>
    <t>2573ec8f-79ed-4240-ba46-220525d826ee.tmp</t>
  </si>
  <si>
    <t>\\acsfs\profiles$\ayalabfi\Downloads\2573ec8f-79ed-4240-ba46-220525d826ee.tmp</t>
  </si>
  <si>
    <t>a12765a5-3498-4b1d-a20a-4d77a0796f49.tmp</t>
  </si>
  <si>
    <t>\\acsfs\profiles$\ayalabfi\Downloads\a12765a5-3498-4b1d-a20a-4d77a0796f49.tmp</t>
  </si>
  <si>
    <t>098a0c51-e217-4367-a48a-f5914df3b057.tmp</t>
  </si>
  <si>
    <t>\\acsfs\profiles$\nataliacsl\Downloads\098a0c51-e217-4367-a48a-f5914df3b057.tmp</t>
  </si>
  <si>
    <t>7c2a6375-b1ca-4312-8fee-4391d8f06acc.tmp</t>
  </si>
  <si>
    <t>\\acsfs\profiles$\joycemmdl\Downloads\7c2a6375-b1ca-4312-8fee-4391d8f06acc.tmp</t>
  </si>
  <si>
    <t>lu16188ru6r8.tmp</t>
  </si>
  <si>
    <t>\\acsfs\profiles$\victoriaksr\My Documents\lu16188ru6r8.tmp</t>
  </si>
  <si>
    <t>3e227e53-c18d-4134-99b5-f21c6d114fdd.tmp</t>
  </si>
  <si>
    <t>\\acsfs\profiles$\marcellewdl\Downloads\3e227e53-c18d-4134-99b5-f21c6d114fdd.tmp</t>
  </si>
  <si>
    <t>3de46803-b806-46b9-8b38-1d4721013697.tmp</t>
  </si>
  <si>
    <t>\\acsfs\profiles$\larissaad\Downloads\3de46803-b806-46b9-8b38-1d4721013697.tmp</t>
  </si>
  <si>
    <t>d16a8d81-8e4f-477a-b79e-0a195b750a49.tmp</t>
  </si>
  <si>
    <t>\\acsfs\profiles$\larissaad\Downloads\d16a8d81-8e4f-477a-b79e-0a195b750a49.tmp</t>
  </si>
  <si>
    <t>29333191-b067-42bc-9109-b60b2b112893.tmp</t>
  </si>
  <si>
    <t>\\acsfs\profiles$\larissaad\Downloads\29333191-b067-42bc-9109-b60b2b112893.tmp</t>
  </si>
  <si>
    <t>dd49e427-698a-4c65-9f1a-02b564ee9bb0.tmp</t>
  </si>
  <si>
    <t>\\acsfs\profiles$\larissaad\Downloads\dd49e427-698a-4c65-9f1a-02b564ee9bb0.tmp</t>
  </si>
  <si>
    <t>5c23e62d-21b0-4a9c-b07b-276606351c9b.tmp</t>
  </si>
  <si>
    <t>\\acsfs\profiles$\lorraynevam\Downloads\5c23e62d-21b0-4a9c-b07b-276606351c9b.tmp</t>
  </si>
  <si>
    <t>e4f5f0de-4a81-4757-a866-26cb79a4fd88.tmp</t>
  </si>
  <si>
    <t>\\acsfs\profiles$\geovannasm\Downloads\e4f5f0de-4a81-4757-a866-26cb79a4fd88.tmp</t>
  </si>
  <si>
    <t>c015827a-8558-4b01-b2f2-b7d7037b28ec.tmp</t>
  </si>
  <si>
    <t>\\acsfs\profiles$\geovannasm\Downloads\c015827a-8558-4b01-b2f2-b7d7037b28ec.tmp</t>
  </si>
  <si>
    <t>7acb226e-6cab-4708-b71b-9dd83fa3a7e1.tmp</t>
  </si>
  <si>
    <t>\\acsfs\profiles$\geovannasm\Downloads\7acb226e-6cab-4708-b71b-9dd83fa3a7e1.tmp</t>
  </si>
  <si>
    <t>e77e3901-9cb5-4889-87ff-e4c308e1f3ed.tmp</t>
  </si>
  <si>
    <t>\\acsfs\profiles$\geovannasm\Downloads\e77e3901-9cb5-4889-87ff-e4c308e1f3ed.tmp</t>
  </si>
  <si>
    <t>0b780076-84f6-4b92-8acb-5c07d19395b8.tmp</t>
  </si>
  <si>
    <t>\\acsfs\profiles$\geovannasm\Downloads\0b780076-84f6-4b92-8acb-5c07d19395b8.tmp</t>
  </si>
  <si>
    <t>2d506eaa-0ffa-4c05-8cd1-9034a47813e5.tmp</t>
  </si>
  <si>
    <t>\\acsfs\profiles$\geovannasm\Downloads\2d506eaa-0ffa-4c05-8cd1-9034a47813e5.tmp</t>
  </si>
  <si>
    <t>64361859-4347-498a-968d-8f4bfc1969cd.tmp</t>
  </si>
  <si>
    <t>\\acsfs\profiles$\marcosvnds\Downloads\64361859-4347-498a-968d-8f4bfc1969cd.tmp</t>
  </si>
  <si>
    <t>3f3b9e08-fbbc-494a-a785-9651629ca013.tmp</t>
  </si>
  <si>
    <t>\\acsfs\profiles$\marcosvnds\Downloads\3f3b9e08-fbbc-494a-a785-9651629ca013.tmp</t>
  </si>
  <si>
    <t>da209fc0-d572-4f40-83ae-1f9044799661.tmp</t>
  </si>
  <si>
    <t>\\acsfs\profiles$\nataliacsl\Downloads\da209fc0-d572-4f40-83ae-1f9044799661.tmp</t>
  </si>
  <si>
    <t>ddf67639-259b-4e7a-bc0b-d2577a6748ca.tmp</t>
  </si>
  <si>
    <t>\\acsfs\profiles$\nataliacsl\Downloads\ddf67639-259b-4e7a-bc0b-d2577a6748ca.tmp</t>
  </si>
  <si>
    <t>f528c671-c438-4009-8e69-b93586854fd8.tmp</t>
  </si>
  <si>
    <t>\\acsfs\profiles$\nataliacsl\Downloads\f528c671-c438-4009-8e69-b93586854fd8.tmp</t>
  </si>
  <si>
    <t>vocabulario atualizado- 08-01-20.xlsx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,shar,shared,sharedwithmedate,thumbnailversion,thumbnailversion�,title,userpermission(role)</t>
  </si>
  <si>
    <t>a47c17cc-5446-40d6-9b89-02d37856c95b.tmp</t>
  </si>
  <si>
    <t>\\acsfs\profiles$\leticiala\Downloads\a47c17cc-5446-40d6-9b89-02d37856c95b.tmp</t>
  </si>
  <si>
    <t>9aa9f530-4eb5-42be-9f9d-d2da9ad8d4bb.tmp</t>
  </si>
  <si>
    <t>\\acsfs\profiles$\BRUNAAR\Downloads\9aa9f530-4eb5-42be-9f9d-d2da9ad8d4bb.tmp</t>
  </si>
  <si>
    <t>dd67dd27-fd39-4d25-8586-445c727e7c17.tmp</t>
  </si>
  <si>
    <t>\\acsfs\profiles$\marcosvnds\Downloads\dd67dd27-fd39-4d25-8586-445c727e7c17.tmp</t>
  </si>
  <si>
    <t>813cfdb5-7302-47dd-a9b6-e1ed9ac8b5f6.tmp</t>
  </si>
  <si>
    <t>\\acsfs\profiles$\marcosvnds\Downloads\813cfdb5-7302-47dd-a9b6-e1ed9ac8b5f6.tmp</t>
  </si>
  <si>
    <t>6bb2ea78-0fc2-46bb-8dc8-ee06d9c424c7.tmp</t>
  </si>
  <si>
    <t>\\acsfs\profiles$\marcosvnds\Downloads\6bb2ea78-0fc2-46bb-8dc8-ee06d9c424c7.tmp</t>
  </si>
  <si>
    <t>7c8846c4-596a-41a6-8f70-fdbced8722f3.tmp</t>
  </si>
  <si>
    <t>\\acsfs\profiles$\marcosvnds\Downloads\7c8846c4-596a-41a6-8f70-fdbced8722f3.tmp</t>
  </si>
  <si>
    <t>cb46bdd4-34b8-4e6b-ac4d-40fd4619eb84.tmp</t>
  </si>
  <si>
    <t>\\acsfs\profiles$\marcosvnds\Downloads\cb46bdd4-34b8-4e6b-ac4d-40fd4619eb84.tmp</t>
  </si>
  <si>
    <t>54291a81-e931-4eba-a40f-e4ecfb0fe468.tmp</t>
  </si>
  <si>
    <t>\\acsfs\profiles$\marcosvnds\Downloads\54291a81-e931-4eba-a40f-e4ecfb0fe468.tmp</t>
  </si>
  <si>
    <t>844fb7a3-bdff-4f38-96d3-a27e2ce97363.tmp</t>
  </si>
  <si>
    <t>\\acsfs\profiles$\anafsb\Downloads\844fb7a3-bdff-4f38-96d3-a27e2ce97363.tmp</t>
  </si>
  <si>
    <t>c4e213cd-3b9f-415f-881f-8cda81999880.tmp</t>
  </si>
  <si>
    <t>\\acsfs\profiles$\anafsb\Downloads\c4e213cd-3b9f-415f-881f-8cda81999880.tmp</t>
  </si>
  <si>
    <t>68bfa429-f71e-43f5-aedf-08580d8cf574.tmp</t>
  </si>
  <si>
    <t>\\acsfs\profiles$\anafsb\Downloads\68bfa429-f71e-43f5-aedf-08580d8cf574.tmp</t>
  </si>
  <si>
    <t>b2aa4d57-713b-4b1c-8604-e79102353cf0.tmp</t>
  </si>
  <si>
    <t>\\acsfs\profiles$\anafsb\Downloads\b2aa4d57-713b-4b1c-8604-e79102353cf0.tmp</t>
  </si>
  <si>
    <t>lu11376j7rr5.tmp</t>
  </si>
  <si>
    <t>\\acsfs\profiles$\BRUNAAR\Numero\lu11376j7rr5.tmp</t>
  </si>
  <si>
    <t>69152298-e533-4ff9-98f1-8e0387cb29a3.tmp</t>
  </si>
  <si>
    <t>\\acsfs\profiles$\antoniosva\Downloads\69152298-e533-4ff9-98f1-8e0387cb29a3.tmp</t>
  </si>
  <si>
    <t>c2d5e5a3-2a6d-4f9e-860c-c8d839fe69de.tmp</t>
  </si>
  <si>
    <t>\\acsfs\profiles$\ayalabfi\Downloads\c2d5e5a3-2a6d-4f9e-860c-c8d839fe69de.tmp</t>
  </si>
  <si>
    <t>aa2e7724-8e0e-4594-bac8-b0f967738d16.tmp</t>
  </si>
  <si>
    <t>\\acsfs\profiles$\anafsb\Downloads\aa2e7724-8e0e-4594-bac8-b0f967738d16.tmp</t>
  </si>
  <si>
    <t>dd4bea63-0b40-4962-8a99-0394d2065f7b.tmp</t>
  </si>
  <si>
    <t>\\acsfs\profiles$\anafsb\Downloads\dd4bea63-0b40-4962-8a99-0394d2065f7b.tmp</t>
  </si>
  <si>
    <t>4d07d0ae-d4e4-4fc7-a622-7addb956c14a.tmp</t>
  </si>
  <si>
    <t>\\acsfs\profiles$\joycemmdl\Downloads\4d07d0ae-d4e4-4fc7-a622-7addb956c14a.tmp</t>
  </si>
  <si>
    <t>6e4f1e1f-34e9-44d5-bae1-320b2c00f570.tmp</t>
  </si>
  <si>
    <t>\\acsfs\profiles$\LUCASBS\Downloads\6e4f1e1f-34e9-44d5-bae1-320b2c00f570.tmp</t>
  </si>
  <si>
    <t>d9ecaea7-6954-456e-ac2d-6710b341670a.tmp</t>
  </si>
  <si>
    <t>\\acsfs\profiles$\LUCASBS\Downloads\d9ecaea7-6954-456e-ac2d-6710b341670a.tmp</t>
  </si>
  <si>
    <t>C:\Users\leonardoefo\Downloads\</t>
  </si>
  <si>
    <t>Registro de Tratamento Dados - Leonardo Elias &amp; Waleska Maria Miranda - Governança Jurídica (2).xlsx</t>
  </si>
  <si>
    <t>andrelpsa@algartech.com;bvcartes-supervisores@algarnet.onmicrosoft.com;joaogvc@algartech.com;leonardoao@algartech.com;marianadjc@algartech.com;maristelavodq@bv.algartech.com;mirianppb@algartech.com;paulacn@algartech.com;rafaelggs@algartech.com;taysdss@algartech.com;viniciussg@algartech.com;</t>
  </si>
  <si>
    <t>andrelpsa@algartech.com,bvcartes-supervisores@algarnet.onmicrosoft.com,joaogvc@algartech.com,leonardoao@algartech.com,marianadjc@algartech.com,maristelavodq@bv.algartech.com,mirianppb@algartech.com,paulacn@algartech.com,rafaelggs@algartech.com,taysdss@algartech.com,viniciussg@algartech.com</t>
  </si>
  <si>
    <t>5778cc27-9fd0-4c17-a405-7130ba4421fc.tmp</t>
  </si>
  <si>
    <t>\\acsfs\profiles$\geovannasm\Downloads\5778cc27-9fd0-4c17-a405-7130ba4421fc.tmp</t>
  </si>
  <si>
    <t>mail.google.com/sync/u/0/i/s?hl=pt-BR&amp;c=1596</t>
  </si>
  <si>
    <t>7e28203d-0fbc-4de0-8cec-da0dacddca07.tmp</t>
  </si>
  <si>
    <t>\\acsfs\profiles$\inarajst\Downloads\7e28203d-0fbc-4de0-8cec-da0dacddca07.tmp</t>
  </si>
  <si>
    <t>68166493-6ebe-424a-be3b-d804981d7fe4.tmp</t>
  </si>
  <si>
    <t>\\acsfs\profiles$\gabrielhca\Downloads\68166493-6ebe-424a-be3b-d804981d7fe4.tmp</t>
  </si>
  <si>
    <t>\\acsfs\DEPTOS\Controladoria\Planejamento\Reuniões Mensais\2017\Controle de CR's\</t>
  </si>
  <si>
    <t>Planilha de Controle.xlsx</t>
  </si>
  <si>
    <t>f7d40a17-1bd4-4302-a1ca-b5abd852c03d.tmp</t>
  </si>
  <si>
    <t>\\acsfs\profiles$\lorrainerdl\Downloads\f7d40a17-1bd4-4302-a1ca-b5abd852c03d.tmp</t>
  </si>
  <si>
    <t>mail.google.com/sync/u/0/i/s?hl=pt-BR&amp;c=349</t>
  </si>
  <si>
    <t>mail.google.com/sync/u/0/i/s?hl=pt-BR&amp;c=351</t>
  </si>
  <si>
    <t>mail.google.com/_/upload?authuser=0&amp;dcp=asu-n&amp;upload_id=AEnB2Uo63ILpdO31Ol6Cd3eJ7S0yYOq0rQb3QxhxXUruT6FUgl4E8jYkBADR3g9vV6D6-fE-TMQ8ji8v15xqTMoEwhTYb16lPaenJLpVKEEfsSMIR21dyh4&amp;upload_protocol=resumable</t>
  </si>
  <si>
    <t>e04add9e-1bb8-43ec-84b8-6db14715b2f9.tmp</t>
  </si>
  <si>
    <t>\\acsfs\profiles$\lucasgpe\Downloads\e04add9e-1bb8-43ec-84b8-6db14715b2f9.tmp</t>
  </si>
  <si>
    <t>6bf3c1c0-92ea-421f-816a-3e0606b094c3.tmp</t>
  </si>
  <si>
    <t>\\acsfs\profiles$\geovannasm\Downloads\6bf3c1c0-92ea-421f-816a-3e0606b094c3.tmp</t>
  </si>
  <si>
    <t>https://portalth.algarnet.com.br/webponto/just_user/pesqfunc_corpo.asp?hidtelachamadora=solicitarelat&amp;data=01/12/2019</t>
  </si>
  <si>
    <t>thiagolrc</t>
  </si>
  <si>
    <t>http://qlikview.algartecnologia.com.br/qvajaxzfc/accesspoint.aspx?mark=&amp;platform=browser.chrome&amp;dpi=96</t>
  </si>
  <si>
    <t>625a1132-87d6-4d84-a8fb-27ac7e8acf8c.tmp</t>
  </si>
  <si>
    <t>\\acsfs\profiles$\gabrielhca\Downloads\625a1132-87d6-4d84-a8fb-27ac7e8acf8c.tmp</t>
  </si>
  <si>
    <t>e8864958-b746-421e-b6f5-4d352c31a1f7.tmp</t>
  </si>
  <si>
    <t>\\acsfs\profiles$\gabrielhca\Downloads\e8864958-b746-421e-b6f5-4d352c31a1f7.tmp</t>
  </si>
  <si>
    <t>a24ab9e2-16b3-42b2-b713-a3ea353e4c4c.tmp</t>
  </si>
  <si>
    <t>\\acsfs\profiles$\gabrielhca\Downloads\a24ab9e2-16b3-42b2-b713-a3ea353e4c4c.tmp</t>
  </si>
  <si>
    <t>7fc2239a-636c-457a-b182-805b879ec3f6.tmp</t>
  </si>
  <si>
    <t>\\acsfs\profiles$\vivianalds\Downloads\7fc2239a-636c-457a-b182-805b879ec3f6.tmp</t>
  </si>
  <si>
    <t>quintao.xlsx</t>
  </si>
  <si>
    <t>59611162-da01-45bf-8401-02ef862b268f.tmp</t>
  </si>
  <si>
    <t>\\acsfs\profiles$\isabellegtds\Downloads\59611162-da01-45bf-8401-02ef862b268f.tmp</t>
  </si>
  <si>
    <t>78a6ca9d-b0ec-4c74-8d5c-ecbdc44fb910.tmp</t>
  </si>
  <si>
    <t>\\acsfs\profiles$\isabellegtds\Downloads\78a6ca9d-b0ec-4c74-8d5c-ecbdc44fb910.tmp</t>
  </si>
  <si>
    <t>55d529ba-12ce-4813-9bdd-7c2c69b74e1c.tmp</t>
  </si>
  <si>
    <t>\\acsfs\profiles$\danielmlds\Downloads\55d529ba-12ce-4813-9bdd-7c2c69b74e1c.tmp</t>
  </si>
  <si>
    <t>https://outlook.office365.com/owa/qualidadealgarbv@algartech.com/service.svc?action=createitem&amp;app=mail&amp;n=81</t>
  </si>
  <si>
    <t>5d1d235a-a520-4ad8-8951-9acea8e018bb.tmp</t>
  </si>
  <si>
    <t>\\acsfs\profiles$\geovannasm\Downloads\5d1d235a-a520-4ad8-8951-9acea8e018bb.tmp</t>
  </si>
  <si>
    <t>10.200.57.22</t>
  </si>
  <si>
    <t>D8-9C-67-6F-2A-D3</t>
  </si>
  <si>
    <t>mail.google.com/_/upload?authuser=3&amp;dcp=asu-n&amp;upload_id=AEnB2Ur6CzyLeZWGOQmNlkQnOshkZUqDpKYn4F8w9A_M7RyTZfAQyxaeHHY1GrF2q5PSy4UA54fHHo_6-nRqo5JfwG96KPA3unQAH1fFdhJ5u2w2NO1cwVE&amp;upload_protocol=resumable</t>
  </si>
  <si>
    <t>\\acsfs\ACS\Gestão por Processos\Migração PJ\Bradesco\Migração PJ\Migração Full\PARA (Validado)\Formalização\Formalização - Emissão de Cartão.docx\</t>
  </si>
  <si>
    <t>lu11376j7rr9.tmp</t>
  </si>
  <si>
    <t>\\acsfs\profiles$\BRUNAAR\Numero\lu11376j7rr9.tmp</t>
  </si>
  <si>
    <t>9f179213-c03d-4362-be5c-a78d1bc8c2bd.tmp</t>
  </si>
  <si>
    <t>\\acsfs\profiles$\anafsb\Downloads\9f179213-c03d-4362-be5c-a78d1bc8c2bd.tmp</t>
  </si>
  <si>
    <t>379e08e4-3713-431c-8505-5159e14a1911.tmp</t>
  </si>
  <si>
    <t>\\acsfs\profiles$\Flaviojmm\Downloads\379e08e4-3713-431c-8505-5159e14a1911.tmp</t>
  </si>
  <si>
    <t>96841a35-02c6-4d7d-9b8e-ce594962a640.tmp</t>
  </si>
  <si>
    <t>\\acsfs\profiles$\Flaviojmm\Downloads\96841a35-02c6-4d7d-9b8e-ce594962a640.tmp</t>
  </si>
  <si>
    <t>0849b14e-ee85-48e5-a197-19a0ea4c7334.tmp</t>
  </si>
  <si>
    <t>\\acsfs\profiles$\vivianalds\Downloads\0849b14e-ee85-48e5-a197-19a0ea4c7334.tmp</t>
  </si>
  <si>
    <t>872cc5bb-94a3-4011-911c-3a182f0408e4.tmp</t>
  </si>
  <si>
    <t>\\acsfs\profiles$\vivianalds\Downloads\872cc5bb-94a3-4011-911c-3a182f0408e4.tmp</t>
  </si>
  <si>
    <t>ef279068-b6b2-49d6-ad83-f7baa538cf54.tmp</t>
  </si>
  <si>
    <t>\\acsfs\profiles$\lorrainerdl\Downloads\ef279068-b6b2-49d6-ad83-f7baa538cf54.tmp</t>
  </si>
  <si>
    <t>7b5265f0-4f7a-4168-8b6c-80ffb3de4922.tmp</t>
  </si>
  <si>
    <t>\\acsfs\profiles$\danielmlds\Downloads\7b5265f0-4f7a-4168-8b6c-80ffb3de4922.tmp</t>
  </si>
  <si>
    <t>C:\Users\matheusvs\OneDrive - Grupo Algar\Anexos de email\</t>
  </si>
  <si>
    <t>Pessoal.xlsx</t>
  </si>
  <si>
    <t>https://outlook.office365.com/owa/qualidadealgarbv@algartech.com/service.svc?action=updateitem&amp;app=mail&amp;n=84</t>
  </si>
  <si>
    <t>1b9e820f-c09a-4355-bf0b-6f0a42d90cf7.tmp</t>
  </si>
  <si>
    <t>\\acsfs\profiles$\PEDROHAB\Downloads\1b9e820f-c09a-4355-bf0b-6f0a42d90cf7.tmp</t>
  </si>
  <si>
    <t>cab8ca3c-5adb-4af8-a9fe-1a64c2ee8814.tmp</t>
  </si>
  <si>
    <t>\\acsfs\profiles$\PEDROHAB\Downloads\cab8ca3c-5adb-4af8-a9fe-1a64c2ee8814.tmp</t>
  </si>
  <si>
    <t>bf937c16-2674-4ebb-b60b-dd45258dd419.tmp</t>
  </si>
  <si>
    <t>\\acsfs\profiles$\PEDROHAB\Downloads\bf937c16-2674-4ebb-b60b-dd45258dd419.tmp</t>
  </si>
  <si>
    <t>maristelavodq</t>
  </si>
  <si>
    <t>\\acsfs\profiles$\maristelavodq\Contacts\</t>
  </si>
  <si>
    <t>MARISTELA VITORIA OLIVEIRA DE QUEIROZ (11739).contact</t>
  </si>
  <si>
    <t>\\acsfs\profiles$\maristelavodq\Contacts\MARISTELA VITORIA OLIVEIRA DE QUEIROZ (11739).contact</t>
  </si>
  <si>
    <t>\\acsfs\profiles$\maristelavodq\My Documents\My Videos\</t>
  </si>
  <si>
    <t>\\acsfs\profiles$\maristelavodq\My Documents\My Videos\desktop.ini</t>
  </si>
  <si>
    <t>\\acsfs\profiles$\maristelavodq\My Documents\My Pictures\</t>
  </si>
  <si>
    <t>\\acsfs\profiles$\maristelavodq\My Documents\My Pictures\desktop.ini</t>
  </si>
  <si>
    <t>\\acsfs\profiles$\maristelavodq\Contacts\desktop.ini</t>
  </si>
  <si>
    <t>\\acsfs\profiles$\maristelavodq\Favorites\</t>
  </si>
  <si>
    <t>\\acsfs\profiles$\maristelavodq\Favorites\desktop.ini</t>
  </si>
  <si>
    <t>\\acsfs\profiles$\maristelavodq\My Documents\My Music\</t>
  </si>
  <si>
    <t>\\acsfs\profiles$\maristelavodq\My Documents\My Music\desktop.ini</t>
  </si>
  <si>
    <t>\\acsfs\profiles$\maristelavodq\Searches\</t>
  </si>
  <si>
    <t>\\acsfs\profiles$\maristelavodq\Searches\desktop.ini</t>
  </si>
  <si>
    <t>\\acsfs\profiles$\maristelavodq\Downloads\</t>
  </si>
  <si>
    <t>\\acsfs\profiles$\maristelavodq\Downloads\desktop.ini</t>
  </si>
  <si>
    <t>\\acsfs\profiles$\maristelavodq\My Documents\</t>
  </si>
  <si>
    <t>\\acsfs\profiles$\maristelavodq\My Documents\desktop.ini</t>
  </si>
  <si>
    <t>\\acsfs\profiles$\maristelavodq\Saved Games\</t>
  </si>
  <si>
    <t>\\acsfs\profiles$\maristelavodq\Saved Games\desktop.ini</t>
  </si>
  <si>
    <t>\\acsfs\profiles$\maristelavodq\Favorites\Links for Brasil\</t>
  </si>
  <si>
    <t>\\acsfs\profiles$\maristelavodq\Favorites\Links for Brasil\desktop.ini</t>
  </si>
  <si>
    <t>\\acsfs\profiles$\maristelavodq\Favorites\Links for Brasil\Microsoft Brasil.url</t>
  </si>
  <si>
    <t>\\acsfs\profiles$\maristelavodq\Favorites\Links for Brasil\Windows Brasil.url</t>
  </si>
  <si>
    <t>\\acsfs\profiles$\maristelavodq\Favorites\Links for Brasil\MSN Brasil.url</t>
  </si>
  <si>
    <t>eversonmc@algartech.com.br;</t>
  </si>
  <si>
    <t>ENC: BRA - Merck Change February 2020</t>
  </si>
  <si>
    <t>New Cards Merck LE 682 CID 101603.xls</t>
  </si>
  <si>
    <t>eversonmc@algartech.com.br</t>
  </si>
  <si>
    <t>lu138892y2ps2e.tmp</t>
  </si>
  <si>
    <t>\\acsfs\DEPTOS\Operacao\Banco_Votorantim\Supervisao\SUPERS BV CARTÕES\ANA VITORIA\APOIO\lu138892y2ps2e.tmp</t>
  </si>
  <si>
    <t>d0d0517e-1b1d-4a37-b576-95d863e99f12.tmp</t>
  </si>
  <si>
    <t>\\acsfs\profiles$\leticiala\Downloads\d0d0517e-1b1d-4a37-b576-95d863e99f12.tmp</t>
  </si>
  <si>
    <t>Erro fatal DENNER LUIS DOS REIS.PNG</t>
  </si>
  <si>
    <t>\\acsfs\ACS\001 - Qualidade Lilian\PAULO\Pasta Tainara\Erro fatal DENNER LUIS DOS REIS.PNG</t>
  </si>
  <si>
    <t>27126c1b-6935-4cce-b544-6a773f17f7a6.tmp</t>
  </si>
  <si>
    <t>\\acsfs\profiles$\THYAGOSP\Downloads\27126c1b-6935-4cce-b544-6a773f17f7a6.tmp</t>
  </si>
  <si>
    <t>a0c93da0-2906-42ff-9679-4c6f5b596302.tmp</t>
  </si>
  <si>
    <t>\\acsfs\profiles$\larissaad\Downloads\a0c93da0-2906-42ff-9679-4c6f5b596302.tmp</t>
  </si>
  <si>
    <t>http:///batch?%24ct=multipart%2Fmixed%3B%20boundary%3D%22%3D%3D%3D%3D%3D9zcn9p1r55gz%3D%3D%3D%3D%3D%22&amp;key=AIzaSyAy9VVXHSpS2IJpptzYtGbLP3-3_l0aBk4</t>
  </si>
  <si>
    <t>https://udpmailboxap01/service/soap/sendmsgrequest</t>
  </si>
  <si>
    <t>d7b090c0-3c2a-484a-aec9-a5c884f3a02a.tmp</t>
  </si>
  <si>
    <t>\\acsfs\profiles$\lorrainerdl\Downloads\d7b090c0-3c2a-484a-aec9-a5c884f3a02a.tmp</t>
  </si>
  <si>
    <t>6c3f8a48-b6be-47a7-9373-f6eb4fbf52cf.tmp</t>
  </si>
  <si>
    <t>\\acsfs\profiles$\LUCASBS\Downloads\6c3f8a48-b6be-47a7-9373-f6eb4fbf52cf.tmp</t>
  </si>
  <si>
    <t>\\acsfs\profiles$\maristelavodq\My Documents\$RECYCLE.BIN\</t>
  </si>
  <si>
    <t>$I7CTEPQ.txt</t>
  </si>
  <si>
    <t>\\acsfs\profiles$\maristelavodq\My Documents\$RECYCLE.BIN\$I7CTEPQ.txt</t>
  </si>
  <si>
    <t>bv.txt</t>
  </si>
  <si>
    <t>\\acsfs\profiles$\maristelavodq\My Documents\bv.txt</t>
  </si>
  <si>
    <t>SEGURO.txt</t>
  </si>
  <si>
    <t>\\acsfs\profiles$\maristelavodq\My Documents\SEGURO.txt</t>
  </si>
  <si>
    <t>$IZQ2EHL.txt</t>
  </si>
  <si>
    <t>\\acsfs\profiles$\maristelavodq\My Documents\$RECYCLE.BIN\$IZQ2EHL.txt</t>
  </si>
  <si>
    <t>032174fa-5ac5-43ab-b867-31c78042cb26.tmp</t>
  </si>
  <si>
    <t>\\acsfs\profiles$\geovannasm\Downloads\032174fa-5ac5-43ab-b867-31c78042cb26.tmp</t>
  </si>
  <si>
    <t>mail.google.com/_/upload?authuser=1&amp;dcp=asu-n&amp;upload_id=AEnB2UoZs8QQmXclcimW9GGK70qswAFqzubrKb3kYlcHKaLp6dc1D9HPQVomnxBtjk6mqp90AFL49_U3aJtBIKifl3W9uFDg5bV0MK8fLypUah2jnTfbYC4&amp;upload_protocol=resumable</t>
  </si>
  <si>
    <t>\\acsfs\DEPTOS\Operacao\PCP\3 - Corporativo\RFP´s (Request for Proposal)\2020\OPP 227399 Carrefour_Mesa de Crédito\</t>
  </si>
  <si>
    <t>Resumo dimensionamento_Mesa Crédito Carrefour.xlsx</t>
  </si>
  <si>
    <t>\\acsfs\deptos\Operacao\PCP\5 - Comum\PLANEJAMENTO BV\22 - BANCO DE DADOS BV\FINANCEIRA\</t>
  </si>
  <si>
    <t>Dados Gerais BV - ALGAR.xlsx</t>
  </si>
  <si>
    <t>\\acsfs\deptos\Operacao\PCP\5 - Comum\PLANEJAMENTO BV\22 - BANCO DE DADOS BV\FINANCEIRA\Dados Gerais BV - ALGAR.xlsx</t>
  </si>
  <si>
    <t>a6b762d5-f52b-4f2c-9209-72584e74b345.tmp</t>
  </si>
  <si>
    <t>\\acsfs\profiles$\ERICALSR\Downloads\a6b762d5-f52b-4f2c-9209-72584e74b345.tmp</t>
  </si>
  <si>
    <t>Valor Prêmio por Operador Janeiro - até 08.01.pdf</t>
  </si>
  <si>
    <t>\\acsfs\DEPTOS\Operacao\Banco_Votorantim\Comum\00 - COMUM - BV CARTÕES\EQUIPE ADILSON\Vendas\Valor Prêmio por Operador Janeiro - até 08.01.pdf</t>
  </si>
  <si>
    <t>5f682320-e24a-49ce-a03c-445349000ce5.tmp</t>
  </si>
  <si>
    <t>\\acsfs\profiles$\maxmillianosv\Downloads\5f682320-e24a-49ce-a03c-445349000ce5.tmp</t>
  </si>
  <si>
    <t>026bb334-cbfe-4960-9cf6-7e8bf9a7fc82.tmp</t>
  </si>
  <si>
    <t>\\acsfs\profiles$\vivianealda\Downloads\026bb334-cbfe-4960-9cf6-7e8bf9a7fc82.tmp</t>
  </si>
  <si>
    <t>35b1ff95-b0e1-4e8b-bac7-6757c376d3d2.tmp</t>
  </si>
  <si>
    <t>\\acsfs\profiles$\kellzylenneasr\Downloads\35b1ff95-b0e1-4e8b-bac7-6757c376d3d2.tmp</t>
  </si>
  <si>
    <t>a232b756-df73-4bf8-b31a-e460715082aa.tmp</t>
  </si>
  <si>
    <t>\\acsfs\profiles$\kellzylenneasr\Downloads\a232b756-df73-4bf8-b31a-e460715082aa.tmp</t>
  </si>
  <si>
    <t>57728759-5763-4277-8c89-224d6c22703e.tmp</t>
  </si>
  <si>
    <t>\\acsfs\profiles$\luanaagl\Downloads\57728759-5763-4277-8c89-224d6c22703e.tmp</t>
  </si>
  <si>
    <t>ances,ancestorhasaugmentedpermissions,containsunsubscribedchildren,copyable,displayname,domain,emailaddress,explicitlytrashed,file(kind,fileid,filesize,foldercolor�,hasthumbnail,hasvisitorpermissions,id,id),items(deleted,items(kind,ken,kind,lastmodifyinguser(kind,lastviewedby,lastviewedbymedate,mimetype,modifiedbymedate,modifieddate,nextpagetoken,ontainsunsubscribedchildren,owners(kind,perm,permiss,permission,permissionid,pict,picture,picture�,quotabytesused,res v3' and title contains 'xlsx' and trashed = false and '1dzrqvuxgqpbpevbi2_a0_uaqhvjz9pcw' in parents&amp;fields=kind,rpermissions,shareable,shared,sharedwithmedate,subscribed,thumbnailversion,title,userpermission(role),workspaceids</t>
  </si>
  <si>
    <t>bc378e87-b50f-4f69-b77e-a23d4174964a.tmp</t>
  </si>
  <si>
    <t>\\acsfs\profiles$\danielac\Downloads\bc378e87-b50f-4f69-b77e-a23d4174964a.tmp</t>
  </si>
  <si>
    <t>ce3cb0d8-6a49-47f7-941f-2cb21a2b9e75.tmp</t>
  </si>
  <si>
    <t>\\acsfs\profiles$\lucasgpe\Downloads\ce3cb0d8-6a49-47f7-941f-2cb21a2b9e75.tmp</t>
  </si>
  <si>
    <t>b889d2de-1a01-49a7-b7a5-3d5f7cc78a04.tmp</t>
  </si>
  <si>
    <t>\\acsfs\profiles$\adelvinsonle\Downloads\b889d2de-1a01-49a7-b7a5-3d5f7cc78a04.tmp</t>
  </si>
  <si>
    <t>cc3aa9cf-8f9b-4f24-8832-a6c778e27e7a.tmp</t>
  </si>
  <si>
    <t>\\acsfs\profiles$\adelvinsonle\Downloads\cc3aa9cf-8f9b-4f24-8832-a6c778e27e7a.tmp</t>
  </si>
  <si>
    <t>41a4484b-34c0-4d6c-8a3f-6dc144cb075e.tmp</t>
  </si>
  <si>
    <t>\\acsfs\profiles$\maxmillianosv\Downloads\41a4484b-34c0-4d6c-8a3f-6dc144cb075e.tmp</t>
  </si>
  <si>
    <t>10.200.66.139</t>
  </si>
  <si>
    <t>7d8d85e0-ce95-46c1-896f-92ff57273e66.tmp</t>
  </si>
  <si>
    <t>\\acsfs\profiles$\jhonatadss\Downloads\7d8d85e0-ce95-46c1-896f-92ff57273e66.tmp</t>
  </si>
  <si>
    <t>relacao de crs para verificacao.xlsx</t>
  </si>
  <si>
    <t>29d29e29-da63-40f1-98c6-f10f4b0fa29f.tmp</t>
  </si>
  <si>
    <t>\\acsfs\profiles$\lorrainerdl\Downloads\29d29e29-da63-40f1-98c6-f10f4b0fa29f.tmp</t>
  </si>
  <si>
    <t>bc07d2ff-9f9d-40d6-bc0e-1146a929e4da.tmp</t>
  </si>
  <si>
    <t>\\acsfs\profiles$\matheushds\Downloads\bc07d2ff-9f9d-40d6-bc0e-1146a929e4da.tmp</t>
  </si>
  <si>
    <t>e37985c5-1423-4f69-88d5-62691c6f2fbe.tmp</t>
  </si>
  <si>
    <t>\\acsfs\profiles$\matheushds\Downloads\e37985c5-1423-4f69-88d5-62691c6f2fbe.tmp</t>
  </si>
  <si>
    <t>399849a1-2ddc-4e4d-98e0-9bbc4f462782.tmp</t>
  </si>
  <si>
    <t>\\acsfs\profiles$\matheushds\Downloads\399849a1-2ddc-4e4d-98e0-9bbc4f462782.tmp</t>
  </si>
  <si>
    <t>bcf5ce10-17d9-4dc4-8b1b-0ff90832166d.tmp</t>
  </si>
  <si>
    <t>\\acsfs\profiles$\matheushds\Downloads\bcf5ce10-17d9-4dc4-8b1b-0ff90832166d.tmp</t>
  </si>
  <si>
    <t>010ef8b6-f03a-4da5-ba32-9a5da674a889.tmp</t>
  </si>
  <si>
    <t>\\acsfs\profiles$\matheushds\Downloads\010ef8b6-f03a-4da5-ba32-9a5da674a889.tmp</t>
  </si>
  <si>
    <t>6d68713c-e653-488c-bcc6-7f3e98810565.tmp</t>
  </si>
  <si>
    <t>\\acsfs\profiles$\rafaelahpn\Downloads\6d68713c-e653-488c-bcc6-7f3e98810565.tmp</t>
  </si>
  <si>
    <t>494d2b7c-6e06-4efe-b94e-ecf74c8ed96a.tmp</t>
  </si>
  <si>
    <t>\\acsfs\profiles$\rafaelahpn\Downloads\494d2b7c-6e06-4efe-b94e-ecf74c8ed96a.tmp</t>
  </si>
  <si>
    <t>1edd2fe1-d86e-4652-a453-cc1af4aa3d5f.tmp</t>
  </si>
  <si>
    <t>\\acsfs\profiles$\rafaelahpn\Downloads\1edd2fe1-d86e-4652-a453-cc1af4aa3d5f.tmp</t>
  </si>
  <si>
    <t>ff3124e6-ae75-4140-ab76-46977ad7b6a8.tmp</t>
  </si>
  <si>
    <t>\\acsfs\profiles$\adelvinsonle\Downloads\ff3124e6-ae75-4140-ab76-46977ad7b6a8.tmp</t>
  </si>
  <si>
    <t>c2518932-fde1-4a33-9d97-d6a8efcaf1f2.tmp</t>
  </si>
  <si>
    <t>\\acsfs\profiles$\monicargds\Downloads\c2518932-fde1-4a33-9d97-d6a8efcaf1f2.tmp</t>
  </si>
  <si>
    <t>969af10d-49bc-43c4-8d5d-06b77986d647.tmp</t>
  </si>
  <si>
    <t>\\acsfs\profiles$\inarajst\Downloads\969af10d-49bc-43c4-8d5d-06b77986d647.tmp</t>
  </si>
  <si>
    <t>lu11376j7rrd.tmp</t>
  </si>
  <si>
    <t>\\acsfs\profiles$\BRUNAAR\Numero\lu11376j7rrd.tmp</t>
  </si>
  <si>
    <t>c03fae8e-a067-462a-a6a1-70d9fcff3ac6.tmp</t>
  </si>
  <si>
    <t>\\acsfs\profiles$\maxmillianosv\Downloads\c03fae8e-a067-462a-a6a1-70d9fcff3ac6.tmp</t>
  </si>
  <si>
    <t>f35069bc-79c1-47c2-9994-3f85cb514bc5.tmp</t>
  </si>
  <si>
    <t>\\acsfs\profiles$\maxmillianosv\Downloads\f35069bc-79c1-47c2-9994-3f85cb514bc5.tmp</t>
  </si>
  <si>
    <t>7e1c7b1f-c8e5-45a3-b94c-5abee8d238e4.tmp</t>
  </si>
  <si>
    <t>\\acsfs\profiles$\maxmillianosv\Downloads\7e1c7b1f-c8e5-45a3-b94c-5abee8d238e4.tmp</t>
  </si>
  <si>
    <t>067f2a4c-f135-4320-a207-2d2d2505502e.tmp</t>
  </si>
  <si>
    <t>\\acsfs\profiles$\maxmillianosv\Downloads\067f2a4c-f135-4320-a207-2d2d2505502e.tmp</t>
  </si>
  <si>
    <t>5fd40476-ec83-4f47-9cad-42c840f3465e.tmp</t>
  </si>
  <si>
    <t>\\acsfs\profiles$\LUCASNS\Downloads\5fd40476-ec83-4f47-9cad-42c840f3465e.tmp</t>
  </si>
  <si>
    <t>fe29a434-87e0-4421-8df6-e1ecf5735955.tmp</t>
  </si>
  <si>
    <t>\\acsfs\profiles$\jhonatadss\Downloads\fe29a434-87e0-4421-8df6-e1ecf5735955.tmp</t>
  </si>
  <si>
    <t>C:\Users\dolvaner\Desktop\</t>
  </si>
  <si>
    <t>Campos pra enriquecimento Dynamics 1.xlsx</t>
  </si>
  <si>
    <t>d776ac46-cd5d-4d89-8f78-339daf5757f9.tmp</t>
  </si>
  <si>
    <t>\\acsfs\profiles$\isabellegtds\Downloads\d776ac46-cd5d-4d89-8f78-339daf5757f9.tmp</t>
  </si>
  <si>
    <t>7d2679d1-4989-4ffc-9777-755f8b557f58.tmp</t>
  </si>
  <si>
    <t>\\acsfs\profiles$\LAISLG\Downloads\7d2679d1-4989-4ffc-9777-755f8b557f58.tmp</t>
  </si>
  <si>
    <t>3cd76070-8504-4a68-948e-4790d5e9221e.tmp</t>
  </si>
  <si>
    <t>\\acsfs\profiles$\LAISLG\Downloads\3cd76070-8504-4a68-948e-4790d5e9221e.tmp</t>
  </si>
  <si>
    <t>mail.google.com/sync/u/0/i/s?hl=pt-BR&amp;c=439</t>
  </si>
  <si>
    <t>10.200.67.1</t>
  </si>
  <si>
    <t>Criar Payware_2709 - Cópia.xlsx</t>
  </si>
  <si>
    <t>\\acsfs\ACS\Gabriel da Silva\Contemporânea\Acessos\Criar Payware_2709 - Cópia.xlsx</t>
  </si>
  <si>
    <t>IMAC.xlsx</t>
  </si>
  <si>
    <t>\\acsfs\ACS\Gabriel da Silva\Contemporânea\Acessos\IMAC.xlsx</t>
  </si>
  <si>
    <t>Excluir Payware2_2709 - Cópia.xlsx</t>
  </si>
  <si>
    <t>\\acsfs\ACS\Gabriel da Silva\Contemporânea\Acessos\Excluir Payware2_2709 - Cópia.xlsx</t>
  </si>
  <si>
    <t>IMAC_Excluir.xlsx</t>
  </si>
  <si>
    <t>\\acsfs\ACS\Gabriel da Silva\Contemporânea\Acessos\IMAC_Excluir.xlsx</t>
  </si>
  <si>
    <t>2c1e5b4b-3fa5-4d79-8c51-eb5d7ec8199c.tmp</t>
  </si>
  <si>
    <t>\\acsfs\profiles$\rafaelahpn\Downloads\2c1e5b4b-3fa5-4d79-8c51-eb5d7ec8199c.tmp</t>
  </si>
  <si>
    <t>724cf915-4182-46d0-bb63-7ef0deb24ef4.tmp</t>
  </si>
  <si>
    <t>\\acsfs\profiles$\mariajra\Downloads\724cf915-4182-46d0-bb63-7ef0deb24ef4.tmp</t>
  </si>
  <si>
    <t>cab2542a-6c6e-474b-863d-5c9701307d14.tmp</t>
  </si>
  <si>
    <t>\\acsfs\profiles$\inarajst\Downloads\cab2542a-6c6e-474b-863d-5c9701307d14.tmp</t>
  </si>
  <si>
    <t>05ce4a1e-82e6-4cef-abe7-095cf4b096ea.tmp</t>
  </si>
  <si>
    <t>\\acsfs\profiles$\vivianalds\Downloads\05ce4a1e-82e6-4cef-abe7-095cf4b096ea.tmp</t>
  </si>
  <si>
    <t>3bd73ba8-ade9-48c5-bdf8-a800f9ab05ec.tmp</t>
  </si>
  <si>
    <t>\\acsfs\profiles$\luanaagl\Downloads\3bd73ba8-ade9-48c5-bdf8-a800f9ab05ec.tmp</t>
  </si>
  <si>
    <t>\\acsfs\ACS\001 - Qualidade Lilian\PAULO\Pasta Tainara\Novo Documento de Texto.txt</t>
  </si>
  <si>
    <t>b9eb27a8-9a21-4a5b-b454-fc7928882879.tmp</t>
  </si>
  <si>
    <t>\\acsfs\profiles$\henriquehmdo\Downloads\b9eb27a8-9a21-4a5b-b454-fc7928882879.tmp</t>
  </si>
  <si>
    <t>bd59d73a-d66d-4b21-861e-276903a76208.tmp</t>
  </si>
  <si>
    <t>\\acsfs\profiles$\henriquehmdo\Downloads\bd59d73a-d66d-4b21-861e-276903a76208.tmp</t>
  </si>
  <si>
    <t>d7ac0e90-9a54-4297-907d-c3c6c8715bd5.tmp</t>
  </si>
  <si>
    <t>\\acsfs\profiles$\adelvinsonle\Downloads\d7ac0e90-9a54-4297-907d-c3c6c8715bd5.tmp</t>
  </si>
  <si>
    <t>86c7f184-710c-49de-827d-646d9d8ef1f1.tmp</t>
  </si>
  <si>
    <t>\\acsfs\profiles$\lucasqdss\Downloads\86c7f184-710c-49de-827d-646d9d8ef1f1.tmp</t>
  </si>
  <si>
    <t>camillarl@algartech.com;educadoresbvfinanceira@algartech.com;eliane.martins@bv.com.br;jose.gomes@bv.com.br;qualidadealgarbv@algartech.com;talmaiardo@algartech.com;tayss@algartech.com;yuriifd@algartech.com;</t>
  </si>
  <si>
    <t>camillarl@algartech.com,educadoresbvfinanceira@algartech.com,eliane.martins@bv.com.br,jose.gomes@bv.com.br,qualidadealgarbv@algartech.com,talmaiardo@algartech.com,tayss@algartech.com,yuriifd@algartech.com</t>
  </si>
  <si>
    <t>c85dfa85-e4fe-427e-ba72-dc1b7c2935f8.tmp</t>
  </si>
  <si>
    <t>\\acsfs\profiles$\georgendsq\Downloads\c85dfa85-e4fe-427e-ba72-dc1b7c2935f8.tmp</t>
  </si>
  <si>
    <t>c0a1ce06-a5d4-44a1-a6f9-fdd14182791c.tmp</t>
  </si>
  <si>
    <t>\\acsfs\profiles$\georgendsq\Downloads\c0a1ce06-a5d4-44a1-a6f9-fdd14182791c.tmp</t>
  </si>
  <si>
    <t>f0e80d20-6bc3-419e-8587-4178fef2ec82.tmp</t>
  </si>
  <si>
    <t>\\acsfs\profiles$\georgendsq\Downloads\f0e80d20-6bc3-419e-8587-4178fef2ec82.tmp</t>
  </si>
  <si>
    <t>325765c0-ea68-4338-b4b3-1ab1c18342ca.tmp</t>
  </si>
  <si>
    <t>\\acsfs\profiles$\georgendsq\Downloads\325765c0-ea68-4338-b4b3-1ab1c18342ca.tmp</t>
  </si>
  <si>
    <t>36de1a83-5b78-4138-aa88-027ffa59bc14.tmp</t>
  </si>
  <si>
    <t>\\acsfs\profiles$\georgendsq\Downloads\36de1a83-5b78-4138-aa88-027ffa59bc14.tmp</t>
  </si>
  <si>
    <t>62c5c0c8-1cf3-447f-a342-e280b3811800.tmp</t>
  </si>
  <si>
    <t>\\acsfs\profiles$\georgendsq\Downloads\62c5c0c8-1cf3-447f-a342-e280b3811800.tmp</t>
  </si>
  <si>
    <t>mail.google.com/_/upload?authuser=0&amp;dcp=asu-n&amp;upload_id=AEnB2Uo7vL1ifUK_jl7TKxHRCNwopmef2aDMYoLvtQzmdKqPUTCFJ23vQ5nmXLog1LBoJczALznlVi9DlH5tVGYx81rVazqaYDDFXl_vOYwXeQkg4N9ixig&amp;upload_protocol=resumable</t>
  </si>
  <si>
    <t>C:\Users\edilsonrb\Documents\02.Trabalho\85.ANO.2019\05.DEPARTAMENTAL\10.OUTUBRO\</t>
  </si>
  <si>
    <t>DEP.OUTUBRO.xlsx</t>
  </si>
  <si>
    <t>h2</t>
  </si>
  <si>
    <t>C:\Users\josiascdsj\Desktop\</t>
  </si>
  <si>
    <t>Monitoramento Online Agentes.acsup</t>
  </si>
  <si>
    <t>\\acsfs\DEPTOS\Operacao\PCP\5 - Comum\JUKA\Monitoramento Online Agentes.acsup</t>
  </si>
  <si>
    <t>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de5bfaba-378f-42d8-995b-f492927a77db.tmp</t>
  </si>
  <si>
    <t>\\acsfs\profiles$\lorraynevam\Downloads\de5bfaba-378f-42d8-995b-f492927a77db.tmp</t>
  </si>
  <si>
    <t>1c10d4a3-7458-4b48-b687-53fca894359f.tmp</t>
  </si>
  <si>
    <t>\\acsfs\profiles$\ALYNYA\Downloads\1c10d4a3-7458-4b48-b687-53fca894359f.tmp</t>
  </si>
  <si>
    <t>https://udpwfmniceap02/web/guest/home?p_auth=gdrev80t&amp;p_p_id=58&amp;p_p_lifecycle=1&amp;p_p_state=maximized&amp;p_p_mode=view&amp;savelastpath=0&amp;_58_struts_action=/login/forgot_password</t>
  </si>
  <si>
    <t>5d2ff800-230b-4111-951f-f997501d3f43.tmp</t>
  </si>
  <si>
    <t>\\acsfs\profiles$\nathaliarmr\Downloads\5d2ff800-230b-4111-951f-f997501d3f43.tmp</t>
  </si>
  <si>
    <t>9af02b30-1795-4052-982e-63a488c6b5c5.tmp</t>
  </si>
  <si>
    <t>\\acsfs\profiles$\francislayneads\Downloads\9af02b30-1795-4052-982e-63a488c6b5c5.tmp</t>
  </si>
  <si>
    <t>6f0dfe96-74fc-4b43-81c1-4476c1a9eeb6.tmp</t>
  </si>
  <si>
    <t>\\acsfs\profiles$\francislayneads\Downloads\6f0dfe96-74fc-4b43-81c1-4476c1a9eeb6.tmp</t>
  </si>
  <si>
    <t>834e4580-abe3-4142-9738-74b58db8f29d.tmp</t>
  </si>
  <si>
    <t>\\acsfs\profiles$\ROZENCAM\Downloads\834e4580-abe3-4142-9738-74b58db8f29d.tmp</t>
  </si>
  <si>
    <t>7783a8b8-75fc-434a-84da-663c2ffd0324.tmp</t>
  </si>
  <si>
    <t>\\acsfs\profiles$\ROZENCAM\Downloads\7783a8b8-75fc-434a-84da-663c2ffd0324.tmp</t>
  </si>
  <si>
    <t>4ef9abf5-5427-4e56-b1d8-e896aef3ec28.tmp</t>
  </si>
  <si>
    <t>\\acsfs\profiles$\ROZENCAM\Downloads\4ef9abf5-5427-4e56-b1d8-e896aef3ec28.tmp</t>
  </si>
  <si>
    <t>2770fc00-ec16-45a2-b1a0-cd74c7592e3b.tmp</t>
  </si>
  <si>
    <t>\\acsfs\profiles$\ROZENCAM\Downloads\2770fc00-ec16-45a2-b1a0-cd74c7592e3b.tmp</t>
  </si>
  <si>
    <t>mail.google.com/sync/u/0/i/s?hl=pt-BR&amp;c=457</t>
  </si>
  <si>
    <t>joaogvc@algartech.com;leonardoao@algartech.com;marianadjc@algartech.com;paulacn@algartech.com;rafaelggs@algartech.com;robsonams@algartech.com;taysdss@algartech.com;viniciussg@algartech.com;</t>
  </si>
  <si>
    <t>joaogvc@algartech.com,leonardoao@algartech.com,marianadjc@algartech.com,paulacn@algartech.com,rafaelggs@algartech.com,robsonams@algartech.com,taysdss@algartech.com,viniciussg@algartech.com</t>
  </si>
  <si>
    <t>mail.google.com/sync/u/0/i/s?hl=pt-BR&amp;c=461</t>
  </si>
  <si>
    <t>mail.google.com/sync/u/0/i/s?hl=pt-BR&amp;c=463</t>
  </si>
  <si>
    <t>37ec801c-5e91-42b3-b7c5-dac028e8c1b0.tmp</t>
  </si>
  <si>
    <t>\\acsfs\profiles$\gabrielafs\Downloads\37ec801c-5e91-42b3-b7c5-dac028e8c1b0.tmp</t>
  </si>
  <si>
    <t>6f6d8273-e8a7-4d2b-8d54-93bfad8e37e9.tmp</t>
  </si>
  <si>
    <t>\\acsfs\profiles$\gabrielafs\Downloads\6f6d8273-e8a7-4d2b-8d54-93bfad8e37e9.tmp</t>
  </si>
  <si>
    <t>4355d105-00ca-44ea-b449-b428c2b67680.tmp</t>
  </si>
  <si>
    <t>\\acsfs\profiles$\gabrielafs\Downloads\4355d105-00ca-44ea-b449-b428c2b67680.tmp</t>
  </si>
  <si>
    <t>4e0c7e01-be07-4e0c-a0d4-95131a5d241b.tmp</t>
  </si>
  <si>
    <t>\\acsfs\profiles$\gabrielafs\Downloads\4e0c7e01-be07-4e0c-a0d4-95131a5d241b.tmp</t>
  </si>
  <si>
    <t>4b4715c0-ab6c-4aa4-b1f6-e1f9cc83a547.tmp</t>
  </si>
  <si>
    <t>\\acsfs\profiles$\gabrielafs\Downloads\4b4715c0-ab6c-4aa4-b1f6-e1f9cc83a547.tmp</t>
  </si>
  <si>
    <t>8aaaaaa2-b622-4263-87fb-b679683418ac.tmp</t>
  </si>
  <si>
    <t>\\acsfs\profiles$\mariagsg\Downloads\8aaaaaa2-b622-4263-87fb-b679683418ac.tmp</t>
  </si>
  <si>
    <t>592fadbf-2d5a-4198-8238-f1d103b22724.tmp</t>
  </si>
  <si>
    <t>\\acsfs\profiles$\mariagsg\Downloads\592fadbf-2d5a-4198-8238-f1d103b22724.tmp</t>
  </si>
  <si>
    <t>0bcd2271-8717-4ec2-8700-6a7d807330c5.tmp</t>
  </si>
  <si>
    <t>\\acsfs\profiles$\wedersonbadr\My Documents\My Music\0bcd2271-8717-4ec2-8700-6a7d807330c5.tmp</t>
  </si>
  <si>
    <t>\\acsfs\deptos\Operacao\Banco_Votorantim\Supervisao\</t>
  </si>
  <si>
    <t>\\acsfs\deptos\Operacao\Banco_Votorantim\Supervisao\ROBSON ÁLVARES MEDEIROS\ROBSON\Thumbs.db</t>
  </si>
  <si>
    <t>7abc0f86de1abee5a44fa0b62e183e_u x-goog-authuser: 1 --=====9lr4wi1k9amj=====-- ===-- ,ancestorhasaugmentedpermissio,ancestorhasaugmentedpermissions,containsunsubscribedchildren,dis,displayname,domain,emailaddress,explicitlytrash,file(kind,fileid,filesize,hasthumbnail,hasvisitorpermissions,id,id),items(deleted,items(kind,ken,kind,lastmodifyi,lastmodifyinguser(kind,lastviewedbymedate,modifiedbymedate,modifieddate,ontainsunsubscribedchildren,owners(kind,perm,permission,permissionid,picture,rpermissions,shared,sharedwithmedate,thumbnailversion,title,userpermission(role),workspaceids</t>
  </si>
  <si>
    <t>mail.google.com/_/upload?authuser=0&amp;dcp=asu-n&amp;upload_id=AEnB2UoARPNv0GM24f5f8spTwaR0rNURLnGBdbmSIFZX0D3z-q2WOvftittweeX7I2zMF2CMGoxyc0CNvmrR6ad63-cO5HLEjxU0HvtHQBB-4ziGCbtkuuQ&amp;upload_protocol=resumable</t>
  </si>
  <si>
    <t>RELATORIO DE LOGIN - FINANCEIRA - 08-01.xlsm</t>
  </si>
  <si>
    <t>https://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009f6a86-4820-4863-9336-943a6f385995.tmp</t>
  </si>
  <si>
    <t>\\acsfs\profiles$\marcosvnds\Downloads\009f6a86-4820-4863-9336-943a6f385995.tmp</t>
  </si>
  <si>
    <t>STAFF ATENDIMENTO</t>
  </si>
  <si>
    <t>mail.google.com/_/upload?authuser=2&amp;dcp=asu-n&amp;upload_id=AEnB2Uq9d2KtTYrgnkdqXmkY49VJh9pQaliY1BdvppduStYglR5lk2ceSXnQipdH7ktiLg7jF-lGYc00c7BjGWMcw3L2XxYhbc62Y55vLw946jvzmGMWjM8&amp;upload_protocol=resumable</t>
  </si>
  <si>
    <t>20426817-3cea-4750-895c-8a6c4a588dac.tmp</t>
  </si>
  <si>
    <t>\\acsfs\profiles$\paulovadc\Downloads\20426817-3cea-4750-895c-8a6c4a588dac.tmp</t>
  </si>
  <si>
    <t>7536dd8e-0983-49c5-83de-b12f2037339b.tmp</t>
  </si>
  <si>
    <t>\\acsfs\profiles$\ERICALSR\Downloads\7536dd8e-0983-49c5-83de-b12f2037339b.tmp</t>
  </si>
  <si>
    <t>74b47129-ea45-42c2-b20e-56d2053c467e.tmp</t>
  </si>
  <si>
    <t>\\acsfs\profiles$\lorenabmc\Downloads\74b47129-ea45-42c2-b20e-56d2053c467e.tmp</t>
  </si>
  <si>
    <t>d98b8bf8-dc40-4a65-94e4-15756760b4f6.tmp</t>
  </si>
  <si>
    <t>\\acsfs\profiles$\lorenabmc\Downloads\d98b8bf8-dc40-4a65-94e4-15756760b4f6.tmp</t>
  </si>
  <si>
    <t>5665a6ea-f4fb-4917-bbd5-2ac72ee5eed9.tmp</t>
  </si>
  <si>
    <t>\\acsfs\profiles$\lorenabmc\Downloads\5665a6ea-f4fb-4917-bbd5-2ac72ee5eed9.tmp</t>
  </si>
  <si>
    <t>image2020-01-09-095804.pdf</t>
  </si>
  <si>
    <t>C:\Users\denisevca\Desktop\GOV. PAULO CRUZ\ADICIONAL DE CONDUTOR\</t>
  </si>
  <si>
    <t>TEMPLATE ADICIONAL DE CONDUTOR DEZ.xlsx</t>
  </si>
  <si>
    <t>6e0f71a8-7186-4259-a9d8-c764efa91c1f.tmp</t>
  </si>
  <si>
    <t>\\acsfs\profiles$\jhonatadss\Downloads\6e0f71a8-7186-4259-a9d8-c764efa91c1f.tmp</t>
  </si>
  <si>
    <t>andrelpsa@algartech.com;joaogvc@algartech.com;leonardoao@algartech.com;maristelavodq@bv.algartech.com;paulacn@algartech.com;qualidadealgarbv@algartech.com;rafaelggs@algartech.com;robsonams@algartech.com;supervisaobancovotorantim@algartech.com;viniciussg@algartech.com;</t>
  </si>
  <si>
    <t>andrelpsa@algartech.com,joaogvc@algartech.com,leonardoao@algartech.com,maristelavodq@bv.algartech.com,paulacn@algartech.com,qualidadealgarbv@algartech.com,rafaelggs@algartech.com,robsonams@algartech.com,supervisaobancovotorantim@algartech.com,viniciussg@algartech.com</t>
  </si>
  <si>
    <t>e592c4d2-9746-463b-ba77-62752e900ddb.tmp</t>
  </si>
  <si>
    <t>\\acsfs\profiles$\ERICALSR\Downloads\e592c4d2-9746-463b-ba77-62752e900ddb.tmp</t>
  </si>
  <si>
    <t>Criar Payware_0901_1.xlsx</t>
  </si>
  <si>
    <t>\\acsfs\ACS\Gabriel da Silva\Contemporânea\Acessos\Criar Payware_0901_1.xlsx</t>
  </si>
  <si>
    <t>Criar Payware_0901_2.xlsx</t>
  </si>
  <si>
    <t>\\acsfs\ACS\Gabriel da Silva\Contemporânea\Acessos\Criar Payware_0901_2.xlsx</t>
  </si>
  <si>
    <t>Calculadora Prêmio.xlsx</t>
  </si>
  <si>
    <t>\\acsfs\DEPTOS\Operacao\Banco_Votorantim\Supervisao\SUPERS BV CARTÕES\ADILSON\Vendas\Calculadora Prêmio.xlsx</t>
  </si>
  <si>
    <t>c89c3a3c-3693-4da3-9c62-dbe1044eeeeb.tmp</t>
  </si>
  <si>
    <t>\\acsfs\profiles$\ayalabfi\Downloads\c89c3a3c-3693-4da3-9c62-dbe1044eeeeb.tmp</t>
  </si>
  <si>
    <t>a18390fc-3314-410e-8d17-afed1751579d.tmp</t>
  </si>
  <si>
    <t>\\acsfs\profiles$\anafsb\Downloads\a18390fc-3314-410e-8d17-afed1751579d.tmp</t>
  </si>
  <si>
    <t>XLOG_gleycekos_09012020_072102.log</t>
  </si>
  <si>
    <t>\\acsfs\profiles$\gleycekos\My Documents\xworkcenter\logs\XLOG_gleycekos_09012020_072102.log</t>
  </si>
  <si>
    <t>"mozilla/5.0 (windows nt 6.1) applewebkit/537.36 (khtml;0;1;13;137;13700014;13700109;13700167;13700185;13700235;13700451;13700563;13700607;13700883;137009;13700946;13700951;13700982;13701078;13701139;13701207;13701235;13701239;13701262;13701276;13701298;13701418;13701422;13701430;13701450;13701458;13701486;13701506;13701510;13701534;13701537]];13701537]]];13701573;13701577;13701589;13701609;13701614;13701625;13701653;13701657;13701693;13701709;13701749;13701825;13701833;13701901;13701906;13701909;13701921;13701945;13701949;13701953;13701957;13701969;13702064;13702068;13702091;4;4700];5701393;6.1;78;["mozilla/5.0 (windows nt 6.1) applewebkit/537.36 (khtml;["pt-br"]]]&amp;token=ac4w5viwfobx7lsc8kuiuq3v27t7cwhewq:1578490012148&amp;buildlabel=drive.web-frontend_20191211.00_p1247);bo��҇0_x0010_� gampqtp7yn6iriu24ksnqvk-esmg4wwpxf";[1;[[13701214;[[null;[];[false;[null;drive.web-frontend_20191211.00_p1;false;false];false]];gampqtp7yn6iriu24ksnqvk-esmg4wwpxf";like gecko) chrome/79.0.3945.88 safari/537.36";null;pt-br;true;true];</t>
  </si>
  <si>
    <t>"mozilla/5.0 (windows nt 6.1) applewebkit/537.36 (khtml,0,1,13,137,13700014,13700109,13700167,13700185,13700235,13700451,13700563,13700607,13700883,137009,13700946,13700951,13700982,13701078,13701139,13701207,13701235,13701239,13701262,13701276,13701298,13701418,13701422,13701430,13701450,13701458,13701486,13701506,13701510,13701534,13701537]],13701537]]],13701573,13701577,13701589,13701609,13701614,13701625,13701653,13701657,13701693,13701709,13701749,13701825,13701833,13701901,13701906,13701909,13701921,13701945,13701949,13701953,13701957,13701969,13702064,13702068,13702091,4,4700],5701393,6.1,78,["mozilla/5.0 (windows nt 6.1) applewebkit/537.36 (khtml,["pt-br"]]]&amp;token=ac4w5viwfobx7lsc8kuiuq3v27t7cwhewq:1578490012148&amp;buildlabel=drive.web-frontend_20191211.00_p1247);bo��҇0_x0010_� gampqtp7yn6iriu24ksnqvk-esmg4wwpxf",[1,[[13701214,[[null,[],[false,[null,drive.web-frontend_20191211.00_p1,false,false],false]],gampqtp7yn6iriu24ksnqvk-esmg4wwpxf",like gecko) chrome/79.0.3945.88 safari/537.36",null,pt-br,true,true]</t>
  </si>
  <si>
    <t>0838df86-7fe4-4235-b81a-1871ec626d05.tmp</t>
  </si>
  <si>
    <t>\\acsfs\profiles$\JOAOVAL\Downloads\0838df86-7fe4-4235-b81a-1871ec626d05.tmp</t>
  </si>
  <si>
    <t>80d4b857-bdd1-49e4-9272-301eded6f23d.tmp</t>
  </si>
  <si>
    <t>\\acsfs\profiles$\JOAOVAL\Downloads\80d4b857-bdd1-49e4-9272-301eded6f23d.tmp</t>
  </si>
  <si>
    <t>34d2d7d9-aa1c-4691-a6bb-ce0a72065fd8.tmp</t>
  </si>
  <si>
    <t>\\acsfs\profiles$\JOAOVAL\Downloads\34d2d7d9-aa1c-4691-a6bb-ce0a72065fd8.tmp</t>
  </si>
  <si>
    <t>Certificado ELOGIO Rafaela Helena.ppt</t>
  </si>
  <si>
    <t>ddd3e06e-6433-4506-8a8c-13b8f0eb819a.tmp</t>
  </si>
  <si>
    <t>\\acsfs\profiles$\paulovadc\Downloads\ddd3e06e-6433-4506-8a8c-13b8f0eb819a.tmp</t>
  </si>
  <si>
    <t>mail.google.com/sync/u/0/i/s?hl=pt-BR&amp;c=345</t>
  </si>
  <si>
    <t>\\udpavonfs01\AVON\00 - ACOMPANHAMENTO AVON\04 - BACKOFFICE CORNERSTONE\2020\01.2020\RELATORIO\06.01.2020\</t>
  </si>
  <si>
    <t>\\udpavonfs01\AVON\00 - ACOMPANHAMENTO AVON\04 - BACKOFFICE CORNERSTONE\2020\01.2020\RELATORIO\06.01.2020\Acompanhamento Backoffice Cornerstone JAN.20 (2).xlsx</t>
  </si>
  <si>
    <t>Criar Payware_0901_3.xlsx</t>
  </si>
  <si>
    <t>\\acsfs\ACS\Gabriel da Silva\Contemporânea\Acessos\Criar Payware_0901_3.xlsx</t>
  </si>
  <si>
    <t>Criar Payware_0901_4.xlsx</t>
  </si>
  <si>
    <t>\\acsfs\ACS\Gabriel da Silva\Contemporânea\Acessos\Criar Payware_0901_4.xlsx</t>
  </si>
  <si>
    <t>Criar Payware_0901_5.xlsx</t>
  </si>
  <si>
    <t>\\acsfs\ACS\Gabriel da Silva\Contemporânea\Acessos\Criar Payware_0901_5.xlsx</t>
  </si>
  <si>
    <t>https://udpwfmniceap02/pt_br/web/guest/home?p_auth=pbj6wwaa&amp;p_p_id=58&amp;p_p_lifecycle=1&amp;p_p_state=maximized&amp;p_p_mode=view&amp;savelastpath=0&amp;_58_struts_action=/login/forgot_password</t>
  </si>
  <si>
    <t>d39f3831-278e-43a5-977a-5b39537e89f3.tmp</t>
  </si>
  <si>
    <t>\\acsfs\profiles$\nayarasds\Downloads\d39f3831-278e-43a5-977a-5b39537e89f3.tmp</t>
  </si>
  <si>
    <t>605a76af-1a6a-4328-be25-7b18278d6a90.tmp</t>
  </si>
  <si>
    <t>\\acsfs\profiles$\inarajst\Downloads\605a76af-1a6a-4328-be25-7b18278d6a90.tmp</t>
  </si>
  <si>
    <t>XLOG_gleycekos_09012020_101757.log</t>
  </si>
  <si>
    <t>\\acsfs\profiles$\gleycekos\My Documents\xworkcenter\logs\XLOG_gleycekos_09012020_101757.log</t>
  </si>
  <si>
    <t>60eef3e8-40bc-4365-9e92-2b57ab30e19d.tmp</t>
  </si>
  <si>
    <t>\\acsfs\profiles$\JOAOVAL\Downloads\60eef3e8-40bc-4365-9e92-2b57ab30e19d.tmp</t>
  </si>
  <si>
    <t>d2f5439b-762d-494f-a8ab-47b6adca8944.tmp</t>
  </si>
  <si>
    <t>\\acsfs\profiles$\francislayneads\Downloads\d2f5439b-762d-494f-a8ab-47b6adca8944.tmp</t>
  </si>
  <si>
    <t>Quantidade de login.xlsx</t>
  </si>
  <si>
    <t>\\acsfs\DEPTOS\Operacao\PCP\5 - Comum\JUKA\Quantidade de login.xlsx</t>
  </si>
  <si>
    <t>\\udpavonfs01\AVON\00 - ACOMPANHAMENTO AVON\04 - BACKOFFICE CORNERSTONE\2020\01.2020\RELATORIO\09.01.2020\Acompanhamento Backoffice Cornerstone JAN.20.xlsx</t>
  </si>
  <si>
    <t>Criar Payware_0901_6.xlsx</t>
  </si>
  <si>
    <t>\\acsfs\ACS\Gabriel da Silva\Contemporânea\Acessos\Criar Payware_0901_6.xlsx</t>
  </si>
  <si>
    <t>/o=exchangelabs/ou=exchange administrative group (fydibohf23spdlt)/cn=recipients/cn=5af2cae509964078b2026f7f550380b0-andre luis;/o=exchangelabs/ou=exchange administrative group (fydibohf23spdlt)/cn=recipients/cn=9d5ac7c7f5bb4c7098bcc852bda547ba-luiz fernan;/o=exchangelabs/ou=exchange administrative group (fydibohf23spdlt)/cn=recipients/cn=a6521b25e7444c5fb955c2c06c96003c-laylladdps_;/o=exchangelabs/ou=exchange administrative group (fydibohf23spdlt)/cn=recipients/cn=b739f6c32af9463ab9cd653d7f330c20-haruna morg;/o=exchangelabs/ou=exchange administrative group (fydibohf23spdlt)/cn=recipients/cn=e47f7192d7b143e286620292e5ce82f2-mirian pris;eliane.martins@bv.com.br;janaina.pereira@bv.com.br;</t>
  </si>
  <si>
    <t>RES: RES: Criação de acessos</t>
  </si>
  <si>
    <t>/o=exchangelabs/ou=exchange administrative group (fydibohf23spdlt)/cn=recipients/cn=5af2cae509964078b2026f7f550380b0-andre luis,/o=exchangelabs/ou=exchange administrative group (fydibohf23spdlt)/cn=recipients/cn=9d5ac7c7f5bb4c7098bcc852bda547ba-luiz fernan,/o=exchangelabs/ou=exchange administrative group (fydibohf23spdlt)/cn=recipients/cn=a6521b25e7444c5fb955c2c06c96003c-laylladdps_,/o=exchangelabs/ou=exchange administrative group (fydibohf23spdlt)/cn=recipients/cn=b739f6c32af9463ab9cd653d7f330c20-haruna morg,/o=exchangelabs/ou=exchange administrative group (fydibohf23spdlt)/cn=recipients/cn=e47f7192d7b143e286620292e5ce82f2-mirian pris,eliane.martins@bv.com.br,janaina.pereira@bv.com.br</t>
  </si>
  <si>
    <t>6a86c149-d403-4e94-9587-376bcba5315a.tmp</t>
  </si>
  <si>
    <t>\\acsfs\profiles$\larissaad\Downloads\6a86c149-d403-4e94-9587-376bcba5315a.tmp</t>
  </si>
  <si>
    <t>5a7b3e61-3af7-4851-b024-607d573ad80e.tmp</t>
  </si>
  <si>
    <t>\\acsfs\profiles$\henriquehmdo\Downloads\5a7b3e61-3af7-4851-b024-607d573ad80e.tmp</t>
  </si>
  <si>
    <t>4ec8291c-ed3d-4891-98e9-42f1577aae60.tmp</t>
  </si>
  <si>
    <t>\\acsfs\profiles$\geovannasm\Downloads\4ec8291c-ed3d-4891-98e9-42f1577aae60.tmp</t>
  </si>
  <si>
    <t>1855be39-6476-43f5-ae19-028b2c17f9a5.tmp</t>
  </si>
  <si>
    <t>\\acsfs\profiles$\geovannasm\Downloads\1855be39-6476-43f5-ae19-028b2c17f9a5.tmp</t>
  </si>
  <si>
    <t>fc45341a-7a6a-476f-b138-a95736ca6d40.tmp</t>
  </si>
  <si>
    <t>\\acsfs\profiles$\geovannasm\Downloads\fc45341a-7a6a-476f-b138-a95736ca6d40.tmp</t>
  </si>
  <si>
    <t>lu17832104x69.tmp</t>
  </si>
  <si>
    <t>\\acsfs\profiles$\jonathanwap\lu17832104x69.tmp</t>
  </si>
  <si>
    <t>\\acsfs\profiles$\jonathanwap\lu17832104x69.tmp\</t>
  </si>
  <si>
    <t>\\acsfs\profiles$\jonathanwap\lu17832104x69.tmp\META-INF\</t>
  </si>
  <si>
    <t>\\acsfs\profiles$\jonathanwap\lu17832104x69.tmp\Thumbnails\</t>
  </si>
  <si>
    <t>https://cscatende.algarnet.com.br/html/hd/hdscriptresposta/request/uploadincidentattachment.php?cdclassificacao=&amp;action=1&amp;lastpositionattachement=undefined&amp;cdquestao=5013&amp;idmaisanexos=t</t>
  </si>
  <si>
    <t>44380;</t>
  </si>
  <si>
    <t>FORMULARIO_DE_CADASTRO_DE_FORNECEDOR_-_R12_e_SOMAR_-_Socios (1).xlsx</t>
  </si>
  <si>
    <t>https://44380</t>
  </si>
  <si>
    <t>mail.google.com/_/upload?authuser=2&amp;dcp=asu-n&amp;upload_id=AEnB2Uqb0RAaFJ5CDV7q2Wz-91SWSB1AHZCaAAHCGT49azT5j5ZP_P_G7AnTL2yGb3V4gTtRw1pOsvN3Fz_xXweqj_kllPCigmDVGk6vpGTsFpviohgFEos&amp;upload_protocol=resumable</t>
  </si>
  <si>
    <t>cc6419ad-b1dc-4db9-90da-4119bf1f684a.tmp</t>
  </si>
  <si>
    <t>\\acsfs\profiles$\leonardobb\Downloads\cc6419ad-b1dc-4db9-90da-4119bf1f684a.tmp</t>
  </si>
  <si>
    <t>93cca625-9450-469a-869d-3135d3ab3d6f.tmp</t>
  </si>
  <si>
    <t>\\acsfs\profiles$\leonardobb\Downloads\93cca625-9450-469a-869d-3135d3ab3d6f.tmp</t>
  </si>
  <si>
    <t>69b61572-4b6a-403d-a730-787bc4a5eb8f.tmp</t>
  </si>
  <si>
    <t>\\acsfs\profiles$\leonardobb\Downloads\69b61572-4b6a-403d-a730-787bc4a5eb8f.tmp</t>
  </si>
  <si>
    <t>6a3cb8c2-0206-4535-85ee-12f8667babbe.tmp</t>
  </si>
  <si>
    <t>\\acsfs\profiles$\leonardobb\Downloads\6a3cb8c2-0206-4535-85ee-12f8667babbe.tmp</t>
  </si>
  <si>
    <t>df7ecbce-214c-453f-8cf4-86bee41bba46.tmp</t>
  </si>
  <si>
    <t>\\acsfs\profiles$\ALYNYA\Downloads\df7ecbce-214c-453f-8cf4-86bee41bba46.tmp</t>
  </si>
  <si>
    <t>6a594d05-633a-4773-9df5-1e65e9340145.tmp</t>
  </si>
  <si>
    <t>\\acsfs\profiles$\ayalabfi\Downloads\6a594d05-633a-4773-9df5-1e65e9340145.tmp</t>
  </si>
  <si>
    <t>helberpt@algartech.com;</t>
  </si>
  <si>
    <t>ENC: Volume Gerenciadas Amex e Visa - 09/01</t>
  </si>
  <si>
    <t>helberpt@algartech.com</t>
  </si>
  <si>
    <t>10.200.67.128</t>
  </si>
  <si>
    <t>lu16188ru6sj.tmp</t>
  </si>
  <si>
    <t>\\acsfs\profiles$\victoriaksr\My Documents\lu16188ru6sj.tmp</t>
  </si>
  <si>
    <t>8057458c-1adb-4f72-b0df-7f5f4062ff93.tmp</t>
  </si>
  <si>
    <t>\\acsfs\profiles$\leonardobb\Downloads\8057458c-1adb-4f72-b0df-7f5f4062ff93.tmp</t>
  </si>
  <si>
    <t>95c30574-ba47-4fb1-b9df-7d197b06621c.tmp</t>
  </si>
  <si>
    <t>\\acsfs\profiles$\gabrielsma\Downloads\95c30574-ba47-4fb1-b9df-7d197b06621c.tmp</t>
  </si>
  <si>
    <t>Não confirmado 873011.crdownload</t>
  </si>
  <si>
    <t>\\acsfs\ACS\Gabriel da Silva\Contemporânea\Acessos\Evidências\Não confirmado 873011.crdownload</t>
  </si>
  <si>
    <t>andrezaPereira_PsegErro.139999949373:Zone.Identifier</t>
  </si>
  <si>
    <t>\\acsfs\ACS\Gabriel da Silva\Contemporânea\Acessos\Evidências\andrezaPereira_PsegErro.139999949373:Zone.Identifier</t>
  </si>
  <si>
    <t>097de150-b1f1-4847-9551-9e37fd71d99a.tmp</t>
  </si>
  <si>
    <t>\\acsfs\profiles$\gabrielsma\Downloads\097de150-b1f1-4847-9551-9e37fd71d99a.tmp</t>
  </si>
  <si>
    <t>andrezaPereira_PsegErro.png</t>
  </si>
  <si>
    <t>\\acsfs\ACS\Gabriel da Silva\Contemporânea\Acessos\Evidências\andrezaPereira_PsegErro.png</t>
  </si>
  <si>
    <t>Criação de acessos</t>
  </si>
  <si>
    <t>a28ca6df-9786-4fb0-8da9-02b7dc425768.tmp</t>
  </si>
  <si>
    <t>\\acsfs\profiles$\larissaad\Downloads\a28ca6df-9786-4fb0-8da9-02b7dc425768.tmp</t>
  </si>
  <si>
    <t>ec107283-c20b-447a-8c7c-c814a067f047.tmp</t>
  </si>
  <si>
    <t>\\acsfs\profiles$\larissaad\Downloads\ec107283-c20b-447a-8c7c-c814a067f047.tmp</t>
  </si>
  <si>
    <t>d9053dff-c173-4b4d-8ca5-0d5a3856f899.tmp</t>
  </si>
  <si>
    <t>\\acsfs\profiles$\adelvinsonle\Downloads\d9053dff-c173-4b4d-8ca5-0d5a3856f899.tmp</t>
  </si>
  <si>
    <t>75724a01-2893-446f-9185-13c95452b527.tmp</t>
  </si>
  <si>
    <t>\\acsfs\profiles$\gabrielafs\Downloads\75724a01-2893-446f-9185-13c95452b527.tmp</t>
  </si>
  <si>
    <t>917567fc-009e-4ed8-a982-edd0c2380e23.tmp</t>
  </si>
  <si>
    <t>\\acsfs\profiles$\monicargds\Downloads\917567fc-009e-4ed8-a982-edd0c2380e23.tmp</t>
  </si>
  <si>
    <t>lu11376j7rrh.tmp</t>
  </si>
  <si>
    <t>\\acsfs\profiles$\BRUNAAR\Numero\lu11376j7rrh.tmp</t>
  </si>
  <si>
    <t>https://caey.fa.us2.oraclecloud.com/crmui/faces/fusewelcome?_adf.ctrl-state=3bh7j1bkr_5</t>
  </si>
  <si>
    <t>Painel D-1</t>
  </si>
  <si>
    <t>Painel D-1 CRC</t>
  </si>
  <si>
    <t>Planejamento CRC</t>
  </si>
  <si>
    <t>cc9e282a-1e7b-49bb-be05-13ec7828a4f0.tmp</t>
  </si>
  <si>
    <t>\\acsfs\profiles$\luanaagl\Downloads\cc9e282a-1e7b-49bb-be05-13ec7828a4f0.tmp</t>
  </si>
  <si>
    <t>mail.google.com/_/upload?authuser=0&amp;dcp=asu-n&amp;upload_id=AEnB2UqHnVmiyGc9vMCZJQ8Vtla4m6gyLFQMDTYGYVmV5FWcqdXy1AdMYjLx4x0aiXDX_FUHGvoohm5ewiZY48S7kOvjjTws7sJt8zUN5rIsLiV5ETwHxpY&amp;upload_protocol=resumable</t>
  </si>
  <si>
    <t>C:\Users\gustavoplo\Desktop\</t>
  </si>
  <si>
    <t>2020_01_09_Processo_Auditor_Qualidade.xlsx</t>
  </si>
  <si>
    <t>0f7d7289-af19-4bf3-870b-a4b1703e05f7.tmp</t>
  </si>
  <si>
    <t>\\acsfs\profiles$\gabrielsma\Downloads\0f7d7289-af19-4bf3-870b-a4b1703e05f7.tmp</t>
  </si>
  <si>
    <t>\\acsfs\ACS\Gabriel da Silva\Contemporânea\Acessos\Evidências\Q29udHJvbGxlci5FeHBsb3Jlcl8x.ica.crdownload</t>
  </si>
  <si>
    <t>225399 - Readequação Contrato UNICA Plan Precificacao C019 B019 100% Dedicado.xlsb</t>
  </si>
  <si>
    <t>\\acsfs\deptos\CAS - Coordenação de Arquitetura de Soluções\Projetos\2020\Tribanco\225399 - TRIBANCO - Readequação Contrato Operação Única\Preço\225399 - Readequação Contrato UNICA Plan Precificacao C019 B019 100% Dedicado.xlsb\</t>
  </si>
  <si>
    <t>fb6992a2-3146-45e7-a33b-b842c5c62214.tmp</t>
  </si>
  <si>
    <t>\\acsfs\profiles$\lorraynevam\Downloads\fb6992a2-3146-45e7-a33b-b842c5c62214.tmp</t>
  </si>
  <si>
    <t>368418c3-bb53-4e88-bef7-b8aa1b64f923.tmp</t>
  </si>
  <si>
    <t>\\acsfs\profiles$\monicargds\Downloads\368418c3-bb53-4e88-bef7-b8aa1b64f923.tmp</t>
  </si>
  <si>
    <t>mail.google.com/_/upload?authuser=0&amp;dcp=asu-n&amp;upload_id=AEnB2UoDnZCW_qXigBVoaqcBp-6tHKJFI90ON0NCPaXYePJVLIenbt3VzMGI8db7Z_EC749ubwSxpLJKZT5kbFRvYVnkavf4iHpDbt586Q86XwgDOjED3dc&amp;upload_protocol=resumable</t>
  </si>
  <si>
    <t>\\acsfs\DEPTOS\Operacao\PCP\5 - Comum\ACOMPANHAMENTO AMEX\10- Acompanhamento PF\BACKOFFICE PF\03-CNPF\12 - ABONO\2019\12 - Dezembro\</t>
  </si>
  <si>
    <t>Análise de Perdas - Dezembro2.xlsx</t>
  </si>
  <si>
    <t>Brastemp-2020-01-08-opinions_report-sMOuI.xlsx</t>
  </si>
  <si>
    <t>9e61_u x-goog-authuser: 2 --=====8ykzymadgnl6=====-- �[�_x0006_&gt;�q���|�3����_x0017_�,ancestorhasaugmentedpermissions,containsunsubscribedchildren,dis,displayname,domain,emailaddress,explicitlytrashed,file(kind,fileid,filesize,hasthumbnail,hasvisitorpermissions,id,id),items(deleted,items(kind,ken,kind,lastmodifyi,lastmodifyinguser(kind,lastviewedbymedate,mimetype,modifiedbymedate,modifieddate,nextpagetoken,ontainsunsubscribedchildren,owners(kind,per,permission,permissionid,picture,picture�,quotabytesu,quotabytesused�,rio_atendimento_analitico_5e16234ec72d1' and title contains 'xlsx' and trashed = false and '0adxp7xurvtdjuk9pva' in parents&amp;fields=kind,rpermissions,shared,sharedwithmedate,thumbna,thumbnailversion,title,userpermission(role),workspaceids</t>
  </si>
  <si>
    <t>\\udpavonfs01\AVON\00 - ACOMPANHAMENTO AVON\04 - BACKOFFICE CORNERSTONE\2020\01.2020\RELATORIO\09.01.2020\</t>
  </si>
  <si>
    <t>629c43aa-5979-4932-ad76-12ca6d87306e.tmp</t>
  </si>
  <si>
    <t>\\acsfs\profiles$\monicargds\Downloads\629c43aa-5979-4932-ad76-12ca6d87306e.tmp</t>
  </si>
  <si>
    <t>http://outlook.live.com/owa/0/service.svc?action=getattachmentdownloadtoken&amp;ua=0&amp;ep=1&amp;app=mail&amp;n=2079</t>
  </si>
  <si>
    <t>http:///batch?%24ct=multipart%2Fmixed%3B%20boundary%3D%22%3D%3D%3D%3D%3Dndfsqzpr95sp%3D%3D%3D%3D%3D%22&amp;key=AIzaSyAy9VVXHSpS2IJpptzYtGbLP3-3_l0aBk4</t>
  </si>
  <si>
    <t>http:///batch?%24ct=multipart%2Fmixed%3B%20boundary%3D%22%3D%3D%3D%3D%3Drwaofmc6ykgz%3D%3D%3D%3D%3D%22&amp;key=AIzaSyAy9VVXHSpS2IJpptzYtGbLP3-3_l0aBk4</t>
  </si>
  <si>
    <t>0d13e0a4-e892-4e78-9828-d13997dae1e5.tmp</t>
  </si>
  <si>
    <t>\\acsfs\profiles$\LUCASNS\Downloads\0d13e0a4-e892-4e78-9828-d13997dae1e5.tmp</t>
  </si>
  <si>
    <t>e9de614f-eda5-40b9-8656-694a056327c0.tmp</t>
  </si>
  <si>
    <t>\\acsfs\profiles$\lorenabmc\Downloads\e9de614f-eda5-40b9-8656-694a056327c0.tmp</t>
  </si>
  <si>
    <t>893c681f-91db-42a1-b1c7-0cc2d0d2b77f.tmp</t>
  </si>
  <si>
    <t>\\acsfs\profiles$\lorrainerdl\Downloads\893c681f-91db-42a1-b1c7-0cc2d0d2b77f.tmp</t>
  </si>
  <si>
    <t>mail.google.com/_/upload?authuser=1&amp;dcp=asu-n&amp;upload_id=AEnB2Ur0HDoiyK-twS_Wrn54SXGYZDNb1KssNZFmhWQFh-R8vXiVIO6vS1GDmWE0RW4gL2WJD7-LVsmaG8c1A6WrqYtiR_f0xQ&amp;upload_protocol=resumable</t>
  </si>
  <si>
    <t>\\acsfs\DEPTOS\Operacao\PCP\3 - Corporativo\MIS\GERADOR DE BIO\CLIENTES\Whirlpool\ATIVIDADES_MIS\03 - COMPRA CERTA\16 - INCENTIVOS\2019\12 - Dezembro\</t>
  </si>
  <si>
    <t>RETENÇÃO MKTPLACE.xlsx</t>
  </si>
  <si>
    <t>mail.google.com/_/upload?authuser=1&amp;dcp=asu-n&amp;upload_id=AEnB2Urfj8yEOLRnO4PHQ5QBTDavfZA2DWCrEtPfeeJM2AlrIrMYbNFp-8xRnC1l-SHIfGHFlVB7g8saF4ErAyAHrfc9HKvpIg&amp;upload_protocol=resumable</t>
  </si>
  <si>
    <t>TRABALHADOS MKTPLACE.xlsx</t>
  </si>
  <si>
    <t>eab47319-a830-4f2c-9fd3-2b634373182e.tmp</t>
  </si>
  <si>
    <t>\\acsfs\profiles$\geovannasm\Downloads\eab47319-a830-4f2c-9fd3-2b634373182e.tmp</t>
  </si>
  <si>
    <t>c9b365ee-e8b9-4705-97a0-00f888c75f04.tmp</t>
  </si>
  <si>
    <t>\\acsfs\profiles$\geovannasm\Downloads\c9b365ee-e8b9-4705-97a0-00f888c75f04.tmp</t>
  </si>
  <si>
    <t>9f9ae645-0915-4510-b7dd-0d24dcdab42f.tmp</t>
  </si>
  <si>
    <t>\\acsfs\profiles$\mariajra\Downloads\9f9ae645-0915-4510-b7dd-0d24dcdab42f.tmp</t>
  </si>
  <si>
    <t>lu11376j7rrl.tmp</t>
  </si>
  <si>
    <t>\\acsfs\profiles$\BRUNAAR\Numero\lu11376j7rrl.tmp</t>
  </si>
  <si>
    <t>d79091b3-6714-4fee-97b8-eb6d0aff0e2f.tmp</t>
  </si>
  <si>
    <t>\\acsfs\profiles$\JOAOVAL\Downloads\d79091b3-6714-4fee-97b8-eb6d0aff0e2f.tmp</t>
  </si>
  <si>
    <t>722ceafe-3d00-4429-8eba-ed358be8a5b3.tmp</t>
  </si>
  <si>
    <t>\\acsfs\profiles$\JOAOVAL\Downloads\722ceafe-3d00-4429-8eba-ed358be8a5b3.tmp</t>
  </si>
  <si>
    <t>mail.google.com/_/upload?authuser=1&amp;dcp=asu-n&amp;upload_id=AEnB2Ur99Ycdbz8Gcjagz164H9AeAwGc3rrq9cl185q16wYY1IQo3W2iSrVc-bvPxxJE1kFyMVWT7nDJUlHCkSMhWE_bGxJ8-kLGAJC9KLYpk6fPiq9slfg&amp;upload_protocol=resumable</t>
  </si>
  <si>
    <t>C:\Users\brunop\Desktop\Docs Visão Receptivo\Cadastro Skill BI GO\</t>
  </si>
  <si>
    <t>CADASTRO TABULAÇÕES X CATEGORIAS (GENESYS).xlsx</t>
  </si>
  <si>
    <t>lu2520mvix.tmp</t>
  </si>
  <si>
    <t>\\acsfs\profiles$\ALEXANDREMM\lu2520mvix.tmp</t>
  </si>
  <si>
    <t>\\acsfs\profiles$\ALEXANDREMM\lu2520mvix.tmp\</t>
  </si>
  <si>
    <t>\\acsfs\profiles$\ALEXANDREMM\lu2520mvix.tmp\META-INF\</t>
  </si>
  <si>
    <t>\\acsfs\profiles$\ALEXANDREMM\lu2520mvix.tmp\Thumbnails\</t>
  </si>
  <si>
    <t>mail.google.com/sync/u/0/i/s?hl=pt-BR&amp;c=414</t>
  </si>
  <si>
    <t>mail.google.com/sync/u/0/i/s?hl=pt-BR&amp;c=418</t>
  </si>
  <si>
    <t>100014122394468;catianalv@algartech.com;cpc-controldeskavon@algartech.com;joseasn@algartech.com;lucianarsantos@algartech.com;marianadjc@algartech.com;senildapdo@algartecnologia.com.br;viniciussg@algartech.com;</t>
  </si>
  <si>
    <t>100014122394468,catianalv@algartech.com,cpc-controldeskavon@algartech.com,joseasn@algartech.com,lucianarsantos@algartech.com,marianadjc@algartech.com,senildapdo@algartecnologia.com.br,viniciussg@algartech.com</t>
  </si>
  <si>
    <t>/o=exchangelabs/ou=exchange administrative group (fydibohf23spdlt)/cn=recipients/cn=9d5ac7c7f5bb4c7098bcc852bda547ba-luiz fernan;/o=exchangelabs/ou=exchange administrative group (fydibohf23spdlt)/cn=recipients/cn=e47f7192d7b143e286620292e5ce82f2-mirian pris;</t>
  </si>
  <si>
    <t>Banco de Dados - 09/01</t>
  </si>
  <si>
    <t>/o=exchangelabs/ou=exchange administrative group (fydibohf23spdlt)/cn=recipients/cn=9d5ac7c7f5bb4c7098bcc852bda547ba-luiz fernan,/o=exchangelabs/ou=exchange administrative group (fydibohf23spdlt)/cn=recipients/cn=e47f7192d7b143e286620292e5ce82f2-mirian pris</t>
  </si>
  <si>
    <t>a1483b15-58c7-40b1-a2b4-2433114ec9a6.tmp</t>
  </si>
  <si>
    <t>\\acsfs\profiles$\mariajra\Downloads\a1483b15-58c7-40b1-a2b4-2433114ec9a6.tmp</t>
  </si>
  <si>
    <t>10861ae0-d14a-4325-a06e-353397bff3bd.tmp</t>
  </si>
  <si>
    <t>\\acsfs\profiles$\Flaviojmm\Downloads\10861ae0-d14a-4325-a06e-353397bff3bd.tmp</t>
  </si>
  <si>
    <t>https://udpmailboxap01.acs.com.br:8443/h/search;jsessionid=12w3mglue1fx74qoo5ec96imw?si=0&amp;so=0&amp;sc=67683&amp;st=conversation&amp;action=compose</t>
  </si>
  <si>
    <t>mail.google.com/_/upload?authuser=0&amp;dcp=asu-n&amp;upload_id=AEnB2UoOeWfKoL9HxCMOBkw7H2SoelHD1C0qId7LDBCfggyKCR2oxq-wy9OaS1PKFsA40MyIGhq1Rhaa_Xsmj4xJcXuTd0zHFg&amp;upload_protocol=resumable</t>
  </si>
  <si>
    <t>Quantidade de Login - Financeira.xlsx</t>
  </si>
  <si>
    <t>andrelpsa@algartech.com;joaogvc@algartech.com;leonardoao@algartech.com;marianadjc@algartech.com;paulacn@algartech.com;rafaelggs@algartech.com;taysdss@algartech.com;thiagordu@algartech.com;viniciussg@algartech.com;</t>
  </si>
  <si>
    <t>andrelpsa@algartech.com,joaogvc@algartech.com,leonardoao@algartech.com,marianadjc@algartech.com,paulacn@algartech.com,rafaelggs@algartech.com,taysdss@algartech.com,thiagordu@algartech.com,viniciussg@algartech.com</t>
  </si>
  <si>
    <t>andrelpsa@algartech.com;leonardoao@algartech.com;marianadjc@algartech.com;sofiamses@algartech.com;viniciussg@algartech.com;</t>
  </si>
  <si>
    <t>andrelpsa@algartech.com,leonardoao@algartech.com,marianadjc@algartech.com,sofiamses@algartech.com,viniciussg@algartech.com</t>
  </si>
  <si>
    <t>andrelpsa@algartech.com;leonardoao@algartech.com;marianadjc@algartech.com;ricardodfm@algartech.com;sofiamses@algartech.com;viniciussg@algartech.com;</t>
  </si>
  <si>
    <t>andrelpsa@algartech.com,leonardoao@algartech.com,marianadjc@algartech.com,ricardodfm@algartech.com,sofiamses@algartech.com,viniciussg@algartech.com</t>
  </si>
  <si>
    <t>andrelpsa@algartech.com;leonardoao@algartech.com;marianadjc@algartech.com;ricardodfm@algartech.com;ricardodfm@algartech.com.br;sofiamses@algartech.com;viniciussg@algartech.com;</t>
  </si>
  <si>
    <t>andrelpsa@algartech.com,leonardoao@algartech.com,marianadjc@algartech.com,ricardodfm@algartech.com,ricardodfm@algartech.com.br,sofiamses@algartech.com,viniciussg@algartech.com</t>
  </si>
  <si>
    <t>andrelpsa@algartech.com;leonardoao@algartech.com;marianadjc@algartech.com;ricardodfm@algartech.com.br;sofiamses@algartech.com;viniciussg@algartech.com;</t>
  </si>
  <si>
    <t>andrelpsa@algartech.com,leonardoao@algartech.com,marianadjc@algartech.com,ricardodfm@algartech.com.br,sofiamses@algartech.com,viniciussg@algartech.com</t>
  </si>
  <si>
    <t>Dados Gerais BV - CARTÕES.xlsx</t>
  </si>
  <si>
    <t>\\acsfs\DEPTOS\Operacao\PCP\5 - Comum\PLANEJAMENTO BV\22 - BANCO DE DADOS BV\CARTÕES\Dados Gerais BV - CARTÕES.xlsx</t>
  </si>
  <si>
    <t>mail.google.com/_/upload?authuser=0&amp;dcp=asu-n&amp;upload_id=AEnB2UpUjLNmFH_wZn-AidEI1HqU8iAG7FcLDksqRx4vmODROZ-IcriyNNrBlsQzLrEZH4zipZB0o1LsVZchv7orhBWN7ScWNA&amp;upload_protocol=resumable</t>
  </si>
  <si>
    <t>8fa7c222-496b-4049-ad72-353ae0dd4bb5.tmp</t>
  </si>
  <si>
    <t>\\acsfs\profiles$\THYAGOSP\Downloads\8fa7c222-496b-4049-ad72-353ae0dd4bb5.tmp</t>
  </si>
  <si>
    <t>4f584361-e14d-4a74-a355-8a6304e4b48b.tmp</t>
  </si>
  <si>
    <t>\\acsfs\profiles$\lucasgpe\Downloads\4f584361-e14d-4a74-a355-8a6304e4b48b.tmp</t>
  </si>
  <si>
    <t>1e9412c4-8261-4055-b4fc-03707f5509ee.tmp</t>
  </si>
  <si>
    <t>\\acsfs\profiles$\inarajst\Downloads\1e9412c4-8261-4055-b4fc-03707f5509ee.tmp</t>
  </si>
  <si>
    <t>f9ddb96c-b2e8-489f-aa39-121d287c723a.tmp</t>
  </si>
  <si>
    <t>\\acsfs\profiles$\antoniosva\Downloads\f9ddb96c-b2e8-489f-aa39-121d287c723a.tmp</t>
  </si>
  <si>
    <t>f5157f1b-5026-448d-8523-b3ae48c16924.tmp</t>
  </si>
  <si>
    <t>\\acsfs\profiles$\isabellegtds\Downloads\f5157f1b-5026-448d-8523-b3ae48c16924.tmp</t>
  </si>
  <si>
    <t>andrelpsa@algartech.com;joaogvc@algartech.com;leonardoao@algartech.com;marianadjc@algartech.com;planejamentodeoperacoesetrafego@bv.com.br;ricardodfm@algartech.com;ricardodfm@algartech.com.br;sofiamses@algartech.com;taysdss@algartech.com;viniciussg@algartech.com;</t>
  </si>
  <si>
    <t>andrelpsa@algartech.com,joaogvc@algartech.com,leonardoao@algartech.com,marianadjc@algartech.com,planejamentodeoperacoesetrafego@bv.com.br,ricardodfm@algartech.com,ricardodfm@algartech.com.br,sofiamses@algartech.com,taysdss@algartech.com,viniciussg@algartech.com</t>
  </si>
  <si>
    <t>5A4C11E1.tmp</t>
  </si>
  <si>
    <t>\\acsfs\ACS\Gabriel da Silva\Contemporânea\Gen\5A4C11E1.tmp</t>
  </si>
  <si>
    <t>~$TAREFAS_ALGAR_NOVEMBRO_16_A_30.XLSX</t>
  </si>
  <si>
    <t>\\acsfs\ACS\Gabriel da Silva\Contemporânea\Gen\~$TAREFAS_ALGAR_NOVEMBRO_16_A_30.XLSX</t>
  </si>
  <si>
    <t>EC2BF4BD.tmp</t>
  </si>
  <si>
    <t>\\acsfs\ACS\Gabriel da Silva\Contemporânea\Gen\EC2BF4BD.tmp</t>
  </si>
  <si>
    <t>~$TAREFAS_ALGAR_NOVEMBRO_01_A_15.XLSX</t>
  </si>
  <si>
    <t>\\acsfs\ACS\Gabriel da Silva\Contemporânea\Gen\~$TAREFAS_ALGAR_NOVEMBRO_01_A_15.XLSX</t>
  </si>
  <si>
    <t>7d44647a-b048-4536-ad03-d820c76a560b.tmp</t>
  </si>
  <si>
    <t>\\acsfs\profiles$\gabrielsma\Downloads\7d44647a-b048-4536-ad03-d820c76a560b.tmp</t>
  </si>
  <si>
    <t>04624366-8d28-4a81-b85c-b9b22d09e3b0.tmp</t>
  </si>
  <si>
    <t>\\acsfs\profiles$\larissaad\Downloads\04624366-8d28-4a81-b85c-b9b22d09e3b0.tmp</t>
  </si>
  <si>
    <t>anapscl@algartech.com;bonfim.silva@bradesco.com.br;cristiany.caixeta@bradesco.com.br;greiciele.alves@bradesco.com.br;jussaragp@algartech.com.br;leandra.cardoso@bradesco.com.br;micheless@algartech.com.br;patricia.amaral@temposervicos.com.br;patriciaa.lima@temposervicos.com.br;patriciaroa@algartech.com.br;rosemery.silva@bradesco.com.br;</t>
  </si>
  <si>
    <t>anapscl@algartech.com,bonfim.silva@bradesco.com.br,cristiany.caixeta@bradesco.com.br,greiciele.alves@bradesco.com.br,jussaragp@algartech.com.br,leandra.cardoso@bradesco.com.br,micheless@algartech.com.br,patricia.amaral@temposervicos.com.br,patriciaa.lima@temposervicos.com.br,patriciaroa@algartech.com.br,rosemery.silva@bradesco.com.br</t>
  </si>
  <si>
    <t>4c0a50f4-a70c-4f57-8a1b-80d4f5a6e515.tmp</t>
  </si>
  <si>
    <t>\\acsfs\profiles$\quindaizaagds\Downloads\4c0a50f4-a70c-4f57-8a1b-80d4f5a6e515.tmp</t>
  </si>
  <si>
    <t>b2aa653c-5004-4111-a63d-6fb35298618a.tmp</t>
  </si>
  <si>
    <t>\\acsfs\profiles$\inarajst\Downloads\b2aa653c-5004-4111-a63d-6fb35298618a.tmp</t>
  </si>
  <si>
    <t>9b6c54ea-1baa-4fab-bac7-4cc0017506c9.tmp</t>
  </si>
  <si>
    <t>\\acsfs\profiles$\inarajst\Downloads\9b6c54ea-1baa-4fab-bac7-4cc0017506c9.tmp</t>
  </si>
  <si>
    <t>lu11376j7rrp.tmp</t>
  </si>
  <si>
    <t>\\acsfs\profiles$\BRUNAAR\Numero\lu11376j7rrp.tmp</t>
  </si>
  <si>
    <t>6d39af87-ec8f-4372-a25e-0d6361836fda.tmp</t>
  </si>
  <si>
    <t>\\acsfs\profiles$\anafsb\Downloads\6d39af87-ec8f-4372-a25e-0d6361836fda.tmp</t>
  </si>
  <si>
    <t>46a17e87-3293-4911-907e-3ae3b0b568e6.tmp</t>
  </si>
  <si>
    <t>\\acsfs\profiles$\rafaelahpn\Downloads\46a17e87-3293-4911-907e-3ae3b0b568e6.tmp</t>
  </si>
  <si>
    <t>10.200.67.174</t>
  </si>
  <si>
    <t>D0-67-E5-FF-1B-BC</t>
  </si>
  <si>
    <t>VOTORANT-ACB007</t>
  </si>
  <si>
    <t>marianaol</t>
  </si>
  <si>
    <t>20a682a4-2a00-4249-bcf9-55c798558299.tmp</t>
  </si>
  <si>
    <t>\\acsfs\profiles$\quindaizaagds\Downloads\20a682a4-2a00-4249-bcf9-55c798558299.tmp</t>
  </si>
  <si>
    <t>8b387cce-d550-49cc-b14b-61ca35e012f5.tmp</t>
  </si>
  <si>
    <t>\\acsfs\profiles$\quindaizaagds\Downloads\8b387cce-d550-49cc-b14b-61ca35e012f5.tmp</t>
  </si>
  <si>
    <t>C:\Users\lucianafaa\OneDrive - Grupo Algar\2019\PROJETOS\PROGRAMA\CRM\CONTROLE\STATUS\Apresentação CRM 11-06.ppt\s2\</t>
  </si>
  <si>
    <t>Gráfico do Microsoft Excel.dat</t>
  </si>
  <si>
    <t>Gráfico do Microsoft Excel1.dat</t>
  </si>
  <si>
    <t>Planilha do Microsoft Excel.xlsx</t>
  </si>
  <si>
    <t>Slide do think-cell.dat</t>
  </si>
  <si>
    <t>http://api.viglink.com/api/domains</t>
  </si>
  <si>
    <t>9c637900-8a60-473c-b9f2-316131b7c794.tmp</t>
  </si>
  <si>
    <t>\\acsfs\profiles$\lucasgpe\Downloads\9c637900-8a60-473c-b9f2-316131b7c794.tmp</t>
  </si>
  <si>
    <t>afc752eb-6137-4ef2-968e-11405936c6d0.tmp</t>
  </si>
  <si>
    <t>\\acsfs\profiles$\lucasgpe\Downloads\afc752eb-6137-4ef2-968e-11405936c6d0.tmp</t>
  </si>
  <si>
    <t>atestado VAnessa 04 07 2020.jpg</t>
  </si>
  <si>
    <t>dc070cd1-af24-447c-be6b-477222de2336;</t>
  </si>
  <si>
    <t>dc070cd1-af24-447c-be6b-477222de2336; .aspxformsauth=80d15181e784accdd5fdcd7ab23ec85105e1f751e6042854e950e491f0f33ba183e38ebd1d72b9e54c45e731c9f7f4d9ad5158696f57924f9bd7ff239a455df5606989b9c2e900141f41016813e2daa43f953a720517791d731233ec07a8f9008dc21e1e1cd</t>
  </si>
  <si>
    <t>C:\Downloads\</t>
  </si>
  <si>
    <t>Questionário ITSM - Jira Service Desk.xlsx</t>
  </si>
  <si>
    <t>4e08ad56-e04c-4971-b770-1841de819fb7.tmp</t>
  </si>
  <si>
    <t>\\acsfs\profiles$\nathaliarmr\Downloads\4e08ad56-e04c-4971-b770-1841de819fb7.tmp</t>
  </si>
  <si>
    <t>9bf6cb53-4c06-4c50-b3c9-6bab894aad89.tmp</t>
  </si>
  <si>
    <t>\\acsfs\profiles$\paulovadc\Downloads\9bf6cb53-4c06-4c50-b3c9-6bab894aad89.tmp</t>
  </si>
  <si>
    <t>mail.google.com/_/upload?authuser=0&amp;dcp=asu-n&amp;upload_id=AEnB2UqwI67w5HW_TjLhepzPwdI3XuGz3F2Y0S1KnUOgu1vEQfCbDqvnfoVHfci77xUoyH4rlWaD61d1QySEyiNpOAFzZv0cgLMoX2JZs2RrkZO0T2yiMXw&amp;upload_protocol=resumable</t>
  </si>
  <si>
    <t>\\acsfs\ACS\Consultoria de Qualidade\Uberlândia\1. Analistas\Fernando Rodrigues\14. Fechamento Mensal\2019\0000. Tribanco - Cobrança\</t>
  </si>
  <si>
    <t>Farol Qualitativo - SICOOB Cobrança.xlsb</t>
  </si>
  <si>
    <t>d547d22f-a209-4022-913a-58de28fd1d5c.tmp</t>
  </si>
  <si>
    <t>\\acsfs\profiles$\lorraynevam\Downloads\d547d22f-a209-4022-913a-58de28fd1d5c.tmp</t>
  </si>
  <si>
    <t>5def8eaa-b7e8-49f4-a95c-6d65e63a0289.tmp</t>
  </si>
  <si>
    <t>\\acsfs\profiles$\lorraynevam\Downloads\5def8eaa-b7e8-49f4-a95c-6d65e63a0289.tmp</t>
  </si>
  <si>
    <t>renatobrl</t>
  </si>
  <si>
    <t>10.200.32.91</t>
  </si>
  <si>
    <t>64-1C-67-A0-2A-DE</t>
  </si>
  <si>
    <t>NB-LEONARDOCSO</t>
  </si>
  <si>
    <t>leonardocso</t>
  </si>
  <si>
    <t>leonardocso@algartech.com</t>
  </si>
  <si>
    <t>mail.google.com/_/upload?authuser=0&amp;dcp=asu-n&amp;upload_id=AEnB2UoxGnVYk5TCbAVIcd9zMSqn4IKlXLSeEA3VElPtbsOCEz7tDTQlicel8Bm9MqqvHUtvAGhQ5V21DYQKz4lSn5XQB-Z2Zx4wdFCYYDcSL34IVjs6ok4&amp;upload_protocol=resumable</t>
  </si>
  <si>
    <t>C:\Users\leonardocso\Desktop\Importador de FILAS\</t>
  </si>
  <si>
    <t>FILAS.csv</t>
  </si>
  <si>
    <t>b4e75eb0-69d4-478d-b4db-e37ebceb534f.tmp</t>
  </si>
  <si>
    <t>\\acsfs\profiles$\nayarasds\Downloads\b4e75eb0-69d4-478d-b4db-e37ebceb534f.tmp</t>
  </si>
  <si>
    <t>andrelpsa@algartech.com;leonardoao@algartech.com;marianadjc@algartech.com;ricardodfm@algartech.com.br;sofiamses@algartech.com;supervisaobancovotorantim@algartech.com;viniciussg@algartech.com;</t>
  </si>
  <si>
    <t>andrelpsa@algartech.com,leonardoao@algartech.com,marianadjc@algartech.com,ricardodfm@algartech.com.br,sofiamses@algartech.com,supervisaobancovotorantim@algartech.com,viniciussg@algartech.com</t>
  </si>
  <si>
    <t>mail.google.com/sync/u/0/i/s?hl=pt-BR&amp;c=571</t>
  </si>
  <si>
    <t>c16487d3-d6a1-4a39-a263-543af0c8f1b0.tmp</t>
  </si>
  <si>
    <t>\\acsfs\profiles$\LUCASBS\Downloads\c16487d3-d6a1-4a39-a263-543af0c8f1b0.tmp</t>
  </si>
  <si>
    <t>6ebcec6a-d644-46da-bf1a-1b0cf94b5105.tmp</t>
  </si>
  <si>
    <t>\\acsfs\profiles$\leonardobb\Downloads\6ebcec6a-d644-46da-bf1a-1b0cf94b5105.tmp</t>
  </si>
  <si>
    <t>949987FC.tmp</t>
  </si>
  <si>
    <t>\\acsfs\ACS\Gabriel da Silva\Contemporânea\Gen\949987FC.tmp</t>
  </si>
  <si>
    <t>56228336-5663-4690-a14f-9b62ed8c586d.tmp</t>
  </si>
  <si>
    <t>\\acsfs\profiles$\rafaelahpn\Downloads\56228336-5663-4690-a14f-9b62ed8c586d.tmp</t>
  </si>
  <si>
    <t>7a5df344-b3d2-4783-9b04-a6d027b5213d.tmp</t>
  </si>
  <si>
    <t>\\acsfs\profiles$\lorraynevam\Downloads\7a5df344-b3d2-4783-9b04-a6d027b5213d.tmp</t>
  </si>
  <si>
    <t>bb039b54-2dee-4235-bc2e-9283d479bf3f.tmp</t>
  </si>
  <si>
    <t>\\acsfs\profiles$\PEDROHAB\Downloads\bb039b54-2dee-4235-bc2e-9283d479bf3f.tmp</t>
  </si>
  <si>
    <t>a5b2d315-6c74-4a9f-bc18-5578f35a5fa0.tmp</t>
  </si>
  <si>
    <t>\\acsfs\profiles$\Flaviojmm\Downloads\a5b2d315-6c74-4a9f-bc18-5578f35a5fa0.tmp</t>
  </si>
  <si>
    <t>f333da50-3d06-420e-8824-d1f6cb32c24b.tmp</t>
  </si>
  <si>
    <t>\\acsfs\profiles$\lorenabmc\Downloads\f333da50-3d06-420e-8824-d1f6cb32c24b.tmp</t>
  </si>
  <si>
    <t>9ED9C063.tmp</t>
  </si>
  <si>
    <t>\\acsfs\ACS\Gabriel da Silva\Contemporânea\Gen\9ED9C063.tmp</t>
  </si>
  <si>
    <t>atestado ana karine.jpg</t>
  </si>
  <si>
    <t>mail.google.com/sync/u/0/i/fd?hl=pt-BR&amp;c=59</t>
  </si>
  <si>
    <t>fbf71e4a-ba02-4648-b6e9-d26eed672807.tmp</t>
  </si>
  <si>
    <t>\\acsfs\profiles$\ayalabfi\Downloads\fbf71e4a-ba02-4648-b6e9-d26eed672807.tmp</t>
  </si>
  <si>
    <t>e99eba1c-c766-40d7-8d6a-ede8ebdce369.tmp</t>
  </si>
  <si>
    <t>\\acsfs\profiles$\leonardobb\Downloads\e99eba1c-c766-40d7-8d6a-ede8ebdce369.tmp</t>
  </si>
  <si>
    <t>Erro fatal INARA JULIA SOUSA TEODORO.PNG</t>
  </si>
  <si>
    <t>\\acsfs\ACS\001 - Qualidade Lilian\PAULO\Pasta Tainara\Erro fatal INARA JULIA SOUSA TEODORO.PNG</t>
  </si>
  <si>
    <t>c7953608-6e22-48a1-b231-fd708e5bee64.tmp</t>
  </si>
  <si>
    <t>\\acsfs\profiles$\larissaad\Downloads\c7953608-6e22-48a1-b231-fd708e5bee64.tmp</t>
  </si>
  <si>
    <t>03bf18c4-4971-4b2f-9602-8077ee0bae4d.tmp</t>
  </si>
  <si>
    <t>\\acsfs\profiles$\larissaad\Downloads\03bf18c4-4971-4b2f-9602-8077ee0bae4d.tmp</t>
  </si>
  <si>
    <t>d08d8817-fa12-44ab-a6ad-3763c87d00e8.tmp</t>
  </si>
  <si>
    <t>\\acsfs\profiles$\larissaad\Downloads\d08d8817-fa12-44ab-a6ad-3763c87d00e8.tmp</t>
  </si>
  <si>
    <t>5838984a-1aff-431e-83b4-38655ecc1a03.tmp</t>
  </si>
  <si>
    <t>\\acsfs\profiles$\larissaad\Downloads\5838984a-1aff-431e-83b4-38655ecc1a03.tmp</t>
  </si>
  <si>
    <t>96CD9A56.tmp</t>
  </si>
  <si>
    <t>\\acsfs\ACS\Gabriel da Silva\Contemporânea\Erros Operacionais\96CD9A56.tmp</t>
  </si>
  <si>
    <t>\\acsfs\profiles$\gabrielsma\My Documents\\</t>
  </si>
  <si>
    <t>VBA5F8.tmp</t>
  </si>
  <si>
    <t>\\acsfs\profiles$\gabrielsma\My Documents\VBA5F8.tmp</t>
  </si>
  <si>
    <t>VBB66F.tmp</t>
  </si>
  <si>
    <t>\\acsfs\profiles$\gabrielsma\My Documents\VBB66F.tmp</t>
  </si>
  <si>
    <t>4CFB8E6E.tmp</t>
  </si>
  <si>
    <t>\\acsfs\ACS\Gabriel da Silva\Contemporânea\Erros Operacionais\4CFB8E6E.tmp</t>
  </si>
  <si>
    <t>8E99BB9A.tmp</t>
  </si>
  <si>
    <t>\\acsfs\ACS\Gabriel da Silva\Contemporânea\Erros Operacionais\8E99BB9A.tmp</t>
  </si>
  <si>
    <t>9d44d3ee-5678-4d67-91dd-a6aa406702a0.tmp</t>
  </si>
  <si>
    <t>\\acsfs\profiles$\mariagsg\Downloads\9d44d3ee-5678-4d67-91dd-a6aa406702a0.tmp</t>
  </si>
  <si>
    <t>63f9bcf1-8aaa-4a5e-937f-70e191279a8f.tmp</t>
  </si>
  <si>
    <t>\\acsfs\profiles$\JOAOVAL\Downloads\63f9bcf1-8aaa-4a5e-937f-70e191279a8f.tmp</t>
  </si>
  <si>
    <t>danieldom@algartech.com;saramfg@algartech.com;</t>
  </si>
  <si>
    <t>\\ACSFS\Engeset\FINANCEIRO_ULA\CONTROLA\SG\00 - Aplicações\06- Simulações\BRADESCO\BRADESCO - Camila Tirso2\</t>
  </si>
  <si>
    <t>SIMULAÇÃO.xlsx</t>
  </si>
  <si>
    <t>danieldom@algartech.com,saramfg@algartech.com</t>
  </si>
  <si>
    <t>f5e1f45a-64d9-4a5a-9fae-a2573c646b78.tmp</t>
  </si>
  <si>
    <t>\\acsfs\profiles$\LUCASBS\Downloads\f5e1f45a-64d9-4a5a-9fae-a2573c646b78.tmp</t>
  </si>
  <si>
    <t>818c403f-4841-438c-b455-1ecc5e3ba417.tmp</t>
  </si>
  <si>
    <t>\\acsfs\profiles$\KARENDSR\Downloads\818c403f-4841-438c-b455-1ecc5e3ba417.tmp</t>
  </si>
  <si>
    <t>9cc7ddc4-1872-466a-a29f-c64ea5098aa0.tmp</t>
  </si>
  <si>
    <t>\\acsfs\profiles$\BRUNAAR\Downloads\9cc7ddc4-1872-466a-a29f-c64ea5098aa0.tmp</t>
  </si>
  <si>
    <t>210c0bfa-6d53-4327-8ce2-6cfd29b058ef.tmp</t>
  </si>
  <si>
    <t>\\acsfs\profiles$\nathaliarmr\Downloads\210c0bfa-6d53-4327-8ce2-6cfd29b058ef.tmp</t>
  </si>
  <si>
    <t>8b59a87e-5a60-4cd8-86ee-f357a9adc898.tmp</t>
  </si>
  <si>
    <t>\\acsfs\profiles$\lorrainerdl\Downloads\8b59a87e-5a60-4cd8-86ee-f357a9adc898.tmp</t>
  </si>
  <si>
    <t>c:\users\virginiamb\desktop\vilarinho\</t>
  </si>
  <si>
    <t>calendário bimestrais daf.xlsx</t>
  </si>
  <si>
    <t>ca17a6f6-1249-4572-9322-38eb327fbe9b.tmp</t>
  </si>
  <si>
    <t>\\acsfs\profiles$\larissaad\Downloads\ca17a6f6-1249-4572-9322-38eb327fbe9b.tmp</t>
  </si>
  <si>
    <t>44fcfbe7-3e6a-4ed9-95c3-ae68ffed749a.tmp</t>
  </si>
  <si>
    <t>\\acsfs\profiles$\ALYNYA\Downloads\44fcfbe7-3e6a-4ed9-95c3-ae68ffed749a.tmp</t>
  </si>
  <si>
    <t>f939762b-172e-48be-ab47-7967677bbfb2.tmp</t>
  </si>
  <si>
    <t>\\acsfs\profiles$\inarajst\Downloads\f939762b-172e-48be-ab47-7967677bbfb2.tmp</t>
  </si>
  <si>
    <t>doacoes indedutiveis.xls</t>
  </si>
  <si>
    <t>c77e171d-509f-43f9-8c4c-92e3fd1207f7.tmp</t>
  </si>
  <si>
    <t>\\acsfs\profiles$\lorrainerdl\Downloads\c77e171d-509f-43f9-8c4c-92e3fd1207f7.tmp</t>
  </si>
  <si>
    <t>f5efc0bc-3e1f-44bd-b05d-f197d2132e5c.tmp</t>
  </si>
  <si>
    <t>\\acsfs\profiles$\lorraynevam\Downloads\f5efc0bc-3e1f-44bd-b05d-f197d2132e5c.tmp</t>
  </si>
  <si>
    <t>3800aaaa-db6f-4841-9f3d-72b9a6593e6a.tmp</t>
  </si>
  <si>
    <t>\\acsfs\profiles$\geovannasm\Downloads\3800aaaa-db6f-4841-9f3d-72b9a6593e6a.tmp</t>
  </si>
  <si>
    <t>10.201.151.31</t>
  </si>
  <si>
    <t>54-BF-64-F5-7E-E2</t>
  </si>
  <si>
    <t>https://s163.convertio.me/uploader.php?usr_ext=csv&amp;usr_fn_hash=691f715807b0841780d493ca0599a531</t>
  </si>
  <si>
    <t>C:\Users\andremg\Downloads\</t>
  </si>
  <si>
    <t>relatorio_atendimento_analitico_5c375df697ad2.csv</t>
  </si>
  <si>
    <t>c5f62fa7-f8c0-4d07-bc8c-93dcc9921c83.tmp</t>
  </si>
  <si>
    <t>\\acsfs\profiles$\joycemmdl\Downloads\c5f62fa7-f8c0-4d07-bc8c-93dcc9921c83.tmp</t>
  </si>
  <si>
    <t>8ab1ee37-4268-4e52-ae40-b5271b71a852.tmp</t>
  </si>
  <si>
    <t>\\acsfs\profiles$\danielac\Downloads\8ab1ee37-4268-4e52-ae40-b5271b71a852.tmp</t>
  </si>
  <si>
    <t>lu145166npu9.tmp</t>
  </si>
  <si>
    <t>\\acsfs\profiles$\VIVIANALDS\My Documents\lu145166npu9.tmp</t>
  </si>
  <si>
    <t>\\acsfs\profiles$\VIVIANALDS\My Documents\lu145166npu9.tmp\</t>
  </si>
  <si>
    <t>\\acsfs\profiles$\VIVIANALDS\My Documents\lu145166npu9.tmp\META-INF\</t>
  </si>
  <si>
    <t>\\acsfs\profiles$\VIVIANALDS\My Documents\lu145166npu9.tmp\Thumbnails\</t>
  </si>
  <si>
    <t>3cb1d9c0-55e6-4a8b-8ae2-18d29b8a1e38.tmp</t>
  </si>
  <si>
    <t>\\acsfs\profiles$\henriquehmdo\Downloads\3cb1d9c0-55e6-4a8b-8ae2-18d29b8a1e38.tmp</t>
  </si>
  <si>
    <t>10db51c8-549a-429d-a116-7b3e65b54e3f.tmp</t>
  </si>
  <si>
    <t>\\acsfs\profiles$\lorrainerdl\Downloads\10db51c8-549a-429d-a116-7b3e65b54e3f.tmp</t>
  </si>
  <si>
    <t>9d0bbd45-3164-4145-aff5-109e544e4fb0.tmp</t>
  </si>
  <si>
    <t>\\acsfs\profiles$\leticiala\Downloads\9d0bbd45-3164-4145-aff5-109e544e4fb0.tmp</t>
  </si>
  <si>
    <t>9c39788e-667d-4a18-9260-cc3b3d908122.tmp</t>
  </si>
  <si>
    <t>\\acsfs\profiles$\leticiala\Downloads\9c39788e-667d-4a18-9260-cc3b3d908122.tmp</t>
  </si>
  <si>
    <t>DD09F759.tmp</t>
  </si>
  <si>
    <t>\\acsfs\ACS\Gabriel da Silva\Contemporânea\Erros Operacionais\DD09F759.tmp</t>
  </si>
  <si>
    <t>7b657644-094e-42bb-9f97-bb69151f9f45.tmp</t>
  </si>
  <si>
    <t>\\acsfs\profiles$\danielac\Downloads\7b657644-094e-42bb-9f97-bb69151f9f45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</t>
  </si>
  <si>
    <t>horários.xlsx</t>
  </si>
  <si>
    <t>\\acsfs\profiles$\gleycekos\My Documents\xworkcenter\lex\</t>
  </si>
  <si>
    <t>\\acsfs\profiles$\gleycekos\My Documents\xworkcenter\lex\temp.tlx</t>
  </si>
  <si>
    <t>http:///batch?%24ct=multipart%2Fmixed%3B%20boundary%3D%22%3D%3D%3D%3D%3Du076vro43fle%3D%3D%3D%3D%3D%22&amp;key=AIzaSyAy9VVXHSpS2IJpptzYtGbLP3-3_l0aBk4</t>
  </si>
  <si>
    <t>http:///batch?%24ct=multipart%2Fmixed%3B%20boundary%3D%22%3D%3D%3D%3D%3Dhab6u7nnhvkh%3D%3D%3D%3D%3D%22&amp;key=AIzaSyAy9VVXHSpS2IJpptzYtGbLP3-3_l0aBk4</t>
  </si>
  <si>
    <t>ancestorhasaugmentedpermissions;containsunsubscribedchildren;dis;displayname;domain;emailaddres;emailaddress;filesize;hasthumbnail;hasvisitorpermissions;id);items(kind;ken;lastmodifyinguser(kind;lastviewedbymedate;modifiedbymedate;modifieddate;ontainsunsubscribedchildren;owners(kind;permission;permissionid;picture;rpermissions;thumbnailversion;workspaceids;</t>
  </si>
  <si>
    <t>http://ancestorhasaugmentedpermissions,containsunsubscribedchildren,dis,displayname,domain,emailaddres,emailaddress,filesize,hasthumbnail,hasvisitorpermissions,id),items(kind,ken,lastmodifyinguser(kind,lastviewedbymedate,modifiedbymedate,modifieddate,ontainsunsubscribedchildren,owners(kind,permission,permissionid,picture,rpermissions,thumbnailversion,workspaceids</t>
  </si>
  <si>
    <t>http:///batch?%24ct=multipart%2Fmixed%3B%20boundary%3D%22%3D%3D%3D%3D%3Dswuojbhmpm65%3D%3D%3D%3D%3D%22&amp;key=AIzaSyAy9VVXHSpS2IJpptzYtGbLP3-3_l0aBk4</t>
  </si>
  <si>
    <t>ancestorhasaugmentedperm;ancestorhasaugmentedpermissions;containsunsubscribedchildren;dis;displayname;domain;emailaddres;emailaddress;filesize;hasthumbnail;hasvisitorpermissions;id);items(kind;ken;lastmodifyinguser(kind;lastviewedbymedate;modifiedbymedate;modifieddate;ontainsunsubscribedchildren;owners(kind;permission;permissionid;picture;rpermissions;thumbnailversion;workspaceids;</t>
  </si>
  <si>
    <t>http://ancestorhasaugmentedperm,ancestorhasaugmentedpermissions,containsunsubscribedchildren,dis,displayname,domain,emailaddres,emailaddress,filesize,hasthumbnail,hasvisitorpermissions,id),items(kind,ken,lastmodifyinguser(kind,lastviewedbymedate,modifiedbymedate,modifieddate,ontainsunsubscribedchildren,owners(kind,permission,permissionid,picture,rpermissions,thumbnailversion,workspaceids</t>
  </si>
  <si>
    <t>http:///batch?%24ct=multipart%2Fmixed%3B%20boundary%3D%22%3D%3D%3D%3D%3Dwoon3m9u9ew2%3D%3D%3D%3D%3D%22&amp;key=AIzaSyAy9VVXHSpS2IJpptzYtGbLP3-3_l0aBk4</t>
  </si>
  <si>
    <t>ancestorhasaugmentedperm;ancestorhasaugmentedpermissions;containsunsubscribedchildren;dis;displayname;domain;emailaddres;emailaddress;filesize;hasthumbnail;hasvisitorpermissions;id);items(kind;ken;lastmodifyinguser(kind;lastviewedbymedate;modifiedbymedate;modifieddate;ontainsunsubscribedchildren;owners(kind;permission;permissionid;picture;picture�;rpermissions;thumbnailversion;workspaceids;</t>
  </si>
  <si>
    <t>http://ancestorhasaugmentedperm,ancestorhasaugmentedpermissions,containsunsubscribedchildren,dis,displayname,domain,emailaddres,emailaddress,filesize,hasthumbnail,hasvisitorpermissions,id),items(kind,ken,lastmodifyinguser(kind,lastviewedbymedate,modifiedbymedate,modifieddate,ontainsunsubscribedchildren,owners(kind,permission,permissionid,picture,picture�,rpermissions,thumbnailversion,workspaceids</t>
  </si>
  <si>
    <t>http:///v1/items?key=AIzaSyAy9VVXHSpS2IJpptzYtGbLP3-3_l0aBk4</t>
  </si>
  <si>
    <t>"languagecode":"pt-br";"requesttype":"live_request";"scenariotype":"quick_access"}}access"}}36;"timezone":"-03:00";p";}}access;</t>
  </si>
  <si>
    <t>http://"languagecode":"pt-br","requesttype":"live_request","scenariotype":"quick_access"}}access"}}36,"timezone":"-03:00",p",}}access</t>
  </si>
  <si>
    <t>http:///batch?%24ct=multipart%2Fmixed%3B%20boundary%3D%22%3D%3D%3D%3D%3Dm8eyybccj78x%3D%3D%3D%3D%3D%22&amp;key=AIzaSyAy9VVXHSpS2IJpptzYtGbLP3-3_l0aBk4</t>
  </si>
  <si>
    <t>ancestorhasaugmentedperm;ancestorhasaugmentedpermissions;containsunsubscribedchildren;dis;displayname;domain;emailaddres;emailaddress;filesize;hasthumbnail;hasvisitorpermissions;id);items(kind;j78x===== cont;ken;lastmodifyi;lastmodifyinguser(kind;lastviewedbymedate;modifiedbymedate;modifieddate;ontainsunsubscribedchildren;owners(kind;permission;permissionid;picture;picture�;rpermissions;thumbnailversion;workspaceids;</t>
  </si>
  <si>
    <t>http://ancestorhasaugmentedperm,ancestorhasaugmentedpermissions,containsunsubscribedchildren,dis,displayname,domain,emailaddres,emailaddress,filesize,hasthumbnail,hasvisitorpermissions,id),items(kind,j78x===== cont,ken,lastmodifyi,lastmodifyinguser(kind,lastviewedbymedate,modifiedbymedate,modifieddate,ontainsunsubscribedchildren,owners(kind,permission,permissionid,picture,picture�,rpermissions,thumbnailversion,workspaceids</t>
  </si>
  <si>
    <t>http:///batch?%24ct=multipart%2Fmixed%3B%20boundary%3D%22%3D%3D%3D%3D%3Djahd2vkxjv%3D%3D%3D%3D%3D%22&amp;key=AIzaSyAy9VVXHSpS2IJpptzYtGbLP3-3_l0aBk4</t>
  </si>
  <si>
    <t>http:///batch?%24ct=multipart%2Fmixed%3B%20boundary%3D%22%3D%3D%3D%3D%3Daca24rzhxqne%3D%3D%3D%3D%3D%22&amp;key=AIzaSyAy9VVXHSpS2IJpptzYtGbLP3-3_l0aBk4</t>
  </si>
  <si>
    <t>00dcad8d96b3d8d42c7d5dda12_u x-goog-authuser: 0 --=====aca24rzhxqne=====-- 4a��@�zo;ancestorhasaugmentedperm;ancestorhasaugmentedpermissions;containsunsubscribedchildren;dis;displayname;domain;emailaddres;emailaddress;essedteamdr;file(kind;fileid;filesize;hasthumbnail;hasvisitorpermissions;id;id);items(deleted;items(kind;j78x===== cont;ken;kind;lastmodifyi;lastmodifyinguser(kind;lastviewedbymedate;modifiedbymedate;modifieddate;ontainsunsubscribedchildren;owners(kind;perm;permission;permissionid;picture;picture�;rpermissions;shared;sharedwithmedate;thumbnailversion;title;userpermission(role);workspaceids;</t>
  </si>
  <si>
    <t>http://00dcad8d96b3d8d42c7d5dda12_u x-goog-authuser: 0 --=====aca24rzhxqne=====-- 4a��@�zo,ancestorhasaugmentedperm,ancestorhasaugmentedpermissions,containsunsubscribedchildren,dis,displayname,domain,emailaddres,emailaddress,essedteamdr,file(kind,fileid,filesize,hasthumbnail,hasvisitorpermissions,id,id),items(deleted,items(kind,j78x===== cont,ken,kind,lastmodifyi,lastmodifyinguser(kind,lastviewedbymedate,modifiedbymedate,modifieddate,ontainsunsubscribedchildren,owners(kind,perm,permission,permissionid,picture,picture�,rpermissions,shared,sharedwithmedate,thumbnailversion,title,userpermission(role),workspaceids</t>
  </si>
  <si>
    <t>http:///batch?%24ct=multipart%2Fmixed%3B%20boundary%3D%22%3D%3D%3D%3D%3Dmq8jnxw2vtn1%3D%3D%3D%3D%3D%22&amp;key=AIzaSyAy9VVXHSpS2IJpptzYtGbLP3-3_l0aBk4</t>
  </si>
  <si>
    <t>00dcad8d96b3d8d42c7d5dda12_u x-goog-authuser: 0 --=====aca24rzhxqne=====-- 4a��@�zo;ancestorhasaugmentedperm;ancestorhasaugmentedpermissions;containsunsubscribedchildren;dis;displayname;domain;emailaddres;emailaddress;essedteamdr;exp;file(kind;fileid;filesize;hasthumbnail;hasvisitorpermissions;id;id);items(deleted;items(kind;j78x===== cont;ken;kind;lastmodifyi;lastmodifyinguser(kind;lastviewedbymedate;modifiedbymedate;modifieddate;ontainsunsubscribedchildren;owners(kind;perm;permi;permission;permissionid;picture;picture�;rpermissions;shared;sharedwithmedate;thumbnailversion;title;userpermission(role);workspaceids;</t>
  </si>
  <si>
    <t>http://00dcad8d96b3d8d42c7d5dda12_u x-goog-authuser: 0 --=====aca24rzhxqne=====-- 4a��@�zo,ancestorhasaugmentedperm,ancestorhasaugmentedpermissions,containsunsubscribedchildren,dis,displayname,domain,emailaddres,emailaddress,essedteamdr,exp,file(kind,fileid,filesize,hasthumbnail,hasvisitorpermissions,id,id),items(deleted,items(kind,j78x===== cont,ken,kind,lastmodifyi,lastmodifyinguser(kind,lastviewedbymedate,modifiedbymedate,modifieddate,ontainsunsubscribedchildren,owners(kind,perm,permi,permission,permissionid,picture,picture�,rpermissions,shared,sharedwithmedate,thumbnailversion,title,userpermission(role),workspaceids</t>
  </si>
  <si>
    <t>http:///apis/metrics?v=1&amp;key=AIzaSyC4gyROYSkqjyykTdfouAxjwLBLYAk-XJE&amp;helpcenter=drive</t>
  </si>
  <si>
    <t>81293384.tmp</t>
  </si>
  <si>
    <t>\\acsfs\ACS\Gabriel da Silva\Contemporânea\Erros Operacionais\81293384.tmp</t>
  </si>
  <si>
    <t>dc452630-e487-4cc3-ac3e-349131a5c311.tmp</t>
  </si>
  <si>
    <t>\\acsfs\profiles$\gabrielsma\Downloads\dc452630-e487-4cc3-ac3e-349131a5c311.tmp</t>
  </si>
  <si>
    <t>323d03c2-2e68-47d6-a6de-335969779269.tmp</t>
  </si>
  <si>
    <t>\\acsfs\profiles$\gabrielsma\Downloads\323d03c2-2e68-47d6-a6de-335969779269.tmp</t>
  </si>
  <si>
    <t>\\acsfs\ACS\Gabriel da Silva\Contemporânea\Acessos\Evidências\Q29udHJvbGxlci5JbnRyYW5ldC1DaHJvbWU-.ica.crdownload</t>
  </si>
  <si>
    <t>C:\Users\marciols\Downloads\</t>
  </si>
  <si>
    <t>012020_Crescimento_Vegetativo_Ultimos06_meses_Banco_BMG.xlsx</t>
  </si>
  <si>
    <t>lu311288l1b3l.tmp</t>
  </si>
  <si>
    <t>\\acsfs\profiles$\regisedsj\My Documents\lu311288l1b3l.tmp</t>
  </si>
  <si>
    <t>\\acsfs\profiles$\regisedsj\My Documents\lu311288l1b3l.tmp\</t>
  </si>
  <si>
    <t>\\acsfs\profiles$\regisedsj\My Documents\lu311288l1b3l.tmp\META-INF\</t>
  </si>
  <si>
    <t>\\acsfs\profiles$\regisedsj\My Documents\lu311288l1b3l.tmp\Thumbnails\</t>
  </si>
  <si>
    <t>7cff3779-4dda-4f7f-b4ba-e831618b3d20.tmp</t>
  </si>
  <si>
    <t>\\acsfs\profiles$\BRUNAAR\Downloads\7cff3779-4dda-4f7f-b4ba-e831618b3d20.tmp</t>
  </si>
  <si>
    <t>a87623c8-e5b1-4175-a903-9b0be2352bae.tmp</t>
  </si>
  <si>
    <t>\\acsfs\profiles$\luanarda\Downloads\a87623c8-e5b1-4175-a903-9b0be2352bae.tmp</t>
  </si>
  <si>
    <t>8da2b03d-8873-4fe7-8498-5f5e3ef65cbc.tmp</t>
  </si>
  <si>
    <t>\\acsfs\profiles$\sarahbal\Downloads\8da2b03d-8873-4fe7-8498-5f5e3ef65cbc.tmp</t>
  </si>
  <si>
    <t>3220bdcf-d683-43f3-b96f-7f6cf345420f.tmp</t>
  </si>
  <si>
    <t>\\acsfs\profiles$\sarahbal\Downloads\3220bdcf-d683-43f3-b96f-7f6cf345420f.tmp</t>
  </si>
  <si>
    <t>6bca036c-bc53-460f-acd3-5d8dbea91dd8.tmp</t>
  </si>
  <si>
    <t>\\acsfs\profiles$\LUISPLS\Downloads\6bca036c-bc53-460f-acd3-5d8dbea91dd8.tmp</t>
  </si>
  <si>
    <t>744bfffc-ad04-4b59-8684-cd507e69b03b.tmp</t>
  </si>
  <si>
    <t>\\acsfs\profiles$\LAISLG\Downloads\744bfffc-ad04-4b59-8684-cd507e69b03b.tmp</t>
  </si>
  <si>
    <t>7af18afc-bb08-42a9-a7ae-ba76eb504cd7.tmp</t>
  </si>
  <si>
    <t>\\acsfs\profiles$\LAISLG\Downloads\7af18afc-bb08-42a9-a7ae-ba76eb504cd7.tmp</t>
  </si>
  <si>
    <t>lu2520mvj4.tmp</t>
  </si>
  <si>
    <t>\\acsfs\profiles$\ALEXANDREMM\lu2520mvj4.tmp</t>
  </si>
  <si>
    <t>\\acsfs\profiles$\ALEXANDREMM\lu2520mvj4.tmp\</t>
  </si>
  <si>
    <t>\\acsfs\profiles$\ALEXANDREMM\lu2520mvj4.tmp\META-INF\</t>
  </si>
  <si>
    <t>\\acsfs\profiles$\ALEXANDREMM\lu2520mvj4.tmp\Thumbnails\</t>
  </si>
  <si>
    <t>joaogvc@algartech.com;leonardoao@algartech.com;marianadjc@algartech.com;paulacn@algartech.com;planejamentodeoperacoesetrafego@bv.com.br;rafaelggs@algartech.com;robsonams@algartech.com;taysdss@algartech.com;viniciussg@algartech.com;</t>
  </si>
  <si>
    <t>joaogvc@algartech.com,leonardoao@algartech.com,marianadjc@algartech.com,paulacn@algartech.com,planejamentodeoperacoesetrafego@bv.com.br,rafaelggs@algartech.com,robsonams@algartech.com,taysdss@algartech.com,viniciussg@algartech.com</t>
  </si>
  <si>
    <t>joaogvc@algartech.com;leonardoao@algartech.com;marianadjc@algartech.com;paulacn@algartech.com;planejamentodeoperacoesetrafego@bv.com.br;rafaelggs@algartech.com;ricardodfm@algartech.com.br;robsonams@algartech.com;taysdss@algartech.com;viniciussg@algartech.com;</t>
  </si>
  <si>
    <t>joaogvc@algartech.com,leonardoao@algartech.com,marianadjc@algartech.com,paulacn@algartech.com,planejamentodeoperacoesetrafego@bv.com.br,rafaelggs@algartech.com,ricardodfm@algartech.com.br,robsonams@algartech.com,taysdss@algartech.com,viniciussg@algartech.com</t>
  </si>
  <si>
    <t>mail.google.com/sync/u/0/i/s?hl=pt-BR&amp;c=801</t>
  </si>
  <si>
    <t>abc95797-a079-42a3-806b-983a90de9581.tmp</t>
  </si>
  <si>
    <t>\\acsfs\profiles$\ALYNYA\Downloads\abc95797-a079-42a3-806b-983a90de9581.tmp</t>
  </si>
  <si>
    <t>3ddb9251-5057-4178-8832-af70836d6d2f.tmp</t>
  </si>
  <si>
    <t>\\acsfs\profiles$\regisedsj\Downloads\3ddb9251-5057-4178-8832-af70836d6d2f.tmp</t>
  </si>
  <si>
    <t>690dea3b-436f-480f-a45c-e80a3ad3964e.tmp</t>
  </si>
  <si>
    <t>\\acsfs\profiles$\regisedsj\Downloads\690dea3b-436f-480f-a45c-e80a3ad3964e.tmp</t>
  </si>
  <si>
    <t>a5a9bbe9-0620-4146-949a-8340bf2d621a.tmp</t>
  </si>
  <si>
    <t>\\acsfs\profiles$\nayarasds\Downloads\a5a9bbe9-0620-4146-949a-8340bf2d621a.tmp</t>
  </si>
  <si>
    <t>66be2dfa-09ef-4096-b476-8dbe76774cf6.tmp</t>
  </si>
  <si>
    <t>\\acsfs\profiles$\luanarda\Downloads\66be2dfa-09ef-4096-b476-8dbe76774cf6.tmp</t>
  </si>
  <si>
    <t>01e6f145-a8e0-4450-ba14-688fd6888318.tmp</t>
  </si>
  <si>
    <t>\\acsfs\profiles$\LUISPLS\Downloads\01e6f145-a8e0-4450-ba14-688fd6888318.tmp</t>
  </si>
  <si>
    <t>RELATORIO DE LOGIN - BV CARTÕES 07-01 - Cópia.xlsm</t>
  </si>
  <si>
    <t>\\acsfs\DEPTOS\Operacao\PCP\5 - Comum\PLANEJAMENTO BV\14 - ACOMPANHAMENTO\1 - REPORT ACOMPANHAMENTO\2020\1 - JANEIRO\CARTÕES\Login Logout Cartões\RELATORIO DE LOGIN - BV CARTÕES 07-01 - Cópia.xlsm</t>
  </si>
  <si>
    <t>XLOG_leydianeamd_07012020_090645.log</t>
  </si>
  <si>
    <t>\\acsfs\profiles$\leydianeamd\My Documents\xworkcenter\logs\XLOG_leydianeamd_07012020_090645.log</t>
  </si>
  <si>
    <t>100014122394468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viniciussg@algartech.com;</t>
  </si>
  <si>
    <t>100014122394468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100014122394468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viniciussg@algartech.com;</t>
  </si>
  <si>
    <t>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a6f61f3f-5e44-4961-9730-7e1612f0a795.tmp</t>
  </si>
  <si>
    <t>\\acsfs\profiles$\lucasgpe\Downloads\a6f61f3f-5e44-4961-9730-7e1612f0a795.tmp</t>
  </si>
  <si>
    <t>c5838f11-4c6c-4876-a1bd-c3a2f9c4be7f.tmp</t>
  </si>
  <si>
    <t>\\acsfs\profiles$\geovannasm\Downloads\c5838f11-4c6c-4876-a1bd-c3a2f9c4be7f.tmp</t>
  </si>
  <si>
    <t>c389d137-5d0d-4aef-924b-e0ddebf9ce2d.tmp</t>
  </si>
  <si>
    <t>\\acsfs\profiles$\geovannasm\Downloads\c389d137-5d0d-4aef-924b-e0ddebf9ce2d.tmp</t>
  </si>
  <si>
    <t>ac1a333d-f5fe-4801-b636-cb612a07c321.tmp</t>
  </si>
  <si>
    <t>\\acsfs\profiles$\geovannasm\Downloads\ac1a333d-f5fe-4801-b636-cb612a07c321.tmp</t>
  </si>
  <si>
    <t>42c667ac-f51f-47af-bc23-329b182a7ce7.tmp</t>
  </si>
  <si>
    <t>\\acsfs\profiles$\claudiajca\Downloads\42c667ac-f51f-47af-bc23-329b182a7ce7.tmp</t>
  </si>
  <si>
    <t>353feac1-6056-49ab-b946-5da02d986c82.tmp</t>
  </si>
  <si>
    <t>\\acsfs\profiles$\sarahbal\Downloads\353feac1-6056-49ab-b946-5da02d986c82.tmp</t>
  </si>
  <si>
    <t>43f8387c-a6b2-444f-93e7-368eca36d7cf.tmp</t>
  </si>
  <si>
    <t>\\acsfs\profiles$\danielac\Downloads\43f8387c-a6b2-444f-93e7-368eca36d7cf.tmp</t>
  </si>
  <si>
    <t>e9c74daa-c5cf-438a-908f-d36ffd0f0501.tmp</t>
  </si>
  <si>
    <t>\\acsfs\profiles$\kellzylenneasr\Downloads\e9c74daa-c5cf-438a-908f-d36ffd0f0501.tmp</t>
  </si>
  <si>
    <t>96055b65-27ea-4a60-8efa-d7eaf6bdd6a2.tmp</t>
  </si>
  <si>
    <t>\\acsfs\profiles$\Flaviojmm\Downloads\96055b65-27ea-4a60-8efa-d7eaf6bdd6a2.tmp</t>
  </si>
  <si>
    <t>\\acsfs\profiles$\thaianaads\Downloads\</t>
  </si>
  <si>
    <t>a1eb89ff-bc07-469b-93f6-beebd55b6c9f.tmp</t>
  </si>
  <si>
    <t>\\acsfs\profiles$\thaianaads\Downloads\a1eb89ff-bc07-469b-93f6-beebd55b6c9f.tmp</t>
  </si>
  <si>
    <t>203174d1-b043-44ed-9255-44b1e60253e2.tmp</t>
  </si>
  <si>
    <t>\\acsfs\profiles$\lucasgpe\Downloads\203174d1-b043-44ed-9255-44b1e60253e2.tmp</t>
  </si>
  <si>
    <t>833b86ea-6200-42bb-8671-7626e9065750.tmp</t>
  </si>
  <si>
    <t>\\acsfs\profiles$\Flaviojmm\Downloads\833b86ea-6200-42bb-8671-7626e9065750.tmp</t>
  </si>
  <si>
    <t>5ab214c0-3dcf-407a-a0bc-3799296efe9b.tmp</t>
  </si>
  <si>
    <t>\\acsfs\profiles$\Flaviojmm\Downloads\5ab214c0-3dcf-407a-a0bc-3799296efe9b.tmp</t>
  </si>
  <si>
    <t>85c71308-58b3-4785-ae01-37f03362e290.tmp</t>
  </si>
  <si>
    <t>\\acsfs\profiles$\Flaviojmm\Downloads\85c71308-58b3-4785-ae01-37f03362e290.tmp</t>
  </si>
  <si>
    <t>e679c659-5147-4e9b-8857-857b85dc0ab5.tmp</t>
  </si>
  <si>
    <t>\\acsfs\profiles$\luanaagl\Downloads\e679c659-5147-4e9b-8857-857b85dc0ab5.tmp</t>
  </si>
  <si>
    <t>32a1f920-5a20-4eb1-a680-9d211b5bd3d2.tmp</t>
  </si>
  <si>
    <t>\\acsfs\profiles$\luanaagl\Downloads\32a1f920-5a20-4eb1-a680-9d211b5bd3d2.tmp</t>
  </si>
  <si>
    <t>599c303f-36c2-462a-971f-67c64cdf75f8.tmp</t>
  </si>
  <si>
    <t>\\acsfs\profiles$\LUCASBS\Downloads\599c303f-36c2-462a-971f-67c64cdf75f8.tmp</t>
  </si>
  <si>
    <t>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viniciussg@algartech.com;</t>
  </si>
  <si>
    <t>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,viniciussg@algartech.com</t>
  </si>
  <si>
    <t>lu11376j7rrt.tmp</t>
  </si>
  <si>
    <t>\\acsfs\profiles$\BRUNAAR\Numero\lu11376j7rrt.tmp</t>
  </si>
  <si>
    <t>c4d8b747-a51b-43cf-89a3-0ee48e5e8d97.tmp</t>
  </si>
  <si>
    <t>\\acsfs\profiles$\ERICALSR\Downloads\c4d8b747-a51b-43cf-89a3-0ee48e5e8d97.tmp</t>
  </si>
  <si>
    <t>c801a451-f5e7-4325-8823-ecfc9621736d.tmp</t>
  </si>
  <si>
    <t>\\acsfs\profiles$\mariagsg\Downloads\c801a451-f5e7-4325-8823-ecfc9621736d.tmp</t>
  </si>
  <si>
    <t>c757eeca-d8cc-4444-98b5-2100a0d58983.tmp</t>
  </si>
  <si>
    <t>\\acsfs\profiles$\inarajst\Downloads\c757eeca-d8cc-4444-98b5-2100a0d58983.tmp</t>
  </si>
  <si>
    <t>78-2B-CB-C1-06-F7</t>
  </si>
  <si>
    <t>VOTORANT-RB007</t>
  </si>
  <si>
    <t>lu145166npud.tmp</t>
  </si>
  <si>
    <t>\\acsfs\profiles$\VIVIANALDS\My Documents\lu145166npud.tmp</t>
  </si>
  <si>
    <t>\\acsfs\profiles$\VIVIANALDS\My Documents\lu145166npud.tmp\</t>
  </si>
  <si>
    <t>\\acsfs\profiles$\VIVIANALDS\My Documents\lu145166npud.tmp\META-INF\</t>
  </si>
  <si>
    <t>\\acsfs\profiles$\VIVIANALDS\My Documents\lu145166npud.tmp\Thumbnails\</t>
  </si>
  <si>
    <t>lu145166npuh.tmp</t>
  </si>
  <si>
    <t>\\acsfs\profiles$\VIVIANALDS\My Documents\lu145166npuh.tmp</t>
  </si>
  <si>
    <t>\\acsfs\profiles$\VIVIANALDS\My Documents\lu145166npuh.tmp\</t>
  </si>
  <si>
    <t>\\acsfs\profiles$\VIVIANALDS\My Documents\lu145166npuh.tmp\META-INF\</t>
  </si>
  <si>
    <t>\\acsfs\profiles$\VIVIANALDS\My Documents\lu145166npuh.tmp\Thumbnails\</t>
  </si>
  <si>
    <t>lu138892y2ps3c.tmp</t>
  </si>
  <si>
    <t>\\acsfs\DEPTOS\Operacao\Banco_Votorantim\Supervisao\SUPERS BV CARTÕES\ANA VITORIA\APOIO\lu138892y2ps3c.tmp</t>
  </si>
  <si>
    <t>joserdsne</t>
  </si>
  <si>
    <t>\\acsfs\profiles$\joserdsne\Contacts\</t>
  </si>
  <si>
    <t>JOSE ROSA DE SOUZA NETO (11).contact</t>
  </si>
  <si>
    <t>\\acsfs\profiles$\joserdsne\Contacts\JOSE ROSA DE SOUZA NETO (11).contact</t>
  </si>
  <si>
    <t>\\acsfs\profiles$\joserdsne\My Documents\My Videos\</t>
  </si>
  <si>
    <t>\\acsfs\profiles$\joserdsne\My Documents\My Videos\desktop.ini</t>
  </si>
  <si>
    <t>\\acsfs\profiles$\joserdsne\My Documents\My Pictures\</t>
  </si>
  <si>
    <t>\\acsfs\profiles$\joserdsne\My Documents\My Pictures\desktop.ini</t>
  </si>
  <si>
    <t>\\acsfs\profiles$\joserdsne\Contacts\desktop.ini</t>
  </si>
  <si>
    <t>\\acsfs\profiles$\joserdsne\Favorites\</t>
  </si>
  <si>
    <t>\\acsfs\profiles$\joserdsne\Favorites\desktop.ini</t>
  </si>
  <si>
    <t>\\acsfs\profiles$\joserdsne\My Documents\My Music\</t>
  </si>
  <si>
    <t>\\acsfs\profiles$\joserdsne\My Documents\My Music\desktop.ini</t>
  </si>
  <si>
    <t>\\acsfs\profiles$\joserdsne\Searches\</t>
  </si>
  <si>
    <t>\\acsfs\profiles$\joserdsne\Searches\desktop.ini</t>
  </si>
  <si>
    <t>\\acsfs\profiles$\joserdsne\Downloads\</t>
  </si>
  <si>
    <t>\\acsfs\profiles$\joserdsne\Downloads\desktop.ini</t>
  </si>
  <si>
    <t>\\acsfs\profiles$\joserdsne\My Documents\</t>
  </si>
  <si>
    <t>\\acsfs\profiles$\joserdsne\My Documents\desktop.ini</t>
  </si>
  <si>
    <t>\\acsfs\profiles$\joserdsne\Saved Games\</t>
  </si>
  <si>
    <t>\\acsfs\profiles$\joserdsne\Saved Games\desktop.ini</t>
  </si>
  <si>
    <t>\\acsfs\profiles$\JOSERDSNE\Favorites\Links for Brasil\</t>
  </si>
  <si>
    <t>\\acsfs\profiles$\JOSERDSNE\Favorites\Links for Brasil\desktop.ini</t>
  </si>
  <si>
    <t>\\acsfs\profiles$\JOSERDSNE\Favorites\Links for Brasil\Microsoft Brasil.url</t>
  </si>
  <si>
    <t>\\acsfs\profiles$\JOSERDSNE\Favorites\Links for Brasil\Windows Brasil.url</t>
  </si>
  <si>
    <t>\\acsfs\profiles$\JOSERDSNE\Favorites\Links for Brasil\MSN Brasil.url</t>
  </si>
  <si>
    <t>lu1516a6zv.tmp</t>
  </si>
  <si>
    <t>\\acsfs\profiles$\ALYNYA\My Documents\lu1516a6zv.tmp</t>
  </si>
  <si>
    <t>\\acsfs\profiles$\ALYNYA\My Documents\lu1516a6zv.tmp\</t>
  </si>
  <si>
    <t>\\acsfs\profiles$\ALYNYA\My Documents\lu1516a6zv.tmp\META-INF\</t>
  </si>
  <si>
    <t>\\acsfs\profiles$\ALYNYA\My Documents\lu1516a6zv.tmp\Thumbnails\</t>
  </si>
  <si>
    <t>304062cd-f092-469a-9207-805c202d87c7.tmp</t>
  </si>
  <si>
    <t>\\acsfs\profiles$\laylaams\Downloads\304062cd-f092-469a-9207-805c202d87c7.tmp</t>
  </si>
  <si>
    <t>e1db7f27-42d6-44cc-9862-091e4ed971b8.tmp</t>
  </si>
  <si>
    <t>\\acsfs\profiles$\nayarasds\Downloads\e1db7f27-42d6-44cc-9862-091e4ed971b8.tmp</t>
  </si>
  <si>
    <t>11db7095-1b25-46ca-b1aa-f0c38917e262.tmp</t>
  </si>
  <si>
    <t>\\acsfs\profiles$\inarajst\Downloads\11db7095-1b25-46ca-b1aa-f0c38917e262.tmp</t>
  </si>
  <si>
    <t>f2a1884a-44ef-48ec-b0ee-173ca5dd65c2.tmp</t>
  </si>
  <si>
    <t>\\acsfs\profiles$\nathaliarmr\Downloads\f2a1884a-44ef-48ec-b0ee-173ca5dd65c2.tmp</t>
  </si>
  <si>
    <t>lu138892y2ps3n.tmp</t>
  </si>
  <si>
    <t>\\acsfs\DEPTOS\Operacao\Banco_Votorantim\Supervisao\SUPERS BV CARTÕES\ANA VITORIA\APOIO\lu138892y2ps3n.tmp</t>
  </si>
  <si>
    <t>.~lock.Fila 1721 - CONTATO CLIENTE.xlsx#</t>
  </si>
  <si>
    <t>\\acsfs\DEPTOS\Operacao\Banco_Votorantim\Supervisao\SUPERS BV CARTÕES\ANA VITORIA\APOIO\.~lock.Fila 1721 - CONTATO CLIENTE.xlsx#</t>
  </si>
  <si>
    <t>d520ec1e-626c-4b63-bbf1-57c985b8c86b.tmp</t>
  </si>
  <si>
    <t>\\acsfs\profiles$\laylaams\Downloads\d520ec1e-626c-4b63-bbf1-57c985b8c86b.tmp</t>
  </si>
  <si>
    <t>fae1dc01-8117-4f26-bfee-cfdc5ee930cf.tmp</t>
  </si>
  <si>
    <t>\\acsfs\profiles$\laylaams\Downloads\fae1dc01-8117-4f26-bfee-cfdc5ee930cf.tmp</t>
  </si>
  <si>
    <t>8c4a44ad-01f1-40ae-9628-8467d2951718.tmp</t>
  </si>
  <si>
    <t>\\acsfs\profiles$\paulovadc\Downloads\8c4a44ad-01f1-40ae-9628-8467d2951718.tmp</t>
  </si>
  <si>
    <t>10.200.67.35</t>
  </si>
  <si>
    <t>7bd690cd-ebcb-4381-a99f-32ad315fe57c.tmp</t>
  </si>
  <si>
    <t>\\acsfs\profiles$\maxmillianosv\Downloads\7bd690cd-ebcb-4381-a99f-32ad315fe57c.tmp</t>
  </si>
  <si>
    <t>Não confirmado 754024.crdownload</t>
  </si>
  <si>
    <t>\\acsfs\profiles$\maxmillianosv\Downloads\Não confirmado 754024.crdownload</t>
  </si>
  <si>
    <t>bead72f9-5a85-4efa-a2dc-55e9f0d85636.tmp</t>
  </si>
  <si>
    <t>\\acsfs\profiles$\maxmillianosv\Downloads\bead72f9-5a85-4efa-a2dc-55e9f0d85636.tmp</t>
  </si>
  <si>
    <t>Não confirmado 727582.crdownload</t>
  </si>
  <si>
    <t>\\acsfs\profiles$\maxmillianosv\Downloads\Não confirmado 727582.crdownload</t>
  </si>
  <si>
    <t>b6eef57c-9120-46bc-8229-c97fb9b9ac98.tmp</t>
  </si>
  <si>
    <t>\\acsfs\profiles$\maxmillianosv\Downloads\b6eef57c-9120-46bc-8229-c97fb9b9ac98.tmp</t>
  </si>
  <si>
    <t>Não confirmado 403002.crdownload</t>
  </si>
  <si>
    <t>\\acsfs\profiles$\maxmillianosv\Downloads\Não confirmado 403002.crdownload</t>
  </si>
  <si>
    <t>5ae9988b-d79b-4c53-9ad2-605e82321b6d.tmp</t>
  </si>
  <si>
    <t>\\acsfs\profiles$\maxmillianosv\Downloads\5ae9988b-d79b-4c53-9ad2-605e82321b6d.tmp</t>
  </si>
  <si>
    <t>934cd04f-408d-483b-aac5-2dbe4fcbcb4d.tmp</t>
  </si>
  <si>
    <t>\\acsfs\profiles$\maxmillianosv\Downloads\934cd04f-408d-483b-aac5-2dbe4fcbcb4d.tmp</t>
  </si>
  <si>
    <t>db148378-4895-443e-9d23-67d6f31024ed.tmp</t>
  </si>
  <si>
    <t>\\acsfs\profiles$\maxmillianosv\Downloads\db148378-4895-443e-9d23-67d6f31024ed.tmp</t>
  </si>
  <si>
    <t>d7dce97c-e21b-4c56-a5c2-63aa4913d27a.tmp</t>
  </si>
  <si>
    <t>\\acsfs\profiles$\brunalas\Downloads\d7dce97c-e21b-4c56-a5c2-63aa4913d27a.tmp</t>
  </si>
  <si>
    <t>be8ec346-b07f-4c51-b100-44a185b7c470.tmp</t>
  </si>
  <si>
    <t>\\acsfs\profiles$\brunalas\Downloads\be8ec346-b07f-4c51-b100-44a185b7c470.tmp</t>
  </si>
  <si>
    <t>de3f185b-d70c-47de-83d4-7cd136cba826.tmp</t>
  </si>
  <si>
    <t>\\acsfs\profiles$\antoniosva\Downloads\de3f185b-d70c-47de-83d4-7cd136cba826.tmp</t>
  </si>
  <si>
    <t>4c24dcca-29e5-4aa7-b2e3-180125d6995e.tmp</t>
  </si>
  <si>
    <t>\\acsfs\profiles$\andressamf\Downloads\4c24dcca-29e5-4aa7-b2e3-180125d6995e.tmp</t>
  </si>
  <si>
    <t>ff6ae6d3-02a6-42d2-b8da-85819198a99d.tmp</t>
  </si>
  <si>
    <t>\\acsfs\profiles$\cintiadcf\Downloads\ff6ae6d3-02a6-42d2-b8da-85819198a99d.tmp</t>
  </si>
  <si>
    <t>10.12.240.229</t>
  </si>
  <si>
    <t>64-1C-67-9C-32-F0</t>
  </si>
  <si>
    <t>NB-DANUBIACDS</t>
  </si>
  <si>
    <t>keniarso</t>
  </si>
  <si>
    <t>mail.google.com/_/upload?authuser=1&amp;dcp=asu-n&amp;upload_id=AEnB2Uq5mkG_9kew73iD-RW-eN7O2FAFhDyHL63MMgdCwCTTI11o2PNZ6c8wKeJ17ofHkS13XDOZZF2uSzRaR8f2M6OE837tfq9_yTjVva8odmHhI8NCtIY&amp;upload_protocol=resumable</t>
  </si>
  <si>
    <t>\\acsfs\DEPTOS\EDUCACAO EMPRESARIAL\Whirlpool\Educadores\</t>
  </si>
  <si>
    <t>Lista TRN JEC.xlsx</t>
  </si>
  <si>
    <t>lu138892y2ps3x.tmp</t>
  </si>
  <si>
    <t>\\acsfs\DEPTOS\Operacao\Banco_Votorantim\Supervisao\SUPERS BV CARTÕES\ANA VITORIA\APOIO\lu138892y2ps3x.tmp</t>
  </si>
  <si>
    <t>lu138892y2ps44.tmp</t>
  </si>
  <si>
    <t>\\acsfs\DEPTOS\Operacao\Banco_Votorantim\Supervisao\SUPERS BV CARTÕES\ANA VITORIA\APOIO\lu138892y2ps44.tmp</t>
  </si>
  <si>
    <t>RELATORIO DE LOGIN - BV CARTÕES 08-01.xlsm</t>
  </si>
  <si>
    <t>\\acsfs\DEPTOS\Operacao\PCP\5 - Comum\PLANEJAMENTO BV\14 - ACOMPANHAMENTO\1 - REPORT ACOMPANHAMENTO\2020\1 - JANEIRO\CARTÕES\Login Logout Cartões\RELATORIO DE LOGIN - BV CARTÕES 08-01.xlsm</t>
  </si>
  <si>
    <t>f886fc18-2462-44d3-81d3-c9ea34c45b06.tmp</t>
  </si>
  <si>
    <t>\\acsfs\profiles$\lorraynevam\Downloads\f886fc18-2462-44d3-81d3-c9ea34c45b06.tmp</t>
  </si>
  <si>
    <t>b23a6e52-1319-4409-bc67-b6fa9156a92d.tmp</t>
  </si>
  <si>
    <t>\\acsfs\profiles$\maxmillianosv\Downloads\b23a6e52-1319-4409-bc67-b6fa9156a92d.tmp</t>
  </si>
  <si>
    <t>f0ec9128-9c46-49ae-aa64-64a82ce778b6.tmp</t>
  </si>
  <si>
    <t>\\acsfs\profiles$\quindaizaagds\Downloads\f0ec9128-9c46-49ae-aa64-64a82ce778b6.tmp</t>
  </si>
  <si>
    <t>\\acsfs\DEPTOS\Sustentabilidade\40 - Responsabilidade social\8 - Associados\Documentos\</t>
  </si>
  <si>
    <t>Documentos PCDs - Algar Tecnologia.xlsx</t>
  </si>
  <si>
    <t>ances,ancest,ancestorhasaugmentedpermissions,containsunsubscribedchildren,displayname,domain,emailaddress,explicitlytrashed,file(kind,fileid,filesize,hasthumbnail,hasvisitor,hasvisitorpermissions,id,id),items(deleted,items(kind,ken,kind,lastmodifyinguser(kind,lastviewedbymedate,mimetype,modifiedbymedate,modifieddate,nextpagetoken,ontainsunsubscribedchildren,owners(kind,per,permiss,permissionid,pict,pictu,picture,quotabytesus,rpermissions,s pcds - algar tecnologia' and title contains 'xlsx' and trashed = false and '0agn5e4ruwzqtuk9pva' in parents&amp;fields=kind,s' and trashed = false and '0agn5e4ruwzqtuk9pva' in parents&amp;fields=kind,shared,sharedwithmedate,thumbnailversion,title,userpermission(role),workspaceids</t>
  </si>
  <si>
    <t>Documentos PCDs - Algar TI.xlsx</t>
  </si>
  <si>
    <t>ances,ancest,ancestorhasaugmentedpermissions,containsunsubscribedchildren,displayname,domain,emailaddress,explicitlytrashed,file(kind,fileid,filesize,hasthumbnail,hasvisitor,hasvisitorpermissi,hasvisitorpermissions,id,id),items(deleted,items(kind,ken,kind,lastmodifyinguser(kind,lastviewedbymedate,mimetype,modifiedbymedate,modifieddate,ncpizix0===,nextpagetoken,ontainsunsubscribedchildren,owners(kind,per,permiss,permissionid,pict,pictu,picture,quot,quotabytesus,rpermissions,s pcds - algar tecnologia' and title contains 'xlsx' and trashed = false and '0agn5e4ruwzqtuk9pva' in parents&amp;fields=kind,s pcds - algar ti' and title contains 'xlsx' and trashed = false and '0agn5e4ruwzqtuk9pva' in parents&amp;fields=kind,s' and trashed = false and '0agn5e4ruwzqtuk9pva' in parents&amp;fields=kind,shared,sharedwithmedate,thumbnailversion,title,userpermission(role),workspaceids</t>
  </si>
  <si>
    <t>2723f0f4-3589-4622-9110-d42ce33ba820.tmp</t>
  </si>
  <si>
    <t>\\acsfs\profiles$\anafsb\Downloads\2723f0f4-3589-4622-9110-d42ce33ba820.tmp</t>
  </si>
  <si>
    <t>8a98e31b-08dd-428b-bcf7-e21cdd1facd7.tmp</t>
  </si>
  <si>
    <t>\\acsfs\profiles$\Flaviojmm\Downloads\8a98e31b-08dd-428b-bcf7-e21cdd1facd7.tmp</t>
  </si>
  <si>
    <t>image2019-08-01-132434 (1).pdf</t>
  </si>
  <si>
    <t>3012d540-02a9-4440-8b1f-6fd5d607649e.tmp</t>
  </si>
  <si>
    <t>\\acsfs\profiles$\leonardobb\Downloads\3012d540-02a9-4440-8b1f-6fd5d607649e.tmp</t>
  </si>
  <si>
    <t>36747c3f-1ba2-4d82-896a-0e967c840c89.tmp</t>
  </si>
  <si>
    <t>\\acsfs\profiles$\ERICALSR\Downloads\36747c3f-1ba2-4d82-896a-0e967c840c89.tmp</t>
  </si>
  <si>
    <t>"languagecode":"pt-br","requesttype":"live_request","scenariotype":"quick_access"}}access"}}36,"timezone":"-03:00",p",}}access</t>
  </si>
  <si>
    <t>mail.google.com/sync/u/0/i/s?hl=pt-BR&amp;c=878</t>
  </si>
  <si>
    <t>mail.google.com/_/upload?authuser=0&amp;dcp=asu-n&amp;upload_id=AEnB2Uo3frCY0eqIAyb7o6WF5HdagvrpjhnxoQxt0qA8T9HMP8JPGJgBHsyfb2-vUh-TOrbh1X9ZrPIrE5Jd7iocD8-L_2ocWV3JvkNjOcbDeLIuJoWSAE0&amp;upload_protocol=resumable</t>
  </si>
  <si>
    <t>6768cc00-b755-46dc-96a5-95cef9c4079e.tmp</t>
  </si>
  <si>
    <t>\\acsfs\profiles$\maxmillianosv\Downloads\6768cc00-b755-46dc-96a5-95cef9c4079e.tmp</t>
  </si>
  <si>
    <t>ENC: Sites a liberar</t>
  </si>
  <si>
    <t>Sites a liberar.xlsx</t>
  </si>
  <si>
    <t>"mozilla/5.0 (windows nt 6.1) applewebkit/537.36 (khtml;0;1;13;13700014;13700109;13700167;13700185;13700235;13700451;13700563;13700607;13700883;13700946;13700951;13700982;13701078;13701139;13701207;13701235;13701239;13701262;13701276;13701298;13701418;13701422;13701430;13701450;13701458;13701486;13701506;13701510;13701534;13701537]]];13701573;13701577;13701589;13701609;13701614;13701625;13701653;13701657;13701693;13701709;13701749;13701825;13701833;13701901;13701906;13701909;13701921;13701945;13701949;13701953;13701957;13701969;13702064;13702068;13702091;5701393;6.1;78;[1;[[13701214;[[null;[];[false;andrelpsa@algartech.com;drive.web-frontend_20191211.00_p1;fabianacscg@algartech.com;false;false];false]];gampqtp7yn6iriu24ksnqvk-esmg4wwpxf";harunams@algartech.com;like gecko) chrome/79.0.3945.88 safari/537.36";luizffn@algartech.com;mirianppb@algartech.com;null;pt-br;talmaiardo@algartech.com;taysdss@algartech.com;true;</t>
  </si>
  <si>
    <t>"mozilla/5.0 (windows nt 6.1) applewebkit/537.36 (khtml,0,1,13,13700014,13700109,13700167,13700185,13700235,13700451,13700563,13700607,13700883,13700946,13700951,13700982,13701078,13701139,13701207,13701235,13701239,13701262,13701276,13701298,13701418,13701422,13701430,13701450,13701458,13701486,13701506,13701510,13701534,13701537]]],13701573,13701577,13701589,13701609,13701614,13701625,13701653,13701657,13701693,13701709,13701749,13701825,13701833,13701901,13701906,13701909,13701921,13701945,13701949,13701953,13701957,13701969,13702064,13702068,13702091,5701393,6.1,78,[1,[[13701214,[[null,[],[false,andrelpsa@algartech.com,drive.web-frontend_20191211.00_p1,fabianacscg@algartech.com,false,false],false]],gampqtp7yn6iriu24ksnqvk-esmg4wwpxf",harunams@algartech.com,like gecko) chrome/79.0.3945.88 safari/537.36",luizffn@algartech.com,mirianppb@algartech.com,null,pt-br,talmaiardo@algartech.com,taysdss@algartech.com,true</t>
  </si>
  <si>
    <t>f25b5aba-90fa-4a52-baab-8bb790a9b2dd.tmp</t>
  </si>
  <si>
    <t>\\acsfs\profiles$\lorraynevam\Downloads\f25b5aba-90fa-4a52-baab-8bb790a9b2dd.tmp</t>
  </si>
  <si>
    <t>9917e4d9-22b2-4de5-8d8e-56176074e1f8.tmp</t>
  </si>
  <si>
    <t>\\acsfs\profiles$\cintiadcf\Downloads\9917e4d9-22b2-4de5-8d8e-56176074e1f8.tmp</t>
  </si>
  <si>
    <t>3dff0f92-4f60-433e-a200-943020ebc8ef.tmp</t>
  </si>
  <si>
    <t>\\acsfs\profiles$\THYAGOSP\Downloads\3dff0f92-4f60-433e-a200-943020ebc8ef.tmp</t>
  </si>
  <si>
    <t>729557b5-3907-43c3-a219-40a6abd0c490.tmp</t>
  </si>
  <si>
    <t>\\acsfs\profiles$\THYAGOSP\Downloads\729557b5-3907-43c3-a219-40a6abd0c490.tmp</t>
  </si>
  <si>
    <t>48783882-5eea-4d6b-978f-d4905b10aafb.tmp</t>
  </si>
  <si>
    <t>\\acsfs\profiles$\THYAGOSP\Downloads\48783882-5eea-4d6b-978f-d4905b10aafb.tmp</t>
  </si>
  <si>
    <t>0bee7254-ef57-40b8-a83a-f8fe40362e50.tmp</t>
  </si>
  <si>
    <t>\\acsfs\profiles$\geovannasm\Downloads\0bee7254-ef57-40b8-a83a-f8fe40362e50.tmp</t>
  </si>
  <si>
    <t>3fa18a9f-0f65-4dae-a96a-ec94fa61b082.tmp</t>
  </si>
  <si>
    <t>\\acsfs\profiles$\geovannasm\Downloads\3fa18a9f-0f65-4dae-a96a-ec94fa61b082.tmp</t>
  </si>
  <si>
    <t>995e20a6-e01b-497e-96ee-02b454c3d5c2.tmp</t>
  </si>
  <si>
    <t>\\acsfs\profiles$\kellzylenneasr\Downloads\995e20a6-e01b-497e-96ee-02b454c3d5c2.tmp</t>
  </si>
  <si>
    <t>28b14de2-1b00-4073-b323-66fbdfcfe086.tmp</t>
  </si>
  <si>
    <t>\\acsfs\profiles$\andressamf\Downloads\28b14de2-1b00-4073-b323-66fbdfcfe086.tmp</t>
  </si>
  <si>
    <t>7e2d4562-4faa-4312-98ac-5e89c896ccf0.tmp</t>
  </si>
  <si>
    <t>\\acsfs\profiles$\LUISPLS\Downloads\7e2d4562-4faa-4312-98ac-5e89c896ccf0.tmp</t>
  </si>
  <si>
    <t>ac164385-091b-4092-8279-184568dbca38.tmp</t>
  </si>
  <si>
    <t>\\acsfs\profiles$\LUISPLS\Downloads\ac164385-091b-4092-8279-184568dbca38.tmp</t>
  </si>
  <si>
    <t>CONTA 629588 MC - OPERADORA KARLA BARBOSA DA SILVA_1_6775954673580971283_1_32.wav</t>
  </si>
  <si>
    <t>\\acsfs\Deptos\EDUCACAO EMPRESARIAL\KÉSIA\CONTA 629588 MC - OPERADORA KARLA BARBOSA DA SILVA_1_6775954673580971283_1_32.wav</t>
  </si>
  <si>
    <t>aad16cf2-f4b7-4b47-bc41-7e6877bd8150.tmp</t>
  </si>
  <si>
    <t>\\acsfs\profiles$\geovannasm\Downloads\aad16cf2-f4b7-4b47-bc41-7e6877bd8150.tmp</t>
  </si>
  <si>
    <t>d2676ef6-fac0-400b-a718-bade568fbf8e.tmp</t>
  </si>
  <si>
    <t>\\acsfs\profiles$\leticiala\Downloads\d2676ef6-fac0-400b-a718-bade568fbf8e.tmp</t>
  </si>
  <si>
    <t>mail.google.com/_/upload?authuser=0&amp;dcp=asu-n&amp;upload_id=AEnB2Uq-MiOoyVQEEaTxJ2qZreBj0zj_z6u5FaZQnypwTd_MsOwZ_Phv7IqnlVOmeU_HCkc_Dj9JQeCuxK1LB8cpECOeY9LMl8uWoYXE2HWJiuLJGM7Byx0&amp;upload_protocol=resumable</t>
  </si>
  <si>
    <t>CONTA 629588 MC - NEUSA INOCENCIO ROMANI.pdf</t>
  </si>
  <si>
    <t>bvs-centralcartoes@bv.com.br;fernandaab@algartech.com;fernandorsju@algartech.com;talmaiardo@algartech.com;thiagordu@algartech.com;</t>
  </si>
  <si>
    <t>bvs-centralcartoes@bv.com.br,fernandaab@algartech.com,fernandorsju@algartech.com,talmaiardo@algartech.com,thiagordu@algartech.com</t>
  </si>
  <si>
    <t>c00780fb-d343-4b0e-8eb5-f75c2b5a7448.tmp</t>
  </si>
  <si>
    <t>\\acsfs\profiles$\regisedsj\Downloads\c00780fb-d343-4b0e-8eb5-f75c2b5a7448.tmp</t>
  </si>
  <si>
    <t>c2a9753a-d20e-4827-a2bb-4b657741c223.tmp</t>
  </si>
  <si>
    <t>\\acsfs\profiles$\paulovadc\Downloads\c2a9753a-d20e-4827-a2bb-4b657741c223.tmp</t>
  </si>
  <si>
    <t>\\acsfs\DEPTOS\Sustentabilidade\40 - Responsabilidade social\8 - Associados\Lista Associados por mês\2019\</t>
  </si>
  <si>
    <t>Evolução PCD-2019.xlsx</t>
  </si>
  <si>
    <t>ancest,ancestorhasaugmentedpermissions,containsunsubscribedchildren,displayname,domain,emailaddress,explicitlytrashed,file(kind,fileid,filesize,hasthumbna,hasthumbnail,hasvisitorpermissions,id,id),items(deleted,items(kind,ken,kind,lastmodifyinguser(kind,lastviewedbymedate,mimetype�,modifiedbymedate,modifieddate,ontainsunsubscribedchildren,owners(kind,per,permissionid,pictu,picture,rpermissions,shared,sharedwithmedate,thumbnailversion,title,userpermission(role),workspaceids</t>
  </si>
  <si>
    <t>Check List - BV CARTOES_.xlsx</t>
  </si>
  <si>
    <t>\\acsfs\DEPTOS\Operacao\Banco_Votorantim\Qualidade\Anderson\Jose\Check List - BV CARTOES_.xlsx</t>
  </si>
  <si>
    <t>b65a8719-c448-44df-a08a-040928c1e8b4.tmp</t>
  </si>
  <si>
    <t>\\acsfs\profiles$\ayalabfi\Downloads\b65a8719-c448-44df-a08a-040928c1e8b4.tmp</t>
  </si>
  <si>
    <t>ATEC-2017-0019-002_-_TRANSFORMACAO_DIGITAL_GRC_(1)_Classificacao V2.xlsx</t>
  </si>
  <si>
    <t>ab26fb9a-e230-49ba-b9ae-f2c85e09375b.tmp</t>
  </si>
  <si>
    <t>\\acsfs\profiles$\vivianealda\Downloads\ab26fb9a-e230-49ba-b9ae-f2c85e09375b.tmp</t>
  </si>
  <si>
    <t>3836b143-c62c-45db-b23f-f05ee70b155d.tmp</t>
  </si>
  <si>
    <t>\\acsfs\profiles$\joycemmdl\Downloads\3836b143-c62c-45db-b23f-f05ee70b155d.tmp</t>
  </si>
  <si>
    <t>mail.google.com/_/upload?authuser=1&amp;dcp=asu-n&amp;upload_id=AEnB2UqDRtI3GCASKcDcqUzQLL9oyFDmzZTJ8MMdr9cKjZrPndsmJdfhxip3vfofpMaB8Y_IaM9bYyCfzHRhDBRda5dL3SzmQzCdRgoKsM36wgH-tNwdjF0&amp;upload_protocol=resumable</t>
  </si>
  <si>
    <t>Vendas_Televendas_NOV-DEZ_2.xlsx</t>
  </si>
  <si>
    <t>9302ebe0-c553-421f-87d1-f104b98d06a7.tmp</t>
  </si>
  <si>
    <t>\\acsfs\profiles$\larissaad\Downloads\9302ebe0-c553-421f-87d1-f104b98d06a7.tmp</t>
  </si>
  <si>
    <t>14c7fac2-b118-4698-8632-32a41b917141.tmp</t>
  </si>
  <si>
    <t>\\acsfs\profiles$\larissaad\Downloads\14c7fac2-b118-4698-8632-32a41b917141.tmp</t>
  </si>
  <si>
    <t>Formulário TTV - Lançamento de Atraso de Jornada.xlsx</t>
  </si>
  <si>
    <t>lu145166npul.tmp</t>
  </si>
  <si>
    <t>\\acsfs\profiles$\VIVIANALDS\My Documents\lu145166npul.tmp</t>
  </si>
  <si>
    <t>\\acsfs\profiles$\VIVIANALDS\My Documents\lu145166npul.tmp\</t>
  </si>
  <si>
    <t>\\acsfs\profiles$\VIVIANALDS\My Documents\lu145166npul.tmp\META-INF\</t>
  </si>
  <si>
    <t>\\acsfs\profiles$\VIVIANALDS\My Documents\lu145166npul.tmp\Thumbnails\</t>
  </si>
  <si>
    <t>aa9a2209-9113-4f29-abec-4186532507dc.tmp</t>
  </si>
  <si>
    <t>\\acsfs\profiles$\joycemmdl\Downloads\aa9a2209-9113-4f29-abec-4186532507dc.tmp</t>
  </si>
  <si>
    <t>lu16188ru6ta.tmp</t>
  </si>
  <si>
    <t>\\acsfs\profiles$\victoriaksr\My Documents\lu16188ru6ta.tmp</t>
  </si>
  <si>
    <t>6bdc505d-548b-4826-b590-89ca9aa9ce6d.tmp</t>
  </si>
  <si>
    <t>\\acsfs\profiles$\gabrielamdp\Downloads\6bdc505d-548b-4826-b590-89ca9aa9ce6d.tmp</t>
  </si>
  <si>
    <t>9a0e17a9-d12e-43ec-b0d6-867fda0adbe4.tmp</t>
  </si>
  <si>
    <t>\\acsfs\profiles$\brendadsl\Downloads\9a0e17a9-d12e-43ec-b0d6-867fda0adbe4.tmp</t>
  </si>
  <si>
    <t>bdb9167d-9408-4ea7-bf40-d271e4987ab1.tmp</t>
  </si>
  <si>
    <t>\\acsfs\profiles$\brendadsl\Downloads\bdb9167d-9408-4ea7-bf40-d271e4987ab1.tmp</t>
  </si>
  <si>
    <t>719431b5-d8a5-44bf-99de-5e237dcd6dc0.tmp</t>
  </si>
  <si>
    <t>\\acsfs\profiles$\brendadsl\Downloads\719431b5-d8a5-44bf-99de-5e237dcd6dc0.tmp</t>
  </si>
  <si>
    <t>f0668274-47b5-471a-b1b9-6c23b1cd69e5.tmp</t>
  </si>
  <si>
    <t>\\acsfs\profiles$\brendadsl\Downloads\f0668274-47b5-471a-b1b9-6c23b1cd69e5.tmp</t>
  </si>
  <si>
    <t>7818e780-b177-418f-8c04-fa38893c95bb.tmp</t>
  </si>
  <si>
    <t>\\acsfs\profiles$\brendadsl\Downloads\7818e780-b177-418f-8c04-fa38893c95bb.tmp</t>
  </si>
  <si>
    <t>45d7d0b0-e1f1-4bc1-8712-c9e995b9698a.tmp</t>
  </si>
  <si>
    <t>\\acsfs\profiles$\brendadsl\Downloads\45d7d0b0-e1f1-4bc1-8712-c9e995b9698a.tmp</t>
  </si>
  <si>
    <t>056fabe3-3738-4e26-ae2c-b5295d5e1c43.tmp</t>
  </si>
  <si>
    <t>\\acsfs\profiles$\gabrielafs\Downloads\056fabe3-3738-4e26-ae2c-b5295d5e1c43.tmp</t>
  </si>
  <si>
    <t>0605dc67-2f30-43d9-99f6-d0fd39903aae.tmp</t>
  </si>
  <si>
    <t>\\acsfs\profiles$\regisedsj\Downloads\0605dc67-2f30-43d9-99f6-d0fd39903aae.tmp</t>
  </si>
  <si>
    <t>72af8228-eeec-4be3-adf4-31cc2b50abf9.tmp</t>
  </si>
  <si>
    <t>\\acsfs\profiles$\wenderbnm\Downloads\72af8228-eeec-4be3-adf4-31cc2b50abf9.tmp</t>
  </si>
  <si>
    <t>e82f08c2-bc6c-4b96-baa0-3decfe555b8c.tmp</t>
  </si>
  <si>
    <t>\\acsfs\profiles$\wenderbnm\Downloads\e82f08c2-bc6c-4b96-baa0-3decfe555b8c.tmp</t>
  </si>
  <si>
    <t>8b30c9a0-b5bb-4181-8986-268cbd2467d4.tmp</t>
  </si>
  <si>
    <t>\\acsfs\profiles$\ayalabfi\Downloads\8b30c9a0-b5bb-4181-8986-268cbd2467d4.tmp</t>
  </si>
  <si>
    <t>e5328d17-215d-42f8-a5f9-cd2be3ed0e13.tmp</t>
  </si>
  <si>
    <t>\\acsfs\profiles$\vivianalds\Downloads\e5328d17-215d-42f8-a5f9-cd2be3ed0e13.tmp</t>
  </si>
  <si>
    <t>lu16188ru6th.tmp</t>
  </si>
  <si>
    <t>\\acsfs\profiles$\victoriaksr\My Documents\lu16188ru6th.tmp</t>
  </si>
  <si>
    <t>5ea841e4-e1ec-4b69-bfd6-d12a97d799e2.tmp</t>
  </si>
  <si>
    <t>\\acsfs\profiles$\laylaams\Downloads\5ea841e4-e1ec-4b69-bfd6-d12a97d799e2.tmp</t>
  </si>
  <si>
    <t>cec4a3d2-a5d3-4d5a-ae93-4093a794c9a8.tmp</t>
  </si>
  <si>
    <t>\\acsfs\profiles$\gabrielamdp\Downloads\cec4a3d2-a5d3-4d5a-ae93-4093a794c9a8.tmp</t>
  </si>
  <si>
    <t>200a54e4-f960-4c68-bfbd-56b01bbb79bc.tmp</t>
  </si>
  <si>
    <t>\\acsfs\profiles$\brendadsl\Downloads\200a54e4-f960-4c68-bfbd-56b01bbb79bc.tmp</t>
  </si>
  <si>
    <t>dab0ff2b-aba3-4804-a700-15a480c42b92.tmp</t>
  </si>
  <si>
    <t>\\acsfs\profiles$\regisadsa\Downloads\dab0ff2b-aba3-4804-a700-15a480c42b92.tmp</t>
  </si>
  <si>
    <t>803db31e-cd16-43ab-b688-9464e793298b.tmp</t>
  </si>
  <si>
    <t>\\acsfs\profiles$\regisadsa\Downloads\803db31e-cd16-43ab-b688-9464e793298b.tmp</t>
  </si>
  <si>
    <t>144ead43-00f6-4a8f-a3fd-4643448f4e4b.tmp</t>
  </si>
  <si>
    <t>\\acsfs\profiles$\quindaizaagds\Downloads\144ead43-00f6-4a8f-a3fd-4643448f4e4b.tmp</t>
  </si>
  <si>
    <t>e7441985-d4d9-4dcd-89a5-505094def8ed.tmp</t>
  </si>
  <si>
    <t>\\acsfs\profiles$\quindaizaagds\Downloads\e7441985-d4d9-4dcd-89a5-505094def8ed.tmp</t>
  </si>
  <si>
    <t>622bd0cf-dece-4850-8d7a-1abe9484911b.tmp</t>
  </si>
  <si>
    <t>\\acsfs\profiles$\quindaizaagds\Downloads\622bd0cf-dece-4850-8d7a-1abe9484911b.tmp</t>
  </si>
  <si>
    <t>6b05d382-afed-4385-a359-b408e8e77e32.tmp</t>
  </si>
  <si>
    <t>\\acsfs\profiles$\quindaizaagds\Downloads\6b05d382-afed-4385-a359-b408e8e77e32.tmp</t>
  </si>
  <si>
    <t>4666bd2c-c97b-4dcc-bf3d-4da3303367a8.tmp</t>
  </si>
  <si>
    <t>\\acsfs\profiles$\quindaizaagds\Downloads\4666bd2c-c97b-4dcc-bf3d-4da3303367a8.tmp</t>
  </si>
  <si>
    <t>74d1c283-4e60-44d2-8daf-a180ba5a3bf4.tmp</t>
  </si>
  <si>
    <t>\\acsfs\profiles$\quindaizaagds\Downloads\74d1c283-4e60-44d2-8daf-a180ba5a3bf4.tmp</t>
  </si>
  <si>
    <t>cb55e0ee-b057-495f-b0af-294d6d1a5ed2.tmp</t>
  </si>
  <si>
    <t>\\acsfs\profiles$\quindaizaagds\Downloads\cb55e0ee-b057-495f-b0af-294d6d1a5ed2.tmp</t>
  </si>
  <si>
    <t>e89790f7-94a9-47d1-957d-3fb3c81b1c92.tmp</t>
  </si>
  <si>
    <t>\\acsfs\profiles$\quindaizaagds\Downloads\e89790f7-94a9-47d1-957d-3fb3c81b1c92.tmp</t>
  </si>
  <si>
    <t>03e3f44e-adf1-4928-88a0-e22512ce4c96.tmp</t>
  </si>
  <si>
    <t>\\acsfs\profiles$\quindaizaagds\Downloads\03e3f44e-adf1-4928-88a0-e22512ce4c96.tmp</t>
  </si>
  <si>
    <t>5a477d83-4b85-4329-9055-a6da3ffc3fa0.tmp</t>
  </si>
  <si>
    <t>\\acsfs\profiles$\quindaizaagds\Downloads\5a477d83-4b85-4329-9055-a6da3ffc3fa0.tmp</t>
  </si>
  <si>
    <t>100de822-756a-40a8-98c5-7578df271080.tmp</t>
  </si>
  <si>
    <t>\\acsfs\profiles$\quindaizaagds\Downloads\100de822-756a-40a8-98c5-7578df271080.tmp</t>
  </si>
  <si>
    <t>C:\Users\tatiane.rodrigues\Downloads\FO 210 - Contrato ALGAR - 4600200685 - GPROJ - Petrobras.zip\</t>
  </si>
  <si>
    <t>Previa do Relatorio de Pagamento Ref. Abril 2019 - CONSOLIDADO v1.xlsx</t>
  </si>
  <si>
    <t>c24ad8e5-e80f-4df1-8b8e-626439c8607d.tmp</t>
  </si>
  <si>
    <t>\\acsfs\profiles$\sarahbal\Downloads\c24ad8e5-e80f-4df1-8b8e-626439c8607d.tmp</t>
  </si>
  <si>
    <t>5e0ac3ce-7b73-4253-a3c0-f546be87d1fa.tmp</t>
  </si>
  <si>
    <t>\\acsfs\profiles$\fabianafv\Downloads\5e0ac3ce-7b73-4253-a3c0-f546be87d1fa.tmp</t>
  </si>
  <si>
    <t>C:\Users\kesiadof\Downloads\MODELO DE LAUDO EM BRANCO (5) - Cópia - Cópia - Cópia.docx\</t>
  </si>
  <si>
    <t>image1.wmf</t>
  </si>
  <si>
    <t>image10.wmf</t>
  </si>
  <si>
    <t>image2.wmf</t>
  </si>
  <si>
    <t>image20.wmf</t>
  </si>
  <si>
    <t>MODELO DE LAUDO EM BRANCO (5) - Cópia - Cópia - Cópia.docx</t>
  </si>
  <si>
    <t>9de601a8-f6e9-4ad4-9e22-9b73d6e82af0.tmp</t>
  </si>
  <si>
    <t>\\acsfs\profiles$\gabrielamdp\Downloads\9de601a8-f6e9-4ad4-9e22-9b73d6e82af0.tmp</t>
  </si>
  <si>
    <t>e623c318-facd-41ec-ba1f-d271ada90337.tmp</t>
  </si>
  <si>
    <t>\\acsfs\profiles$\KARENJSS\Downloads\e623c318-facd-41ec-ba1f-d271ada90337.tmp</t>
  </si>
  <si>
    <t>1807f203-69b7-4d3c-b1e8-f36e5efcd4c5.tmp</t>
  </si>
  <si>
    <t>\\acsfs\profiles$\KARENJSS\Downloads\1807f203-69b7-4d3c-b1e8-f36e5efcd4c5.tmp</t>
  </si>
  <si>
    <t>Não confirmado 65321.crdownload</t>
  </si>
  <si>
    <t>\\acsfs\ACS\Gabriel da Silva\Contemporânea\NPS\NPS_Voz\Janeiro.20\Não confirmado 65321.crdownload</t>
  </si>
  <si>
    <t>f749f360-e325-4fa8-94b8-1a44b49b4172.tmp</t>
  </si>
  <si>
    <t>\\acsfs\profiles$\regisadsa\Downloads\f749f360-e325-4fa8-94b8-1a44b49b4172.tmp</t>
  </si>
  <si>
    <t>66507d53-8515-43af-af50-60c634740918.tmp</t>
  </si>
  <si>
    <t>\\acsfs\profiles$\quindaizaagds\Downloads\66507d53-8515-43af-af50-60c634740918.tmp</t>
  </si>
  <si>
    <t>d237c734-4f3d-4e63-97f7-f77c07c50422.tmp</t>
  </si>
  <si>
    <t>\\acsfs\profiles$\fabianafv\Downloads\d237c734-4f3d-4e63-97f7-f77c07c50422.tmp</t>
  </si>
  <si>
    <t>C:\Users\kesiadof\Downloads\LAUDO.docx\</t>
  </si>
  <si>
    <t>\\acsfs\Deptos\EDUCACAO EMPRESARIAL\KÉSIA\LAUDO.docx</t>
  </si>
  <si>
    <t>LAUDO.docx</t>
  </si>
  <si>
    <t>0b3018b4-d584-4302-b9df-27bc33714db1.tmp</t>
  </si>
  <si>
    <t>\\acsfs\profiles$\KARENJSS\Downloads\0b3018b4-d584-4302-b9df-27bc33714db1.tmp</t>
  </si>
  <si>
    <t>01f2d158-5295-4d30-a392-7d0d6ab0aaa1.tmp</t>
  </si>
  <si>
    <t>\\acsfs\profiles$\KARENJSS\Downloads\01f2d158-5295-4d30-a392-7d0d6ab0aaa1.tmp</t>
  </si>
  <si>
    <t>2d40b029-3234-490d-bca2-3d5ad17dbe29.tmp</t>
  </si>
  <si>
    <t>\\acsfs\profiles$\alinepp\Downloads\2d40b029-3234-490d-bca2-3d5ad17dbe29.tmp</t>
  </si>
  <si>
    <t>2ab3cd67-90b9-4e62-89cf-7702cbdb6331.tmp</t>
  </si>
  <si>
    <t>\\acsfs\profiles$\alinepp\Downloads\2ab3cd67-90b9-4e62-89cf-7702cbdb6331.tmp</t>
  </si>
  <si>
    <t>bd0bd80e-5a89-4565-b71a-026c439f08ff.tmp</t>
  </si>
  <si>
    <t>\\acsfs\profiles$\alinepp\Downloads\bd0bd80e-5a89-4565-b71a-026c439f08ff.tmp</t>
  </si>
  <si>
    <t>7ae2dd33-e3d0-4f38-8ca2-a06289e8632f.tmp</t>
  </si>
  <si>
    <t>\\acsfs\profiles$\alinepp\Downloads\7ae2dd33-e3d0-4f38-8ca2-a06289e8632f.tmp</t>
  </si>
  <si>
    <t>c3d5b066-49bc-41c3-bdd4-39b2f507d254.tmp</t>
  </si>
  <si>
    <t>\\acsfs\profiles$\alinepp\Downloads\c3d5b066-49bc-41c3-bdd4-39b2f507d254.tmp</t>
  </si>
  <si>
    <t>http:///batch?%24ct=multipart%2Fmixed%3B%20boundary%3D%22%3D%3D%3D%3D%3Dh2wzld5lc659%3D%3D%3D%3D%3D%22&amp;key=AIzaSyAy9VVXHSpS2IJpptzYtGbLP3-3_l0aBk4</t>
  </si>
  <si>
    <t>http:///batch?%24ct=multipart%2Fmixed%3B%20boundary%3D%22%3D%3D%3D%3D%3Djln9qavqlsbw%3D%3D%3D%3D%3D%22&amp;key=AIzaSyAy9VVXHSpS2IJpptzYtGbLP3-3_l0aBk4</t>
  </si>
  <si>
    <t>http:///batch?%24ct=multipart%2Fmixed%3B%20boundary%3D%22%3D%3D%3D%3D%3Dr7yn8q7l0t2w%3D%3D%3D%3D%3D%22&amp;key=AIzaSyAy9VVXHSpS2IJpptzYtGbLP3-3_l0aBk4</t>
  </si>
  <si>
    <t>ancestorhasaugmentedpermissions;containsunsubscribedchildren;dis;displayname;domain;emailaddress;file(kind;fileid;filesize;hasthumbnail;hasvisitorpermissions;id;id);items(deleted;ken;kind;lastmodifyi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rmissions,containsunsubscribedchildren,dis,displayname,domain,emailaddress,file(kind,fileid,filesize,hasthumbnail,hasvisitorpermissions,id,id),items(deleted,ken,kind,lastmodifyi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kt5s0x9tbje4%3D%3D%3D%3D%3D%22&amp;key=AIzaSyAy9VVXHSpS2IJpptzYtGbLP3-3_l0aBk4</t>
  </si>
  <si>
    <t>ancestorhasaugmen;ancestorhasaugmentedpermissions;containsunsubscribedchildren;dis;displayname;domain;emaila;emailaddress;file(kind;fileid;filesize;hasthumbnail;hasvisitorpermissions;id;id);items(deleted;ken;kind;lastmodifyi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,ancestorhasaugmentedpermissions,containsunsubscribedchildren,dis,displayname,domain,emaila,emailaddress,file(kind,fileid,filesize,hasthumbnail,hasvisitorpermissions,id,id),items(deleted,ken,kind,lastmodifyi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77wvr63t27m8%3D%3D%3D%3D%3D%22&amp;key=AIzaSyAy9VVXHSpS2IJpptzYtGbLP3-3_l0aBk4</t>
  </si>
  <si>
    <t>http:///batch?%24ct=multipart%2Fmixed%3B%20boundary%3D%22%3D%3D%3D%3D%3Dt3mtjruwfiwo%3D%3D%3D%3D%3D%22&amp;key=AIzaSyAy9VVXHSpS2IJpptzYtGbLP3-3_l0aBk4</t>
  </si>
  <si>
    <t>http:///batch?%24ct=multipart%2Fmixed%3B%20boundary%3D%22%3D%3D%3D%3D%3D9vtp5ti5704n%3D%3D%3D%3D%3D%22&amp;key=AIzaSyAy9VVXHSpS2IJpptzYtGbLP3-3_l0aBk4</t>
  </si>
  <si>
    <t>http:///batch?%24ct=multipart%2Fmixed%3B%20boundary%3D%22%3D%3D%3D%3D%3D8xyc18n7poi%3D%3D%3D%3D%3D%22&amp;key=AIzaSyAy9VVXHSpS2IJpptzYtGbLP3-3_l0aBk4</t>
  </si>
  <si>
    <t>http:///batch?%24ct=multipart%2Fmixed%3B%20boundary%3D%22%3D%3D%3D%3D%3Doryickh2woyc%3D%3D%3D%3D%3D%22&amp;key=AIzaSyAy9VVXHSpS2IJpptzYtGbLP3-3_l0aBk4</t>
  </si>
  <si>
    <t>http:///batch?%24ct=multipart%2Fmixed%3B%20boundary%3D%22%3D%3D%3D%3D%3D3zurek80a8p%3D%3D%3D%3D%3D%22&amp;key=AIzaSyAy9VVXHSpS2IJpptzYtGbLP3-3_l0aBk4</t>
  </si>
  <si>
    <t>0;0.491;0.491];0.668;0];1011.634999999842;1013.3900000000722;12.854];137.449;21.464;21.464];3;38.750000000618456;4.324999999880674;4.815000000235159;4.842;43.79999999946449;43.83499999948981;46.61500000020169;47.25499999949534;49.40499999975145;57.13999999989028;6.009];700";890.048];890.664999999899;890.8599999995204;901.8799999994371;902.5799999999435;902.8650000000198;903.0999999995402;903.440000000046;:400;["https://www.gstatic.com/images/branding/googlelogo/s;css;https://apis.google.com/js/api.js;https://drive.google.com/_/drive_fe/_/ss/k=drive_fe.main.-gmtuyfb358zg.l.w.o/am=mbrqmnyi_cf4iqam/d=0/ct=zgms/rs=afb8gszwmchzjen06kyx7k2bwm_fm3kc2g;https://fonts.gstatic.com/s/googlesans/v14/4uagrenhsxjlgdugo1oill3owp4.woff2;https://lh3.googleusercontent.com/-5zafbiayz9e/aaaaaaaaaai/aaaaaaaaaaa/achi3rfkm0fbp8ijga2phgulxs6awanbsg.cmid/s32-c/photo.jpg;https://ssl.gstatic.com/images/icons/material/system/svg/help_outline_24px.svg;https://ssl.gstatic.com/images/icons/material/system_gm/svg/settings_24px.svg;https://ww</t>
  </si>
  <si>
    <t>http://0,0.491,0.491],0.668,0],1011.634999999842,1013.3900000000722,12.854],137.449,21.464,21.464],3,38.750000000618456,4.324999999880674,4.815000000235159,4.842,43.79999999946449,43.83499999948981,46.61500000020169,47.25499999949534,49.40499999975145,57.13999999989028,6.009],700",890.048],890.664999999899,890.8599999995204,901.8799999994371,902.5799999999435,902.8650000000198,903.0999999995402,903.440000000046,:400,["https://www.gstatic.com/images/branding/googlelogo/s,css,https://apis.google.com/js/api.js,https://drive.google.com/_/drive_fe/_/ss/k=drive_fe.main.-gmtuyfb358zg.l.w.o/am=mbrqmnyi_cf4iqam/d=0/ct=zgms/rs=afb8gszwmchzjen06kyx7k2bwm_fm3kc2g,https://fonts.gstatic.com/s/googlesans/v14/4uagrenhsxjlgdugo1oill3owp4.woff2,https://lh3.googleusercontent.com/-5zafbiayz9e/aaaaaaaaaai/aaaaaaaaaaa/achi3rfkm0fbp8ijga2phgulxs6awanbsg.cmid/s32-c/photo.jpg,https://ssl.gstatic.com/images/icons/material/system/svg/help_outline_24px.svg,https://ssl.gstatic.com/images/icons/material/system_gm/svg/settings_24px.svg,htt</t>
  </si>
  <si>
    <t>0;0.491;0.491];0.668;0];1011.634999999842;1013.3900000000722;1014.0599999995175;1014.6799999993164;1016.4299999996729;1039.2099999999118;1054.1199999997843;1054.8049999997602;1071.8849999993836;1080.8600000000297;12.854];1252.3649999993722;127.98500000008062;13.636;13.78999999997177;1300.8549999995012;137.449;1398.8899999994828;15.344;15.344];15.552;15.552];1590.918];17.585000000508444;176.26000000018394;179.95500000051834;2.209999999649881;21.464;21.464];21.7;21.7];27.27500000037253;28.74500000052649;3;3.0249999999796273;3.6900000004607136;33.212;33.212];38.434];38.750000000618456;4;4.324999999880674;4.815000000235159;4.842;43.79999999946449;43.83499999948981;46.61500000020169;47.25499999949534;49.40499999975145;5;508.184;57.13999999989028;6.009];700";890.048];890.664999999899;890.8599999995204;901.8799999994371;902.5799999999435;902.8650000000198;903.0999999995402;903.440000000046;:400;["https://clients6.google.com/drive/v2internal/about?opendrive=true&amp;reason=301&amp;synctype=0&amp;errorrecovery=false&amp;fields=kind%2</t>
  </si>
  <si>
    <t>http://0,0.491,0.491],0.668,0],1011.634999999842,1013.3900000000722,1014.0599999995175,1014.6799999993164,1016.4299999996729,1039.2099999999118,1054.1199999997843,1054.8049999997602,1071.8849999993836,1080.8600000000297,12.854],1252.3649999993722,127.98500000008062,13.636,13.78999999997177,1300.8549999995012,137.449,1398.8899999994828,15.344,15.344],15.552,15.552],1590.918],17.585000000508444,176.26000000018394,179.95500000051834,2.209999999649881,21.464,21.464],21.7,21.7],27.27500000037253,28.74500000052649,3,3.0249999999796273,3.6900000004607136,33.212,33.212],38.434],38.750000000618456,4,4.324999999880674,4.815000000235159,4.842,43.79999999946449,43.83499999948981,46.61500000020169,47.25499999949534,49.40499999975145,5,508.184,57.13999999989028,6.009],700",890.048],890.664999999899,890.8599999995204,901.8799999994371,902.5799999999435,902.8650000000198,903.0999999995402,903.440000000046,:400,["https://clients6.google.com/drive/v2internal/about?opendrive=true&amp;reason=301&amp;synctype=0&amp;errorrecovery=false&amp;fields</t>
  </si>
  <si>
    <t>0;0.491;0.491];0.668;0];1011.634999999842;1013.3900000000722;1014.0599999995175;1014.6799999993164;1016.4299999996729;1039.2099999999118;1054.1199999997843;1054.8049999997602;1071.8849999993836;1080.8600000000297;12.854];1252.3649999993722;127.128;127.98500000008062;13.636;13.78999999997177;1300.8549999995012;137.449;1398.8899999994828;1404.3599999995422;1410.129999999299;1481.019999999262;15.344;15.344];15.552;15.552];1526.6649999994115;153.14500000022235;1590.918];17.585000000508444;176.26000000018394;179.95500000051834;197.055000000546;197.7550000001429;2.209999999649881;202.9899999997724;21.464;21.464];21.7;21.7];27.27500000037253;28.74500000052649;3;3.0249999999796273;3.6900000004607136;33.212;33.212];38.434];38.750000000618456;4;4.324999999880674;4.815000000235159;4.842;43.79999999946449;43.83499999948981;445.369];46.61500000020169;47.25499999949534;49.40499999975145;5;508.184;57.13999999989028;6.009];700";890.048];890.664999999899;890.8599999995204;901.8799999994371;902.5799999999435;902.8650000000198;</t>
  </si>
  <si>
    <t>http://0,0.491,0.491],0.668,0],1011.634999999842,1013.3900000000722,1014.0599999995175,1014.6799999993164,1016.4299999996729,1039.2099999999118,1054.1199999997843,1054.8049999997602,1071.8849999993836,1080.8600000000297,12.854],1252.3649999993722,127.128,127.98500000008062,13.636,13.78999999997177,1300.8549999995012,137.449,1398.8899999994828,1404.3599999995422,1410.129999999299,1481.019999999262,15.344,15.344],15.552,15.552],1526.6649999994115,153.14500000022235,1590.918],17.585000000508444,176.26000000018394,179.95500000051834,197.055000000546,197.7550000001429,2.209999999649881,202.9899999997724,21.464,21.464],21.7,21.7],27.27500000037253,28.74500000052649,3,3.0249999999796273,3.6900000004607136,33.212,33.212],38.434],38.750000000618456,4,4.324999999880674,4.815000000235159,4.842,43.79999999946449,43.83499999948981,445.369],46.61500000020169,47.25499999949534,49.40499999975145,5,508.184,57.13999999989028,6.009],700",890.048],890.664999999899,890.8599999995204,901.8799999994371,902.5799999999435,902.8650000</t>
  </si>
  <si>
    <t>0;0.491;0.491];0.668;0];1.553;1011.634999999842;1013.3900000000722;1014.0599999995175;1014.6799999993164;1016.4299999996729;1039.2099999999118;1054.1199999997843;1054.8049999997602;1071.8849999993836;1080.8600000000297;12.854];1252.3649999993722;127.128;127.98500000008062;13.636;13.78999999997177;1300.8549999995012;137.449;139.41500000055385;139.89499999934196;1398.8899999994828;1404.3599999995422;1410.129999999299;1413.2849999996324;1481.019999999262;15.344;15.344];15.436;15.436];15.552;15.552];1526.6649999994115;153.14500000022235;1552.165000000059;1590.918];1680.4349999993065;17.585000000508444;1725.4499999999098;176.26000000018394;179.95500000051834;1968.5549999994691;197.055000000546;197.7550000001429;2.209999999649881;202.9899999997724;2083.5950000000594;21.464;21.464];21.7;21.7];27.27500000037253;276.70500000022;28.74500000052649;3;3.0249999999796273;3.6900000004607136;3.791];33.212;33.212];38.434];38.750000000618456;4;4.324999999880674;4.609999999956926;4.815000000235159;4.842;43.79999999946449;43.834</t>
  </si>
  <si>
    <t>http://0,0.491,0.491],0.668,0],1.553,1011.634999999842,1013.3900000000722,1014.0599999995175,1014.6799999993164,1016.4299999996729,1039.2099999999118,1054.1199999997843,1054.8049999997602,1071.8849999993836,1080.8600000000297,12.854],1252.3649999993722,127.128,127.98500000008062,13.636,13.78999999997177,1300.8549999995012,137.449,139.41500000055385,139.89499999934196,1398.8899999994828,1404.3599999995422,1410.129999999299,1413.2849999996324,1481.019999999262,15.344,15.344],15.436,15.436],15.552,15.552],1526.6649999994115,153.14500000022235,1552.165000000059,1590.918],1680.4349999993065,17.585000000508444,1725.4499999999098,176.26000000018394,179.95500000051834,1968.5549999994691,197.055000000546,197.7550000001429,2.209999999649881,202.9899999997724,2083.5950000000594,21.464,21.464],21.7,21.7],27.27500000037253,276.70500000022,28.74500000052649,3,3.0249999999796273,3.6900000004607136,3.791],33.212,33.212],38.434],38.750000000618456,4,4.324999999880674,4.609999999956926,4.815000000235159,4.842,43.79999999946449</t>
  </si>
  <si>
    <t>0;0.491;0.491];0.591;0.668;0.973;0];1.274];1.553;1011.634999999842;1013.3900000000722;1014.0599999995175;1014.6799999993164;1016.4299999996729;1039.2099999999118;1054.1199999997843;1054.8049999997602;1071.8849999993836;1080.8600000000297;110.0349999996979;12.854];12.924];1252.3649999993722;127.128;127.98500000008062;13.636;13.78999999997177;1300.8549999995012;137.449;139.41500000055385;139.89499999934196;1398.8899999994828;1404.3599999995422;1410.129999999299;1413.2849999996324;1481.019999999262;15.344;15.344];15.436;15.436];15.552;15.552];1526.6649999994115;153.14500000022235;1552.165000000059;1590.918];160.11000000071363;1680.4349999993065;17.585000000508444;1725.4499999999098;176.26000000018394;179.95500000051834;1968.5549999994691;197.055000000546;197.7550000001429;2.209999999649881;2.301];2.434999999422871;2016.9999999998254;202.9899999997724;2083.5950000000594;21.464;21.464];21.7;21.7];2139.934999999241;217.4];2179.540000000088;2207.9649999996036;2243.6250000000655;23.56000000054337;2303.484999999455;27</t>
  </si>
  <si>
    <t>http://0,0.491,0.491],0.591,0.668,0.973,0],1.274],1.553,1011.634999999842,1013.3900000000722,1014.0599999995175,1014.6799999993164,1016.4299999996729,1039.2099999999118,1054.1199999997843,1054.8049999997602,1071.8849999993836,1080.8600000000297,110.0349999996979,12.854],12.924],1252.3649999993722,127.128,127.98500000008062,13.636,13.78999999997177,1300.8549999995012,137.449,139.41500000055385,139.89499999934196,1398.8899999994828,1404.3599999995422,1410.129999999299,1413.2849999996324,1481.019999999262,15.344,15.344],15.436,15.436],15.552,15.552],1526.6649999994115,153.14500000022235,1552.165000000059,1590.918],160.11000000071363,1680.4349999993065,17.585000000508444,1725.4499999999098,176.26000000018394,179.95500000051834,1968.5549999994691,197.055000000546,197.7550000001429,2.209999999649881,2.301],2.434999999422871,2016.9999999998254,202.9899999997724,2083.5950000000594,21.464,21.464],21.7,21.7],2139.934999999241,217.4],2179.540000000088,2207.9649999996036,2243.6250000000655,23.56000000054337,2303.48499999</t>
  </si>
  <si>
    <t>0;0.491;0.491];0.591;0.668;0.973;0];1.274];1.553;1011.634999999842;1013.3900000000722;1014.0599999995175;1014.6799999993164;1016.4299999996729;1039.2099999999118;1054.1199999997843;1054.8049999997602;1071.8849999993836;1080.8600000000297;110.0349999996979;12.854];12.924];1252.3649999993722;127.128;127.98500000008062;13.636;13.78999999997177;1300.8549999995012;137.449;139.41500000055385;139.89499999934196;1398.8899999994828;1404.3599999995422;1410.129999999299;1413.2849999996324;1481.019999999262;15.344;15.344];15.436;15.436];15.552;15.552];1526.6649999994115;153.14500000022235;1552.165000000059;1590.918];160.11000000071363;1680.4349999993065;17.585000000508444;1725.4499999999098;176.26000000018394;179.95500000051834;1968.5549999994691;197.055000000546;197.7550000001429;2.209999999649881;2.301];2.434999999422871;2016.9999999998254;202.9899999997724;2083.5950000000594;21.464;21.464];21.7;21.7];2139.934999999241;217.4];2179.540000000088;2207.9649999996036;2243.6250000000655;23.56000000054337;2302.824999999757;23</t>
  </si>
  <si>
    <t>http://0,0.491,0.491],0.591,0.668,0.973,0],1.274],1.553,1011.634999999842,1013.3900000000722,1014.0599999995175,1014.6799999993164,1016.4299999996729,1039.2099999999118,1054.1199999997843,1054.8049999997602,1071.8849999993836,1080.8600000000297,110.0349999996979,12.854],12.924],1252.3649999993722,127.128,127.98500000008062,13.636,13.78999999997177,1300.8549999995012,137.449,139.41500000055385,139.89499999934196,1398.8899999994828,1404.3599999995422,1410.129999999299,1413.2849999996324,1481.019999999262,15.344,15.344],15.436,15.436],15.552,15.552],1526.6649999994115,153.14500000022235,1552.165000000059,1590.918],160.11000000071363,1680.4349999993065,17.585000000508444,1725.4499999999098,176.26000000018394,179.95500000051834,1968.5549999994691,197.055000000546,197.7550000001429,2.209999999649881,2.301],2.434999999422871,2016.9999999998254,202.9899999997724,2083.5950000000594,21.464,21.464],21.7,21.7],2139.934999999241,217.4],2179.540000000088,2207.9649999996036,2243.6250000000655,23.56000000054337,2302.82499999</t>
  </si>
  <si>
    <t>08d59387-2164-4764-9e1a-cb5808bd6a69.tmp</t>
  </si>
  <si>
    <t>\\acsfs\profiles$\regisadsa\Downloads\08d59387-2164-4764-9e1a-cb5808bd6a69.tmp</t>
  </si>
  <si>
    <t>9871ec57-4a1f-4730-98cf-8b0816ea31f2.tmp</t>
  </si>
  <si>
    <t>\\acsfs\profiles$\wenderbnm\Downloads\9871ec57-4a1f-4730-98cf-8b0816ea31f2.tmp</t>
  </si>
  <si>
    <t>fb36c4a3-d3fd-4491-b657-e638cfe6ebd9.tmp</t>
  </si>
  <si>
    <t>\\acsfs\profiles$\inarajst\Downloads\fb36c4a3-d3fd-4491-b657-e638cfe6ebd9.tmp</t>
  </si>
  <si>
    <t>4d4cb715-1a17-42f2-85f9-31fd54609824.tmp</t>
  </si>
  <si>
    <t>\\acsfs\profiles$\kamilamrc\Downloads\4d4cb715-1a17-42f2-85f9-31fd54609824.tmp</t>
  </si>
  <si>
    <t>06eb8636-00a8-4d59-b965-6f2da72fc465.tmp</t>
  </si>
  <si>
    <t>\\acsfs\profiles$\kamilamrc\Downloads\06eb8636-00a8-4d59-b965-6f2da72fc465.tmp</t>
  </si>
  <si>
    <t>http:///batch?%24ct=multipart%2Fmixed%3B%20boundary%3D%22%3D%3D%3D%3D%3Dfck019uqloxh%3D%3D%3D%3D%3D%22&amp;key=AIzaSyAy9VVXHSpS2IJpptzYtGbLP3-3_l0aBk4</t>
  </si>
  <si>
    <t>http:///batch?%24ct=multipart%2Fmixed%3B%20boundary%3D%22%3D%3D%3D%3D%3D2avzlhnf4yp5%3D%3D%3D%3D%3D%22&amp;key=AIzaSyAy9VVXHSpS2IJpptzYtGbLP3-3_l0aBk4</t>
  </si>
  <si>
    <t>http:///batch?%24ct=multipart%2Fmixed%3B%20boundary%3D%22%3D%3D%3D%3D%3D9trzfbo20ddh%3D%3D%3D%3D%3D%22&amp;key=AIzaSyAy9VVXHSpS2IJpptzYtGbLP3-3_l0aBk4</t>
  </si>
  <si>
    <t>2a276564-0e0f-4962-a00e-cf4b7e5f5973.tmp</t>
  </si>
  <si>
    <t>\\acsfs\profiles$\larissaad\Downloads\2a276564-0e0f-4962-a00e-cf4b7e5f5973.tmp</t>
  </si>
  <si>
    <t>5ee5e66a-bd85-4cf1-8c89-b190d86a84b2.tmp</t>
  </si>
  <si>
    <t>\\acsfs\profiles$\kamilamrc\Downloads\5ee5e66a-bd85-4cf1-8c89-b190d86a84b2.tmp</t>
  </si>
  <si>
    <t>b17781f3-21d2-4c6f-b113-ef34c7c44119.tmp</t>
  </si>
  <si>
    <t>\\acsfs\profiles$\kamilamrc\Downloads\b17781f3-21d2-4c6f-b113-ef34c7c44119.tmp</t>
  </si>
  <si>
    <t>349d1ffb-28cd-4786-8f2b-5facc6a6ba81.tmp</t>
  </si>
  <si>
    <t>\\acsfs\profiles$\kamilamrc\Downloads\349d1ffb-28cd-4786-8f2b-5facc6a6ba81.tmp</t>
  </si>
  <si>
    <t>a90baba7-70dd-4bb1-92d0-bfa4f9194f9a.tmp</t>
  </si>
  <si>
    <t>\\acsfs\profiles$\kamilamrc\Downloads\a90baba7-70dd-4bb1-92d0-bfa4f9194f9a.tmp</t>
  </si>
  <si>
    <t>\\acsfs\profiles$\gleycekos\My Documents\dbxwc\</t>
  </si>
  <si>
    <t>\\acsfs\profiles$\gleycekos\My Documents\dbxwc\dbxwc.xwc</t>
  </si>
  <si>
    <t>lu15148upe0c.tmp</t>
  </si>
  <si>
    <t>\\acsfs\profiles$\marcellewdl\My Documents\lu15148upe0c.tmp</t>
  </si>
  <si>
    <t>\\acsfs\profiles$\marcellewdl\My Documents\lu15148upe0c.tmp\</t>
  </si>
  <si>
    <t>\\acsfs\profiles$\marcellewdl\My Documents\lu15148upe0c.tmp\META-INF\</t>
  </si>
  <si>
    <t>\\acsfs\profiles$\marcellewdl\My Documents\lu15148upe0c.tmp\Thumbnails\</t>
  </si>
  <si>
    <t>eca0b3c6-5500-40c3-8fee-c4801909c06a.tmp</t>
  </si>
  <si>
    <t>\\acsfs\profiles$\edicarlosdl\Downloads\eca0b3c6-5500-40c3-8fee-c4801909c06a.tmp</t>
  </si>
  <si>
    <t>29e7e09a-50b6-42f0-bcd2-04b7a4b2f6be.tmp</t>
  </si>
  <si>
    <t>\\acsfs\profiles$\gabrielamdp\Downloads\29e7e09a-50b6-42f0-bcd2-04b7a4b2f6be.tmp</t>
  </si>
  <si>
    <t>7637ff2e-659e-4abc-9815-7aa7aa7a11fb.tmp</t>
  </si>
  <si>
    <t>\\acsfs\profiles$\brendadsl\Downloads\7637ff2e-659e-4abc-9815-7aa7aa7a11fb.tmp</t>
  </si>
  <si>
    <t>59d18efd-e2e1-48e6-a8ea-d441dab73b09.tmp</t>
  </si>
  <si>
    <t>\\acsfs\profiles$\LUCASNS\Downloads\59d18efd-e2e1-48e6-a8ea-d441dab73b09.tmp</t>
  </si>
  <si>
    <t>98fbd601-2e72-421e-8e06-dc1afc5152cf.tmp</t>
  </si>
  <si>
    <t>\\acsfs\profiles$\matheusmax\Downloads\98fbd601-2e72-421e-8e06-dc1afc5152cf.tmp</t>
  </si>
  <si>
    <t>5c557709-f422-4870-9ea9-0e6afb4aca29.tmp</t>
  </si>
  <si>
    <t>\\acsfs\profiles$\matheusmax\Downloads\5c557709-f422-4870-9ea9-0e6afb4aca29.tmp</t>
  </si>
  <si>
    <t>c1478daa-0211-4bb9-82cc-e752a2bfbde1.tmp</t>
  </si>
  <si>
    <t>\\acsfs\profiles$\LUISPLS\Downloads\c1478daa-0211-4bb9-82cc-e752a2bfbde1.tmp</t>
  </si>
  <si>
    <t>31efd0b3-0853-466f-99c6-11c786fa0965.tmp</t>
  </si>
  <si>
    <t>\\acsfs\profiles$\edicarlosdl\Downloads\31efd0b3-0853-466f-99c6-11c786fa0965.tmp</t>
  </si>
  <si>
    <t>52944e39-dd88-4bfe-a75e-2e4c3ac6eb18.tmp</t>
  </si>
  <si>
    <t>\\acsfs\profiles$\gabrielamdp\Downloads\52944e39-dd88-4bfe-a75e-2e4c3ac6eb18.tmp</t>
  </si>
  <si>
    <t>http:///batch?%24ct=multipart%2Fmixed%3B%20boundary%3D%22%3D%3D%3D%3D%3Derto8ced58ip%3D%3D%3D%3D%3D%22&amp;key=AIzaSyAy9VVXHSpS2IJpptzYtGbLP3-3_l0aBk4</t>
  </si>
  <si>
    <t>8ced58ip===;ancestorhasaugmen;displayname;domain;emailaddress;filesize;id);lastmodifyinguser(kind;lastviewedbymedate;modifiedbymedate;ontainsunsubscribedchildren;owners(kind;permissionid;picture;workspaceids;</t>
  </si>
  <si>
    <t>http://8ced58ip===,ancestorhasaugmen,displayname,domain,emailaddress,filesize,id),lastmodifyinguser(kind,lastviewedbymedate,modifiedbymedate,ontainsunsubscribedchildren,owners(kind,permissionid,picture,workspaceids</t>
  </si>
  <si>
    <t>http:///batch?%24ct=multipart%2Fmixed%3B%20boundary%3D%22%3D%3D%3D%3D%3Dyxjiu7i6g3hi%3D%3D%3D%3D%3D%22&amp;key=AIzaSyAy9VVXHSpS2IJpptzYtGbLP3-3_l0aBk4</t>
  </si>
  <si>
    <t>8ced58ip===;ancestorhasaugmen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8ced58ip===,ancestorhasaugmen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hkibjjof7nnm%3D%3D%3D%3D%3D%22&amp;key=AIzaSyAy9VVXHSpS2IJpptzYtGbLP3-3_l0aBk4</t>
  </si>
  <si>
    <t>http:///batch?%24ct=multipart%2Fmixed%3B%20boundary%3D%22%3D%3D%3D%3D%3D7ta97jf9k741%3D%3D%3D%3D%3D%22&amp;key=AIzaSyAy9VVXHSpS2IJpptzYtGbLP3-3_l0aBk4</t>
  </si>
  <si>
    <t>ac72a84c-854e-47d9-8c07-50e56fdc7cdf.tmp</t>
  </si>
  <si>
    <t>\\acsfs\profiles$\larissaad\Downloads\ac72a84c-854e-47d9-8c07-50e56fdc7cdf.tmp</t>
  </si>
  <si>
    <t>bb8f6ac3-c3fe-4929-8429-29e9e4b894d4.tmp</t>
  </si>
  <si>
    <t>\\acsfs\profiles$\larissaad\Downloads\bb8f6ac3-c3fe-4929-8429-29e9e4b894d4.tmp</t>
  </si>
  <si>
    <t>bc5d11bf-ab94-4366-872d-ff77bdf27b16.tmp</t>
  </si>
  <si>
    <t>\\acsfs\profiles$\philipegsf\Downloads\bc5d11bf-ab94-4366-872d-ff77bdf27b16.tmp</t>
  </si>
  <si>
    <t>faefdf82-c084-459e-bb39-56ec0a817bc5.tmp</t>
  </si>
  <si>
    <t>\\acsfs\profiles$\philipegsf\Downloads\faefdf82-c084-459e-bb39-56ec0a817bc5.tmp</t>
  </si>
  <si>
    <t>ef458392-97af-490a-887b-8b768ad84020.tmp</t>
  </si>
  <si>
    <t>\\acsfs\profiles$\anafsb\Downloads\ef458392-97af-490a-887b-8b768ad84020.tmp</t>
  </si>
  <si>
    <t>719a0ecd-d5dc-4279-9add-4cdd086debf4.tmp</t>
  </si>
  <si>
    <t>\\acsfs\profiles$\cintiadjl\Downloads\719a0ecd-d5dc-4279-9add-4cdd086debf4.tmp</t>
  </si>
  <si>
    <t>54a55041-2fe0-4349-ad09-52df7deb7d65.tmp</t>
  </si>
  <si>
    <t>\\acsfs\profiles$\cintiadjl\Downloads\54a55041-2fe0-4349-ad09-52df7deb7d65.tmp</t>
  </si>
  <si>
    <t>70e4e518-a9b3-4549-9bd7-32d3d486921d.tmp</t>
  </si>
  <si>
    <t>\\acsfs\profiles$\lorrainerdl\Downloads\70e4e518-a9b3-4549-9bd7-32d3d486921d.tmp</t>
  </si>
  <si>
    <t>3c796ca7-d86b-4df0-b060-c3bf82aaa5fe.tmp</t>
  </si>
  <si>
    <t>\\acsfs\profiles$\paulovadc\Downloads\3c796ca7-d86b-4df0-b060-c3bf82aaa5fe.tmp</t>
  </si>
  <si>
    <t>0d94785c-f13c-4a7b-931f-7c42a8469729.tmp</t>
  </si>
  <si>
    <t>\\acsfs\profiles$\paulovadc\Downloads\0d94785c-f13c-4a7b-931f-7c42a8469729.tmp</t>
  </si>
  <si>
    <t>https://record.foresee.com/rec/corsservice?action=data&amp;metadata=datalen:4606568,time:1578590631234&amp;encoding=utf-8&amp;session_id=bacc6cd3e79b8c08c82e7595491ff59c&amp;global_session_id=ab2e77d846db349c2af1b204b3ef7e72&amp;domain=www.magazineluiza.com.br&amp;site_id=magazineluizacombr&amp;version=5.0&amp;cachebust=0.28945567224626734</t>
  </si>
  <si>
    <t>0d64c191-ba1c-402b-b52f-70488b9190ae.tmp</t>
  </si>
  <si>
    <t>\\acsfs\profiles$\fabianobmf\Downloads\0d64c191-ba1c-402b-b52f-70488b9190ae.tmp</t>
  </si>
  <si>
    <t>765d398a-6af6-49f1-8d47-b818f21f74e5.tmp</t>
  </si>
  <si>
    <t>\\acsfs\profiles$\fabianobmf\Downloads\765d398a-6af6-49f1-8d47-b818f21f74e5.tmp</t>
  </si>
  <si>
    <t>karolinasr@algartech.com;kerllondst@algartech.com;paulohm@algartech.com;</t>
  </si>
  <si>
    <t>C:\Users\rodrigormc\Desktop\Daily\12-Dezembro19\</t>
  </si>
  <si>
    <t>Daily Algar Correntista_Dezembro.xlsm</t>
  </si>
  <si>
    <t>karolinasr@algartech.com,kerllondst@algartech.com,paulohm@algartech.com</t>
  </si>
  <si>
    <t>3da8251a-8d8e-425f-b775-8d7271aa5335.tmp</t>
  </si>
  <si>
    <t>\\acsfs\profiles$\sarahbal\Downloads\3da8251a-8d8e-425f-b775-8d7271aa5335.tmp</t>
  </si>
  <si>
    <t>f4c53c68-b011-49d4-a2ea-8b2a705d4096.tmp</t>
  </si>
  <si>
    <t>\\acsfs\profiles$\inarajst\Downloads\f4c53c68-b011-49d4-a2ea-8b2a705d4096.tmp</t>
  </si>
  <si>
    <t>3f1a0d7d-12a1-4c59-89f3-ebe904039cd1.tmp</t>
  </si>
  <si>
    <t>\\acsfs\profiles$\alinepp\Downloads\3f1a0d7d-12a1-4c59-89f3-ebe904039cd1.tmp</t>
  </si>
  <si>
    <t>0ea495ee-0c3c-4ac4-ae36-ad77c78425d0.tmp</t>
  </si>
  <si>
    <t>\\acsfs\profiles$\alinepp\Downloads\0ea495ee-0c3c-4ac4-ae36-ad77c78425d0.tmp</t>
  </si>
  <si>
    <t>47ed0cad-cb96-419d-88c7-f5cd34d2ee74.tmp</t>
  </si>
  <si>
    <t>\\acsfs\profiles$\LUISPLS\Downloads\47ed0cad-cb96-419d-88c7-f5cd34d2ee74.tmp</t>
  </si>
  <si>
    <t>68576264-f23b-4e6c-81b2-4b9b0669eb76.tmp</t>
  </si>
  <si>
    <t>\\acsfs\profiles$\lorrainerdl\Downloads\68576264-f23b-4e6c-81b2-4b9b0669eb76.tmp</t>
  </si>
  <si>
    <t>725b5cc3-859b-4bd3-89f9-80b5ab52fefd.tmp</t>
  </si>
  <si>
    <t>\\acsfs\profiles$\lorrainerdl\Downloads\725b5cc3-859b-4bd3-89f9-80b5ab52fefd.tmp</t>
  </si>
  <si>
    <t>D:\ALGAR TECH\019 - Correção de Pontos\</t>
  </si>
  <si>
    <t>pontos-dezembro-2019.xlsx</t>
  </si>
  <si>
    <t>43a0b4f1-7017-42ca-a1ec-87cc56fe582c.tmp</t>
  </si>
  <si>
    <t>\\acsfs\profiles$\ERICALSR\Downloads\43a0b4f1-7017-42ca-a1ec-87cc56fe582c.tmp</t>
  </si>
  <si>
    <t>64-1C-67-9D-1E-2F</t>
  </si>
  <si>
    <t>VOTORANT-LB040</t>
  </si>
  <si>
    <t>joselrb</t>
  </si>
  <si>
    <t>\\acsfs\profiles$\joselrb\Downloads\</t>
  </si>
  <si>
    <t>fc1b8e7a-7e53-49c6-98e0-ff590838c735.tmp</t>
  </si>
  <si>
    <t>\\acsfs\profiles$\joselrb\Downloads\fc1b8e7a-7e53-49c6-98e0-ff590838c735.tmp</t>
  </si>
  <si>
    <t>http:///batch/drive/v2beta?%24ct=multipart%2Fmixed%3B%20boundary%3D%22%3D%3D%3D%3D%3Dl9em1h4zikx0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hasaugmentedpermissions;hidden;labels(starred;opyable;parents(id);permissionid;picture);sharinguser(kind;shortcutdetails(targetid;spaces;targetlookupstatus);targetmimetype;teamdriveid;trasheddate;trashinguser(kind;version;</t>
  </si>
  <si>
    <t>http://canaddchildren,candelete,candownload,canedit,canmoveteamdriveitem),canreadteamdrive,canremovechildren,canrename,canshare,cantrash,capabilities(cancopy,createddate,displayname,fileextension,hasaugmentedpermissions,hidden,labels(starred,opyable,parents(id),permissionid,picture),sharinguser(kind,shortcutdetails(targetid,spaces,targetlookupstatus),targetmimetype,teamdriveid,trasheddate,trashinguser(kind,version</t>
  </si>
  <si>
    <t>http:///batch/drive/v2beta?%24ct=multipart%2Fmixed%3B%20boundary%3D%22%3D%3D%3D%3D%3D33gy2pxxk1am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hasaugmentedpermissions;hidden;labels(starred;opyable;parents(id);permissionid;picture);restricted;sharinguser(kind;shortcutdetails(targetid;spaces;targetlookupstatus);targetmimetype;teamdriveid;trashed;trasheddate;trashinguser(kind;version;viewed)&amp;supportsteamdrives=true&amp;ke;</t>
  </si>
  <si>
    <t>http://canaddchildren,candelete,candownload,canedit,canmoveteamdriveitem),canreadteamdrive,canremovechildren,canrename,canshare,cantrash,capabilities(cancopy,createddate,displayname,fileextension,hasaugmentedpermissions,hidden,labels(starred,opyable,parents(id),permissionid,picture),restricted,sharinguser(kind,shortcutdetails(targetid,spaces,targetlookupstatus),targetmimetype,teamdriveid,trashed,trasheddate,trashinguser(kind,version,viewed)&amp;supportsteamdrives=true&amp;ke</t>
  </si>
  <si>
    <t>75c2d1ca-0cf4-48fc-9609-7a859f545289.tmp</t>
  </si>
  <si>
    <t>\\acsfs\profiles$\henriquehmdo\Downloads\75c2d1ca-0cf4-48fc-9609-7a859f545289.tmp</t>
  </si>
  <si>
    <t>\\acsfs\QLD\Gestão por Processos\Oficiais\Indicadores\Automação de Processos\01 - APLICAÇÕES\09 - POWERBI\03 - BV\BASES\</t>
  </si>
  <si>
    <t>iNTRADIARIO 08.01.xlsx</t>
  </si>
  <si>
    <t>\\acsfs\QLD\Gestão por Processos\Oficiais\Indicadores\Automação de Processos\01 - APLICAÇÕES\09 - POWERBI\03 - BV\BASES\iNTRADIARIO 08.01.xlsx</t>
  </si>
  <si>
    <t>Reneg - Vcto 20-12-19 2.xlsx</t>
  </si>
  <si>
    <t>\\acsfs\DEPTOS\Operacao\Banco_Votorantim\Comum\00 - COMUM - BV CARTÕES\EQUIPE ADILSON\Reneg\Reneg - Vcto 20-12-19 2.xlsx</t>
  </si>
  <si>
    <t>10.200.66.6</t>
  </si>
  <si>
    <t>74-86-7A-FD-35-C0</t>
  </si>
  <si>
    <t>VOTORANT-OB013</t>
  </si>
  <si>
    <t>eduardobb</t>
  </si>
  <si>
    <t>\\acsfs\profiles$\eduardobb\Downloads\</t>
  </si>
  <si>
    <t>83af91ff-38ea-42c5-ba93-2d2e9c4e673e.tmp</t>
  </si>
  <si>
    <t>\\acsfs\profiles$\eduardobb\Downloads\83af91ff-38ea-42c5-ba93-2d2e9c4e673e.tmp</t>
  </si>
  <si>
    <t>3c61bbab-2955-4c3f-bec5-cce323aa85a0.tmp</t>
  </si>
  <si>
    <t>\\acsfs\profiles$\eduardobb\Downloads\3c61bbab-2955-4c3f-bec5-cce323aa85a0.tmp</t>
  </si>
  <si>
    <t>0753b843-bd62-459d-ac4c-30f93ece0880.tmp</t>
  </si>
  <si>
    <t>\\acsfs\profiles$\eduardobb\Downloads\0753b843-bd62-459d-ac4c-30f93ece0880.tmp</t>
  </si>
  <si>
    <t>d278f864-e781-4ded-8179-e58bbf9db6d7.tmp</t>
  </si>
  <si>
    <t>\\acsfs\profiles$\fabianafv\Downloads\d278f864-e781-4ded-8179-e58bbf9db6d7.tmp</t>
  </si>
  <si>
    <t>488e47d3-18fe-49cd-b63d-a56f5b4c9478.tmp</t>
  </si>
  <si>
    <t>\\acsfs\profiles$\websondsa\Downloads\488e47d3-18fe-49cd-b63d-a56f5b4c9478.tmp</t>
  </si>
  <si>
    <t>c4e58b82-9f12-43e8-9c26-651a58eef202.tmp</t>
  </si>
  <si>
    <t>\\acsfs\profiles$\websondsa\Downloads\c4e58b82-9f12-43e8-9c26-651a58eef202.tmp</t>
  </si>
  <si>
    <t>INTRADIARIO 07.01.xlsx</t>
  </si>
  <si>
    <t>\\acsfs\QLD\Gestão por Processos\Oficiais\Indicadores\Automação de Processos\01 - APLICAÇÕES\09 - POWERBI\03 - BV\BASES\INTRADIARIO 07.01.xlsx</t>
  </si>
  <si>
    <t>a3d74868-dae4-4bb4-b7b5-13e7b5c9d4e7.tmp</t>
  </si>
  <si>
    <t>\\acsfs\profiles$\philipegsf\Downloads\a3d74868-dae4-4bb4-b7b5-13e7b5c9d4e7.tmp</t>
  </si>
  <si>
    <t>36ed161e-6e09-44b4-b897-c943b3ae4b08.tmp</t>
  </si>
  <si>
    <t>\\acsfs\profiles$\eduardobb\Downloads\36ed161e-6e09-44b4-b897-c943b3ae4b08.tmp</t>
  </si>
  <si>
    <t>38d07010-295b-44a6-85ee-17c9c376f414.tmp</t>
  </si>
  <si>
    <t>\\acsfs\profiles$\eduardobb\Downloads\38d07010-295b-44a6-85ee-17c9c376f414.tmp</t>
  </si>
  <si>
    <t>fb1cde8a-ba62-45d2-997e-0daf526636ca.tmp</t>
  </si>
  <si>
    <t>\\acsfs\profiles$\lorrainerdl\Downloads\fb1cde8a-ba62-45d2-997e-0daf526636ca.tmp</t>
  </si>
  <si>
    <t>C:\Users\marianacgs\Documents\</t>
  </si>
  <si>
    <t>ACO - Marta Dezembro.ppt</t>
  </si>
  <si>
    <t>C:\Users\marianacgs\Documents\ACO - Marta Dezembro.ppt\s2\</t>
  </si>
  <si>
    <t>http:///batch/drive/v2beta?%24ct=multipart%2Fmixed%3B%20boundary%3D%22%3D%3D%3D%3D%3Dz3xrkt4d5s08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filesize;hasaugmentedpermissions;hasthumbnail;hidden;id;incompletesearch&amp;appdatafilter=no_app_data&amp;spaces=drive&amp;maxresults=100&amp;supportsteamdrives=true&amp;includ;items(kind;ken;labels(starred;lastmodifyinguser(kind;lastviewedbymedate;modifiedbymedate;modifieddate;opyable;owners(kind;parents(id);permissionid;picture);restricted;shared;sharedwithmedate;sharinguser(kind;shortcutdetails(targetid;spaces;targetlookupstatus);targetmimetype;teamdriveid;thumbnailversion;title;trashed;trasheddate;trashinguser(kind;user;version;viewed));</t>
  </si>
  <si>
    <t>http://canaddchildren,candelete,candownload,canedit,canmoveteamdriveitem),canreadteamdrive,canremovechildren,canrename,canshare,cantrash,capabilities(cancopy,createddate,displayname,fileextension,filesize,hasaugmentedpermissions,hasthumbnail,hidden,id,incompletesearch&amp;appdatafilter=no_app_data&amp;spaces=drive&amp;maxresults=100&amp;supportsteamdrives=true&amp;includ,items(kind,ken,labels(starred,lastmodifyinguser(kind,lastviewedbymedate,modifiedbymedate,modifieddate,opyable,owners(kind,parents(id),permissionid,picture),restricted,shared,sharedwithmedate,sharinguser(kind,shortcutdetails(targetid,spaces,targetlookupstatus),targetmimetype,teamdriveid,thumbnailversion,title,trashed,trasheddate,trashinguser(kind,user,version,viewed))</t>
  </si>
  <si>
    <t>http:///batch/drive/v2beta?%24ct=multipart%2Fmixed%3B%20boundary%3D%22%3D%3D%3D%3D%3Doi1qp2cvhc60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filesize;hasaugmentedpermissions;hasthumbnail;hidden;id;incompletesearch&amp;appdatafilter=no_app_data&amp;spaces=drive&amp;maxresults=100&amp;supportsteamdrives=true&amp;includ;incompletesearch&amp;appdatafilter=no_app_data&amp;spaces=drive&amp;pagetoken=~!!~ai9fv7tdac0zipy2cvhtbxrhnpwaden;items(kind;ken;labels(starred;lastmodifyinguser(kind;lastviewedbymedate;modifiedbymedate;modifieddate;opyable;owners(kind;parents(id);permissionid;picture);restricted;shared;sharedwithmedate;sharinguser(kind;shortcutdetails(targetid;spaces;targetlookupstatus);targetmimetype;teamdriveid;thumbnailversion;title;trashed;trasheddate;trashinguser(kind;user;version;viewed));</t>
  </si>
  <si>
    <t>http://canaddchildren,candelete,candownload,canedit,canmoveteamdriveitem),canreadteamdrive,canremovechildren,canrename,canshare,cantrash,capabilities(cancopy,createddate,displayname,fileextension,filesize,hasaugmentedpermissions,hasthumbnail,hidden,id,incompletesearch&amp;appdatafilter=no_app_data&amp;spaces=drive&amp;maxresults=100&amp;supportsteamdrives=true&amp;includ,incompletesearch&amp;appdatafilter=no_app_data&amp;spaces=drive&amp;pagetoken=~!!~ai9fv7tdac0zipy2cvhtbxrhnpwaden,items(kind,ken,labels(starred,lastmodifyinguser(kind,lastviewedbymedate,modifiedbymedate,modifieddate,opyable,owners(kind,parents(id),permissionid,picture),restricted,shared,sharedwithmedate,sharinguser(kind,shortcutdetails(targetid,spaces,targetlookupstatus),targetmimetype,teamdriveid,thumbnailversion,title,trashed,trasheddate,trashinguser(kind,user,version,viewed))</t>
  </si>
  <si>
    <t>PAUSAS INTERVALO 08.01.xlsx</t>
  </si>
  <si>
    <t>\\acsfs\QLD\Gestão por Processos\Oficiais\Indicadores\Automação de Processos\01 - APLICAÇÕES\09 - POWERBI\03 - BV\BASES\PAUSAS INTERVALO 08.01.xlsx</t>
  </si>
  <si>
    <t>PAUSAS INTERVALO 07.01.xlsx</t>
  </si>
  <si>
    <t>\\acsfs\QLD\Gestão por Processos\Oficiais\Indicadores\Automação de Processos\01 - APLICAÇÕES\09 - POWERBI\03 - BV\BASES\PAUSAS INTERVALO 07.01.xlsx</t>
  </si>
  <si>
    <t>1f671503-4201-4528-9517-cebca2d1b93e.tmp</t>
  </si>
  <si>
    <t>\\acsfs\profiles$\wenderbnm\Downloads\1f671503-4201-4528-9517-cebca2d1b93e.tmp</t>
  </si>
  <si>
    <t>cd4249dd-47a1-46d1-b6fe-818af7e17a6f.tmp</t>
  </si>
  <si>
    <t>\\acsfs\profiles$\sarahbal\Downloads\cd4249dd-47a1-46d1-b6fe-818af7e17a6f.tmp</t>
  </si>
  <si>
    <t>VIVIAN ISCARLET BATISTA FELIX SILVA (16878).contact</t>
  </si>
  <si>
    <t>\\acsfs\profiles$\vivianibfs\Contacts\VIVIAN ISCARLET BATISTA FELIX SILVA (16878).contact</t>
  </si>
  <si>
    <t>mail.google.com/_/upload?authuser=0&amp;dcp=asu-n&amp;upload_id=AEnB2UqtjH90HgioIgX3UipRNY13LWpACh4ikxO2v1iLarIyXlkB-IlQA-X3u_aVE9sqEhMfqzsk37XK4c6W53qFV7PCzt75AQAlIvw_CX20kYLQ-G4PSDI&amp;upload_protocol=resumable</t>
  </si>
  <si>
    <t>http:///batch?%24ct=multipart%2Fmixed%3B%20boundary%3D%22%3D%3D%3D%3D%3D1p1xpnhmv0ld%3D%3D%3D%3D%3D%22&amp;key=AIzaSyAy9VVXHSpS2IJpptzYtGbLP3-3_l0aBk4</t>
  </si>
  <si>
    <t>http:///batch?%24ct=multipart%2Fmixed%3B%20boundary%3D%22%3D%3D%3D%3D%3Dgxf9wgtz3bq3%3D%3D%3D%3D%3D%22&amp;key=AIzaSyAy9VVXHSpS2IJpptzYtGbLP3-3_l0aBk4</t>
  </si>
  <si>
    <t>http:///batch?%24ct=multipart%2Fmixed%3B%20boundary%3D%22%3D%3D%3D%3D%3Dmadaln3me1f5%3D%3D%3D%3D%3D%22&amp;key=AIzaSyAy9VVXHSpS2IJpptzYtGbLP3-3_l0aBk4</t>
  </si>
  <si>
    <t>http:///batch?%24ct=multipart%2Fmixed%3B%20boundary%3D%22%3D%3D%3D%3D%3Di6brvcnzrhs1%3D%3D%3D%3D%3D%22&amp;key=AIzaSyAy9VVXHSpS2IJpptzYtGbLP3-3_l0aBk4</t>
  </si>
  <si>
    <t>http:///batch?%24ct=multipart%2Fmixed%3B%20boundary%3D%22%3D%3D%3D%3D%3D4exqs9jwvah4%3D%3D%3D%3D%3D%22&amp;key=AIzaSyAy9VVXHSpS2IJpptzYtGbLP3-3_l0aBk4</t>
  </si>
  <si>
    <t>http:///batch?%24ct=multipart%2Fmixed%3B%20boundary%3D%22%3D%3D%3D%3D%3D9u6ogqkg4ywm%3D%3D%3D%3D%3D%22&amp;key=AIzaSyAy9VVXHSpS2IJpptzYtGbLP3-3_l0aBk4</t>
  </si>
  <si>
    <t>PAINEL DE CONTROLE 07.01.xlsx</t>
  </si>
  <si>
    <t>\\acsfs\QLD\Gestão por Processos\Oficiais\Indicadores\Automação de Processos\01 - APLICAÇÕES\09 - POWERBI\03 - BV\BASES\PAINEL DE CONTROLE 07.01.xlsx</t>
  </si>
  <si>
    <t>PAINEL DE CONTROLE 08.01.xlsx</t>
  </si>
  <si>
    <t>\\acsfs\QLD\Gestão por Processos\Oficiais\Indicadores\Automação de Processos\01 - APLICAÇÕES\09 - POWERBI\03 - BV\BASES\PAINEL DE CONTROLE 08.01.xlsx</t>
  </si>
  <si>
    <t>Questionário ITSM - Requestia.xlsx</t>
  </si>
  <si>
    <t>b742a183-7ff2-4636-b65d-d664a6c9b84b.tmp</t>
  </si>
  <si>
    <t>\\acsfs\profiles$\marcosvnds\Downloads\b742a183-7ff2-4636-b65d-d664a6c9b84b.tmp</t>
  </si>
  <si>
    <t>14f13b71-1c13-4b42-833a-c6fe9f3a5e48.tmp</t>
  </si>
  <si>
    <t>\\acsfs\profiles$\marcosvnds\Downloads\14f13b71-1c13-4b42-833a-c6fe9f3a5e48.tmp</t>
  </si>
  <si>
    <t>bcbd9d65-572b-4c68-aec2-faf974681925.tmp</t>
  </si>
  <si>
    <t>\\acsfs\profiles$\vivianibfs\Downloads\bcbd9d65-572b-4c68-aec2-faf974681925.tmp</t>
  </si>
  <si>
    <t>3346953f-c99c-407d-9eb7-92f6c75e8c8c.tmp</t>
  </si>
  <si>
    <t>\\acsfs\profiles$\vivianibfs\Downloads\3346953f-c99c-407d-9eb7-92f6c75e8c8c.tmp</t>
  </si>
  <si>
    <t>458f2f95-1a71-4ece-abef-0792749d8f5e.tmp</t>
  </si>
  <si>
    <t>\\acsfs\profiles$\vivianibfs\Downloads\458f2f95-1a71-4ece-abef-0792749d8f5e.tmp</t>
  </si>
  <si>
    <t>e3485a18-528a-4e28-9dc5-aac965a54aa9.tmp</t>
  </si>
  <si>
    <t>\\acsfs\profiles$\vivianibfs\Downloads\e3485a18-528a-4e28-9dc5-aac965a54aa9.tmp</t>
  </si>
  <si>
    <t>73267c78-d475-4a01-b570-509ceed62c56.tmp</t>
  </si>
  <si>
    <t>\\acsfs\profiles$\vivianibfs\Downloads\73267c78-d475-4a01-b570-509ceed62c56.tmp</t>
  </si>
  <si>
    <t>c:\users\marcos.pereira\downloads\</t>
  </si>
  <si>
    <t>termo_responsabilidade_-_fundo_fixo (1).xlsx</t>
  </si>
  <si>
    <t>elianegr@algartech.com</t>
  </si>
  <si>
    <t>http:///batch?%24ct=multipart%2Fmixed%3B%20boundary%3D%22%3D%3D%3D%3D%3D621d9iaurpgk%3D%3D%3D%3D%3D%22&amp;key=AIzaSyAy9VVXHSpS2IJpptzYtGbLP3-3_l0aBk4</t>
  </si>
  <si>
    <t>http:///batch?%24ct=multipart%2Fmixed%3B%20boundary%3D%22%3D%3D%3D%3D%3Dgf0gze8m5s15%3D%3D%3D%3D%3D%22&amp;key=AIzaSyAy9VVXHSpS2IJpptzYtGbLP3-3_l0aBk4</t>
  </si>
  <si>
    <t>http:///batch?%24ct=multipart%2Fmixed%3B%20boundary%3D%22%3D%3D%3D%3D%3Dy4nq6vyfb3f3%3D%3D%3D%3D%3D%22&amp;key=AIzaSyAy9VVXHSpS2IJpptzYtGbLP3-3_l0aBk4</t>
  </si>
  <si>
    <t>cee5bb0c-97c8-496f-b9a1-f02698186f2b.tmp</t>
  </si>
  <si>
    <t>\\acsfs\profiles$\fabianobmf\Downloads\cee5bb0c-97c8-496f-b9a1-f02698186f2b.tmp</t>
  </si>
  <si>
    <t>0cf9e008-2b2d-4476-9495-5df09e060610.tmp</t>
  </si>
  <si>
    <t>\\acsfs\profiles$\fabianobmf\Downloads\0cf9e008-2b2d-4476-9495-5df09e060610.tmp</t>
  </si>
  <si>
    <t>0f6ccaa7-10bb-46bb-aee0-80271c325574.tmp</t>
  </si>
  <si>
    <t>\\acsfs\profiles$\ayalabfi\Downloads\0f6ccaa7-10bb-46bb-aee0-80271c325574.tmp</t>
  </si>
  <si>
    <t>ce29e25b-70ba-48b6-a5b3-42508981c7b0.tmp</t>
  </si>
  <si>
    <t>\\acsfs\profiles$\marcosvnds\Downloads\ce29e25b-70ba-48b6-a5b3-42508981c7b0.tmp</t>
  </si>
  <si>
    <t>58f52c24-0c5d-4e8a-9a96-28702f4e0270.tmp</t>
  </si>
  <si>
    <t>\\acsfs\profiles$\marcosvnds\Downloads\58f52c24-0c5d-4e8a-9a96-28702f4e0270.tmp</t>
  </si>
  <si>
    <t>f923e435-0982-4671-81aa-f711deb7a71a.tmp</t>
  </si>
  <si>
    <t>\\acsfs\profiles$\henriqueco\Downloads\f923e435-0982-4671-81aa-f711deb7a71a.tmp</t>
  </si>
  <si>
    <t>c:\a2\paulao\fundo fixo\</t>
  </si>
  <si>
    <t>2a48095f-b091-44bd-8619-b79a77e45d15.tmp</t>
  </si>
  <si>
    <t>\\acsfs\profiles$\brendadsl\Downloads\2a48095f-b091-44bd-8619-b79a77e45d15.tmp</t>
  </si>
  <si>
    <t>http:///batch?%24ct=multipart%2Fmixed%3B%20boundary%3D%22%3D%3D%3D%3D%3D3ywiryufr0jp%3D%3D%3D%3D%3D%22&amp;key=AIzaSyAy9VVXHSpS2IJpptzYtGbLP3-3_l0aBk4</t>
  </si>
  <si>
    <t>http:///batch?%24ct=multipart%2Fmixed%3B%20boundary%3D%22%3D%3D%3D%3D%3Dmf5swfe1vg8a%3D%3D%3D%3D%3D%22&amp;key=AIzaSyAy9VVXHSpS2IJpptzYtGbLP3-3_l0aBk4</t>
  </si>
  <si>
    <t>http:///batch?%24ct=multipart%2Fmixed%3B%20boundary%3D%22%3D%3D%3D%3D%3Drpzl62exg307%3D%3D%3D%3D%3D%22&amp;key=AIzaSyAy9VVXHSpS2IJpptzYtGbLP3-3_l0aBk4</t>
  </si>
  <si>
    <t>http:///batch?%24ct=multipart%2Fmixed%3B%20boundary%3D%22%3D%3D%3D%3D%3D5o0vx3ckr95y%3D%3D%3D%3D%3D%22&amp;key=AIzaSyAy9VVXHSpS2IJpptzYtGbLP3-3_l0aBk4</t>
  </si>
  <si>
    <t>http:///batch?%24ct=multipart%2Fmixed%3B%20boundary%3D%22%3D%3D%3D%3D%3D13c2osqpbw8e%3D%3D%3D%3D%3D%22&amp;key=AIzaSyAy9VVXHSpS2IJpptzYtGbLP3-3_l0aBk4</t>
  </si>
  <si>
    <t>http:///batch?%24ct=multipart%2Fmixed%3B%20boundary%3D%22%3D%3D%3D%3D%3D1tdhczgr2y8y%3D%3D%3D%3D%3D%22&amp;key=AIzaSyAy9VVXHSpS2IJpptzYtGbLP3-3_l0aBk4</t>
  </si>
  <si>
    <t>85f92286-61c1-4f13-8d0c-c8cccc8d8ba5.tmp</t>
  </si>
  <si>
    <t>\\acsfs\profiles$\KARENJSS\Downloads\85f92286-61c1-4f13-8d0c-c8cccc8d8ba5.tmp</t>
  </si>
  <si>
    <t>449833e5-a934-4f40-aae8-66775a480179.tmp</t>
  </si>
  <si>
    <t>\\acsfs\profiles$\gabrielafs\Downloads\449833e5-a934-4f40-aae8-66775a480179.tmp</t>
  </si>
  <si>
    <t>7452e13c-e3dc-4553-82d9-10754171918e.tmp</t>
  </si>
  <si>
    <t>\\acsfs\profiles$\henriqueco\Downloads\7452e13c-e3dc-4553-82d9-10754171918e.tmp</t>
  </si>
  <si>
    <t>92be427a-f245-4bf4-9391-83c14f938a91.tmp</t>
  </si>
  <si>
    <t>\\acsfs\profiles$\joycemmdl\Downloads\92be427a-f245-4bf4-9391-83c14f938a91.tmp</t>
  </si>
  <si>
    <t>http:///batch?%24ct=multipart%2Fmixed%3B%20boundary%3D%22%3D%3D%3D%3D%3Dv6q5j587t7d%3D%3D%3D%3D%3D%22&amp;key=AIzaSyAy9VVXHSpS2IJpptzYtGbLP3-3_l0aBk4</t>
  </si>
  <si>
    <t>http:///batch?%24ct=multipart%2Fmixed%3B%20boundary%3D%22%3D%3D%3D%3D%3D1i9p6o4uvmlz%3D%3D%3D%3D%3D%22&amp;key=AIzaSyAy9VVXHSpS2IJpptzYtGbLP3-3_l0aBk4</t>
  </si>
  <si>
    <t>http:///batch?%24ct=multipart%2Fmixed%3B%20boundary%3D%22%3D%3D%3D%3D%3Dbwfkb9dxe8nv%3D%3D%3D%3D%3D%22&amp;key=AIzaSyAy9VVXHSpS2IJpptzYtGbLP3-3_l0aBk4</t>
  </si>
  <si>
    <t>14c3dcaf-7ba3-43b9-a762-4d9f4665646f.tmp</t>
  </si>
  <si>
    <t>\\acsfs\profiles$\THYAGOSP\Downloads\14c3dcaf-7ba3-43b9-a762-4d9f4665646f.tmp</t>
  </si>
  <si>
    <t>Relatorio de Vendas - Auditoria BV Cartoes (Janeiro)...50 - Cópia - Cópia.xlsx</t>
  </si>
  <si>
    <t>\\acsfs\DEPTOS\Operacao\Banco_Votorantim\Qualidade\Anderson\Jose\Atualizado\Relatorio de Vendas - Auditoria BV Cartoes (Janeiro)...50 - Cópia - Cópia.xlsx</t>
  </si>
  <si>
    <t>a5578798-5d79-47bb-850f-cb4135e1bfeb.tmp</t>
  </si>
  <si>
    <t>\\acsfs\profiles$\andrezacapf\Downloads\a5578798-5d79-47bb-850f-cb4135e1bfeb.tmp</t>
  </si>
  <si>
    <t>285fe54e-099e-4d5f-a9e8-046d65f719bb.tmp</t>
  </si>
  <si>
    <t>\\acsfs\profiles$\andrezacapf\Downloads\285fe54e-099e-4d5f-a9e8-046d65f719bb.tmp</t>
  </si>
  <si>
    <t>c4dcf46a-90a9-41ca-a925-73f80c223c3d.tmp</t>
  </si>
  <si>
    <t>\\acsfs\profiles$\andrezacapf\Downloads\c4dcf46a-90a9-41ca-a925-73f80c223c3d.tmp</t>
  </si>
  <si>
    <t>ad3980f6-d82b-4c23-b1bb-23727a59240a.tmp</t>
  </si>
  <si>
    <t>\\acsfs\profiles$\andrezacapf\Downloads\ad3980f6-d82b-4c23-b1bb-23727a59240a.tmp</t>
  </si>
  <si>
    <t>a0ac2efd-a56b-4962-a39c-df83904b748a.tmp</t>
  </si>
  <si>
    <t>\\acsfs\profiles$\andrezacapf\Downloads\a0ac2efd-a56b-4962-a39c-df83904b748a.tmp</t>
  </si>
  <si>
    <t>fcfa7bca-6132-4ed3-9137-44ac67818038.tmp</t>
  </si>
  <si>
    <t>\\acsfs\profiles$\andrezacapf\Downloads\fcfa7bca-6132-4ed3-9137-44ac67818038.tmp</t>
  </si>
  <si>
    <t>c9ee0784-6518-4a08-8260-5c0d4c15879a.tmp</t>
  </si>
  <si>
    <t>\\acsfs\profiles$\andrezacapf\Downloads\c9ee0784-6518-4a08-8260-5c0d4c15879a.tmp</t>
  </si>
  <si>
    <t>de2f8acd-ee2c-48cb-95ae-30200f679d84.tmp</t>
  </si>
  <si>
    <t>\\acsfs\profiles$\andrezacapf\Downloads\de2f8acd-ee2c-48cb-95ae-30200f679d84.tmp</t>
  </si>
  <si>
    <t>c82934b4-afac-409c-b580-60389133e031.tmp</t>
  </si>
  <si>
    <t>\\acsfs\profiles$\andrezacapf\Downloads\c82934b4-afac-409c-b580-60389133e031.tmp</t>
  </si>
  <si>
    <t>54b252c8-f254-4963-acc2-4b373bcae544.tmp</t>
  </si>
  <si>
    <t>\\acsfs\profiles$\andrezacapf\Downloads\54b252c8-f254-4963-acc2-4b373bcae544.tmp</t>
  </si>
  <si>
    <t>38656a4c-caf3-426a-9fbd-1b02dd1e5f60.tmp</t>
  </si>
  <si>
    <t>\\acsfs\profiles$\rafaelacdoc\Downloads\38656a4c-caf3-426a-9fbd-1b02dd1e5f60.tmp</t>
  </si>
  <si>
    <t>d0bb541a-7b92-4a02-8ddb-7e17e952133f.tmp</t>
  </si>
  <si>
    <t>\\acsfs\profiles$\rafaelacdoc\Downloads\d0bb541a-7b92-4a02-8ddb-7e17e952133f.tmp</t>
  </si>
  <si>
    <t>http:///batch?%24ct=multipart%2Fmixed%3B%20boundary%3D%22%3D%3D%3D%3D%3Dcjyy4lf9wjfc%3D%3D%3D%3D%3D%22&amp;key=AIzaSyAy9VVXHSpS2IJpptzYtGbLP3-3_l0aBk4</t>
  </si>
  <si>
    <t>http:///batch?%24ct=multipart%2Fmixed%3B%20boundary%3D%22%3D%3D%3D%3D%3Drg2viw9cxad6%3D%3D%3D%3D%3D%22&amp;key=AIzaSyAy9VVXHSpS2IJpptzYtGbLP3-3_l0aBk4</t>
  </si>
  <si>
    <t>http:///batch?%24ct=multipart%2Fmixed%3B%20boundary%3D%22%3D%3D%3D%3D%3Dinttyh7wgzvh%3D%3D%3D%3D%3D%22&amp;key=AIzaSyAy9VVXHSpS2IJpptzYtGbLP3-3_l0aBk4</t>
  </si>
  <si>
    <t>ce95718d-6642-45f9-b940-119c285f0b98.tmp</t>
  </si>
  <si>
    <t>\\acsfs\profiles$\andreapdsg\Downloads\ce95718d-6642-45f9-b940-119c285f0b98.tmp</t>
  </si>
  <si>
    <t>Auditoria 09-01.png</t>
  </si>
  <si>
    <t>\\acsfs\DEPTOS\Operacao\Banco_Votorantim\Qualidade\Anderson\Jose\Atualizado\Auditoria 09-01.png</t>
  </si>
  <si>
    <t>XLOG_tiagosno_09012020_074302.log</t>
  </si>
  <si>
    <t>\\acsfs\profiles$\tiagosno\My Documents\xworkcenter\logs\XLOG_tiagosno_09012020_074302.log</t>
  </si>
  <si>
    <t>e93f9197-53b1-45b5-98aa-112f8b4f68b4.tmp</t>
  </si>
  <si>
    <t>\\acsfs\profiles$\andrezacapf\Downloads\e93f9197-53b1-45b5-98aa-112f8b4f68b4.tmp</t>
  </si>
  <si>
    <t>http:///batch?%24ct=multipart%2Fmixed%3B%20boundary%3D%22%3D%3D%3D%3D%3De58kqub086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�,workspaceids</t>
  </si>
  <si>
    <t>http:///batch?%24ct=multipart%2Fmixed%3B%20boundary%3D%22%3D%3D%3D%3D%3Dbm6mymkwnyt5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userpermission(role)�,workspaceids</t>
  </si>
  <si>
    <t>http:///batch?%24ct=multipart%2Fmixed%3B%20boundary%3D%22%3D%3D%3D%3D%3Dln1odzuwqw80%3D%3D%3D%3D%3D%22&amp;key=AIzaSyAy9VVXHSpS2IJpptzYtGbLP3-3_l0aBk4</t>
  </si>
  <si>
    <t>XLOG_ellencds_09012020_070645.log</t>
  </si>
  <si>
    <t>\\acsfs\profiles$\ellencds\My Documents\xworkcenter\logs\XLOG_ellencds_09012020_070645.log</t>
  </si>
  <si>
    <t>572ff8a1-9fcf-4b25-8ec2-dace555cb867.tmp</t>
  </si>
  <si>
    <t>\\acsfs\profiles$\philipegsf\Downloads\572ff8a1-9fcf-4b25-8ec2-dace555cb867.tmp</t>
  </si>
  <si>
    <t>cbbffcf6-4c4c-4d96-baf2-52a26124d8fe.tmp</t>
  </si>
  <si>
    <t>\\acsfs\profiles$\rosileiam\Downloads\cbbffcf6-4c4c-4d96-baf2-52a26124d8fe.tmp</t>
  </si>
  <si>
    <t>9f91fcce-ff78-4e05-b35b-4f6aede08216.tmp</t>
  </si>
  <si>
    <t>\\acsfs\profiles$\rosileiam\Downloads\9f91fcce-ff78-4e05-b35b-4f6aede08216.tmp</t>
  </si>
  <si>
    <t>838917aa-cdd3-435b-9ddd-e26162d5f797.tmp</t>
  </si>
  <si>
    <t>\\acsfs\profiles$\andreapdsg\Downloads\838917aa-cdd3-435b-9ddd-e26162d5f797.tmp</t>
  </si>
  <si>
    <t>145fbb13-efac-4b7c-a65b-c4554176c285.tmp</t>
  </si>
  <si>
    <t>\\acsfs\profiles$\andreapdsg\Downloads\145fbb13-efac-4b7c-a65b-c4554176c285.tmp</t>
  </si>
  <si>
    <t>f7107ce1-6f6e-45cb-8639-6bd03a500e12.tmp</t>
  </si>
  <si>
    <t>\\acsfs\profiles$\sarahbal\Downloads\f7107ce1-6f6e-45cb-8639-6bd03a500e12.tmp</t>
  </si>
  <si>
    <t>7fb8525e-7d68-42f4-8b4c-5984dc0b8849.tmp</t>
  </si>
  <si>
    <t>\\acsfs\profiles$\isabellegtds\Downloads\7fb8525e-7d68-42f4-8b4c-5984dc0b8849.tmp</t>
  </si>
  <si>
    <t>0f44ee13-bee0-493a-b043-fdf420555185.tmp</t>
  </si>
  <si>
    <t>\\acsfs\profiles$\isabellegtds\Downloads\0f44ee13-bee0-493a-b043-fdf420555185.tmp</t>
  </si>
  <si>
    <t>8b196415-6942-4279-bef1-61bc2bc020dd.tmp</t>
  </si>
  <si>
    <t>\\acsfs\profiles$\gabrielamdp\Downloads\8b196415-6942-4279-bef1-61bc2bc020dd.tmp</t>
  </si>
  <si>
    <t>XLOG_anacdos_09012020_065352.log</t>
  </si>
  <si>
    <t>\\acsfs\profiles$\anacdos\My Documents\xworkcenter\logs\XLOG_anacdos_09012020_065352.log</t>
  </si>
  <si>
    <t>69761ece-2705-46a1-8db7-d08273ce7454.tmp</t>
  </si>
  <si>
    <t>\\acsfs\profiles$\adelvinsonle\Downloads\69761ece-2705-46a1-8db7-d08273ce7454.tmp</t>
  </si>
  <si>
    <t>823a8750-9003-46b8-8999-c2772902fc3e.tmp</t>
  </si>
  <si>
    <t>\\acsfs\profiles$\andreapdsg\Downloads\823a8750-9003-46b8-8999-c2772902fc3e.tmp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,viniciussg@algartech.com</t>
  </si>
  <si>
    <t>1446383e-4c1f-459c-9a06-275bc6dfcf73.tmp</t>
  </si>
  <si>
    <t>\\acsfs\profiles$\myllenardl\Downloads\1446383e-4c1f-459c-9a06-275bc6dfcf73.tmp</t>
  </si>
  <si>
    <t>65df83ff-2e3d-4997-b05d-18dc00322be4.tmp</t>
  </si>
  <si>
    <t>\\acsfs\profiles$\KARENDSR\Downloads\65df83ff-2e3d-4997-b05d-18dc00322be4.tmp</t>
  </si>
  <si>
    <t>mail.google.com/sync/u/0/i/s?hl=pt-BR&amp;c=609</t>
  </si>
  <si>
    <t>Eventos.txt</t>
  </si>
  <si>
    <t>\\acsfs\profiles$\jaquelinecp\My Documents\Eventos.txt</t>
  </si>
  <si>
    <t>\\acsfs\engeset\CPV_ULA\ADMINISTRATIVO\CONTROLE ADMINISTRATIVO\DOCUMENTAÇÃO PARA HABILITAÇÃO\Engeset\2020\TIM - WS2193126551 - 1ª Rodada - Extensão BBN - 10.01.2020\</t>
  </si>
  <si>
    <t>WS2193126551 - 1ª Rodada - Extensão BBN.xls</t>
  </si>
  <si>
    <t>mail.google.com/_/upload?authuser=0&amp;dcp=asu-n&amp;upload_id=AEnB2UptoplAO3ttPqWuLJifWYgiZ-uD4PfvfvEc7z5MNyOTJlthfG4zMfzvPm-S7lVkGb5SdBxK_PPWnazzsu05gs83dq6Uhw&amp;upload_protocol=resumable</t>
  </si>
  <si>
    <t>mail.google.com/_/upload?authuser=0&amp;dcp=asu-n&amp;upload_id=AEnB2Uoh17SGNKZHLj6-sCABfPPk4cX_q9XIr21rPl0iFiahBI4WA2Esame2wnMQMwW-G-JsdhvXScnkwRYTGw3Nj6j62YUjwg&amp;upload_protocol=resumable</t>
  </si>
  <si>
    <t>sherleyce@algartech.com;talitaps@algartech.com;</t>
  </si>
  <si>
    <t>\\acsfs\deptos\DME\CME - Coordenacao de Marketing e Estrategia\Gestão de Vendas\Metas\2020\Carta de Metas\Brasil\AFONSO\New\</t>
  </si>
  <si>
    <t>Fernando Guimarães.xlsx</t>
  </si>
  <si>
    <t>sherleyce@algartech.com,talitaps@algartech.com</t>
  </si>
  <si>
    <t>mail.google.com/_/upload?authuser=0&amp;dcp=asu-n&amp;upload_id=AEnB2UpApOKbohFkY5kALI4lZUOS8vnqRQVPpGEa-WgZg3RPHcI6_ydi9YlViQOtPKUPXC0Z4fvDZIH5PpQtq4u7agVmz18PAQ&amp;upload_protocol=resumable</t>
  </si>
  <si>
    <t>Gabriel Storti.xlsx</t>
  </si>
  <si>
    <t>6bca924f-507a-4a01-91dd-09f76e57fe95.tmp</t>
  </si>
  <si>
    <t>\\acsfs\profiles$\LUISPLS\Downloads\6bca924f-507a-4a01-91dd-09f76e57fe95.tmp</t>
  </si>
  <si>
    <t>fernandaab@algartech.com;lilianls@algartech.com;qualidadealgarbv@algartech.com;talmaiardo@algartech.com;</t>
  </si>
  <si>
    <t>fernandaab@algartech.com,lilianls@algartech.com,qualidadealgarbv@algartech.com,talmaiardo@algartech.com</t>
  </si>
  <si>
    <t>bvs-centralcartoes@bv.com.br;fernandaab@algartech.com;fernandorsju@algartech.com;lilianls@algartech.com;qualidadealgarbv@algartech.com;talmaiardo@algartech.com;thiagordu@algartech.com;</t>
  </si>
  <si>
    <t>bvs-centralcartoes@bv.com.br,fernandaab@algartech.com,fernandorsju@algartech.com,lilianls@algartech.com,qualidadealgarbv@algartech.com,talmaiardo@algartech.com,thiagordu@algartech.com</t>
  </si>
  <si>
    <t>12e90a03-f951-4e5b-bb2e-b721f90deff7.tmp</t>
  </si>
  <si>
    <t>\\acsfs\profiles$\myllenardl\Downloads\12e90a03-f951-4e5b-bb2e-b721f90deff7.tmp</t>
  </si>
  <si>
    <t>5ce260ed-a29e-4b47-9ccc-5fa71c8ec2f9.tmp</t>
  </si>
  <si>
    <t>\\acsfs\profiles$\myllenardl\Downloads\5ce260ed-a29e-4b47-9ccc-5fa71c8ec2f9.tmp</t>
  </si>
  <si>
    <t>22f20eeb-0664-49ef-a111-3b766013c7f4.tmp</t>
  </si>
  <si>
    <t>\\acsfs\profiles$\larissaad\Downloads\22f20eeb-0664-49ef-a111-3b766013c7f4.tmp</t>
  </si>
  <si>
    <t>Relatorio de Vendas - Auditoria BV Cartoes (Janeiro) SUPERVISOR.xlsx</t>
  </si>
  <si>
    <t>\\acsfs\DEPTOS\Operacao\Banco_Votorantim\Qualidade\Anderson\Jose\Atualizado\Relatorio de Vendas - Auditoria BV Cartoes (Janeiro) SUPERVISOR.xlsx</t>
  </si>
  <si>
    <t>76cc281f-402c-4954-9532-6a85ce32c00e.tmp</t>
  </si>
  <si>
    <t>\\acsfs\profiles$\anafsb\Downloads\76cc281f-402c-4954-9532-6a85ce32c00e.tmp</t>
  </si>
  <si>
    <t>a432e74e-997d-4e8e-ad58-fe963efc26bc.tmp</t>
  </si>
  <si>
    <t>\\acsfs\profiles$\laurandos\Downloads\a432e74e-997d-4e8e-ad58-fe963efc26bc.tmp</t>
  </si>
  <si>
    <t>lu138892y2ps4s.tmp</t>
  </si>
  <si>
    <t>\\acsfs\DEPTOS\Operacao\Banco_Votorantim\Supervisao\SUPERS BV CARTÕES\ANA VITORIA\APOIO\lu138892y2ps4s.tmp</t>
  </si>
  <si>
    <t>lu138892y2ps4y.tmp</t>
  </si>
  <si>
    <t>\\acsfs\DEPTOS\Operacao\Banco_Votorantim\Supervisao\SUPERS BV CARTÕES\ANA VITORIA\APOIO\lu138892y2ps4y.tmp</t>
  </si>
  <si>
    <t>\\acsfs\DEPTOS\Operacao\Banco_Votorantim\Supervisao\SUPERS BV CARTÕES\ANA VITORIA\APOIO\lu138892y2ps4y.tmp\</t>
  </si>
  <si>
    <t>\\acsfs\DEPTOS\Operacao\Banco_Votorantim\Supervisao\SUPERS BV CARTÕES\ANA VITORIA\APOIO\lu138892y2ps4y.tmp\META-INF\</t>
  </si>
  <si>
    <t>\\acsfs\DEPTOS\Operacao\Banco_Votorantim\Supervisao\SUPERS BV CARTÕES\ANA VITORIA\APOIO\lu138892y2ps4y.tmp\Thumbnails\</t>
  </si>
  <si>
    <t>C:\Users\hugooc\OneDrive\Documentos\FINANCEIRO\2019\11 - NOVEMBRO\</t>
  </si>
  <si>
    <t>EXTRATO CARTÃO 11.xlsx</t>
  </si>
  <si>
    <t>d4dbcf6a-3607-411f-87d2-b22d9c23d57f.tmp</t>
  </si>
  <si>
    <t>\\acsfs\profiles$\laurandos\Downloads\d4dbcf6a-3607-411f-87d2-b22d9c23d57f.tmp</t>
  </si>
  <si>
    <t>b59fe91a-32ee-4ea8-b356-4e5703ff5d3b.tmp</t>
  </si>
  <si>
    <t>\\acsfs\profiles$\brendadsl\Downloads\b59fe91a-32ee-4ea8-b356-4e5703ff5d3b.tmp</t>
  </si>
  <si>
    <t>da0d5007-33ea-44d5-af4a-ca40b483fe67.tmp</t>
  </si>
  <si>
    <t>\\acsfs\profiles$\brendadsl\Downloads\da0d5007-33ea-44d5-af4a-ca40b483fe67.tmp</t>
  </si>
  <si>
    <t>\\acsfs\DEPTOS\Operacao\Banco_Votorantim\Comum\00 - COMUM - BV CARTÕES\EQUIPE ADILSON\Reneg\2A37FF72.tmp\</t>
  </si>
  <si>
    <t>\\acsfs\DEPTOS\Operacao\Banco_Votorantim\Comum\00 - COMUM - BV CARTÕES\EQUIPE ADILSON\Reneg\2A37FF72.tmp\:Zone.Identifier:$DATA</t>
  </si>
  <si>
    <t>3bbc9a18-a758-409d-a8b7-48b257abf822.tmp</t>
  </si>
  <si>
    <t>\\acsfs\profiles$\nayarasds\Downloads\3bbc9a18-a758-409d-a8b7-48b257abf822.tmp</t>
  </si>
  <si>
    <t>https://udpwfmniceap02/web/guest/home?p_auth=vhb6kmfg&amp;p_p_id=58&amp;p_p_lifecycle=1&amp;p_p_state=maximized&amp;p_p_mode=view&amp;savelastpath=0&amp;_58_struts_action=/login/forgot_password</t>
  </si>
  <si>
    <t>C:\Users\alinesf\Downloads\</t>
  </si>
  <si>
    <t>Template_folha_retificadora.xlsx</t>
  </si>
  <si>
    <t>"mimetype":"appl,ances,ancest,ancestorhasaugmentedpermissions,containsunsubscribedchildren,displayname,domain,emailaddress,exp,explicitlytrashed,file(kind,fileid,filesize,hasthumbnail,hasvisitorpermissions,id,id),items(deleted,items(kind,ken,kind,lastmodifyinguser(kind,lastviewedbymedate,mimetype,modifiedbymedate,modifieddate,ontainsunsubscribedchildren,owners(kind,permi,permiss,permission,permissionid,pict,pictu,picture,quotabytes,rpermissions,s",shared,sharedwithmedate,thumbn,thumbnailversion,title,userpermission(role),workspaceids</t>
  </si>
  <si>
    <t>bd772bfb-cf35-4136-a1b3-9af9ed0c10fe.tmp</t>
  </si>
  <si>
    <t>\\acsfs\profiles$\alinepp\Downloads\bd772bfb-cf35-4136-a1b3-9af9ed0c10fe.tmp</t>
  </si>
  <si>
    <t>02d67fc9-35dc-45bc-acb1-42085d117619.tmp</t>
  </si>
  <si>
    <t>\\acsfs\profiles$\gabrielamdp\Downloads\02d67fc9-35dc-45bc-acb1-42085d117619.tmp</t>
  </si>
  <si>
    <t>dd149620-ef24-4660-b457-7dd0e7b5a42a.tmp</t>
  </si>
  <si>
    <t>\\acsfs\profiles$\marcosvnds\Downloads\dd149620-ef24-4660-b457-7dd0e7b5a42a.tmp</t>
  </si>
  <si>
    <t>22304c11-6e9d-409d-9719-6f44fe8e3bf0.tmp</t>
  </si>
  <si>
    <t>\\acsfs\profiles$\andressamf\Downloads\22304c11-6e9d-409d-9719-6f44fe8e3bf0.tmp</t>
  </si>
  <si>
    <t>/o=exchangelabs/ou=exchange administrative group (fydibohf23spdlt)/cn=recipients/cn=8b5b63d67af648d081a40c45cc800804-fabiana per;thaismo@algartech.com.br;</t>
  </si>
  <si>
    <t>Estrutura_ Arquivo Corporativo</t>
  </si>
  <si>
    <t>JANEIRO.xls</t>
  </si>
  <si>
    <t>/o=exchangelabs/ou=exchange administrative group (fydibohf23spdlt)/cn=recipients/cn=8b5b63d67af648d081a40c45cc800804-fabiana per,thaismo@algartech.com.br</t>
  </si>
  <si>
    <t>mail.google.com/sync/u/0/i/s?hl=pt-BR&amp;c=680</t>
  </si>
  <si>
    <t>mail.google.com/sync/u/0/i/s?hl=pt-BR&amp;c=682</t>
  </si>
  <si>
    <t>mail.google.com/sync/u/0/i/s?hl=pt-BR&amp;c=697</t>
  </si>
  <si>
    <t>015be82b-6976-4df0-9891-de97de79a231.tmp</t>
  </si>
  <si>
    <t>\\acsfs\profiles$\paulohaf\Downloads\015be82b-6976-4df0-9891-de97de79a231.tmp</t>
  </si>
  <si>
    <t>5cd46451-80d8-4089-aba2-3e9be64ecdc8.tmp</t>
  </si>
  <si>
    <t>\\acsfs\profiles$\paulohaf\Downloads\5cd46451-80d8-4089-aba2-3e9be64ecdc8.tmp</t>
  </si>
  <si>
    <t>642d9faa-f1ee-47f0-a049-8e2100a2c3c9.tmp</t>
  </si>
  <si>
    <t>\\acsfs\profiles$\henriqueco\Downloads\642d9faa-f1ee-47f0-a049-8e2100a2c3c9.tmp</t>
  </si>
  <si>
    <t>lilianeadb@algartech.com</t>
  </si>
  <si>
    <t>arones.duarte@algartech.com;herica.couto@light.com.br;</t>
  </si>
  <si>
    <t>\\acsfs\engeset\CPV_ULA\ADMINISTRATIVO\CONTROLE ADMINISTRATIVO\DOCUMENTAÇÃO PARA HABILITAÇÃO\Algar Tecnologia\2020\223397 - LIGHT - CALL CENTER - 21.01.2020\</t>
  </si>
  <si>
    <t>AlgarTecnologia_21246699000144 _Formulário de Integridade de Fornecedor.xlsx</t>
  </si>
  <si>
    <t>arones.duarte@algartech.com,herica.couto@light.com.br</t>
  </si>
  <si>
    <t>ff3910d8-aed5-4da1-b811-b094a9949a27.tmp</t>
  </si>
  <si>
    <t>\\acsfs\profiles$\cintiadjl\Downloads\ff3910d8-aed5-4da1-b811-b094a9949a27.tmp</t>
  </si>
  <si>
    <t>de6376f5-0cae-4e36-9563-fc153ae5fd30.tmp</t>
  </si>
  <si>
    <t>\\acsfs\profiles$\cintiadjl\Downloads\de6376f5-0cae-4e36-9563-fc153ae5fd30.tmp</t>
  </si>
  <si>
    <t>Fechamento ciclo nice 1.xls</t>
  </si>
  <si>
    <t>\\acsfs\ACS\001 - Qualidade Lilian\PAULO\FAROL DE QUALIDADE\Janeiro\Fechamento ciclo nice 1.xls</t>
  </si>
  <si>
    <t>6a61cc1f-29c8-42b8-8009-0173187178c7.tmp</t>
  </si>
  <si>
    <t>\\acsfs\profiles$\marcosvnds\Downloads\6a61cc1f-29c8-42b8-8009-0173187178c7.tmp</t>
  </si>
  <si>
    <t>964c84ae-4297-4eb9-a36b-d3a8957cb6e8.tmp</t>
  </si>
  <si>
    <t>\\acsfs\profiles$\marcosvnds\Downloads\964c84ae-4297-4eb9-a36b-d3a8957cb6e8.tmp</t>
  </si>
  <si>
    <t>REPORT ACOMPANHAMENTO - BV - JANEIRO 2.xlsb</t>
  </si>
  <si>
    <t>\\acsfs\deptos\Operacao\PCP\5 - Comum\PLANEJAMENTO BV\14 - ACOMPANHAMENTO\1 - REPORT ACOMPANHAMENTO\2020\1 - JANEIRO\FINANCEIRA\REPORT ACOMPANHAMENTO - BV - JANEIRO 2.xlsb</t>
  </si>
  <si>
    <t>\\acsfs\DEPTOS\Operacao\Banco_Votorantim\Comum\00 - COMUM - BV CARTÕES\EQUIPE ADILSON\Reneg\9F65E411.tmp\</t>
  </si>
  <si>
    <t>\\acsfs\DEPTOS\Operacao\Banco_Votorantim\Comum\00 - COMUM - BV CARTÕES\EQUIPE ADILSON\Reneg\9F65E411.tmp\:Zone.Identifier:$DATA</t>
  </si>
  <si>
    <t>Reneg - Vcto 26-12-19.xlsx</t>
  </si>
  <si>
    <t>\\acsfs\DEPTOS\Operacao\Banco_Votorantim\Comum\00 - COMUM - BV CARTÕES\EQUIPE ADILSON\Reneg\Reneg - Vcto 26-12-19.xlsx</t>
  </si>
  <si>
    <t>f9dc91e8-191f-421f-a8dc-ba3bded18072.tmp</t>
  </si>
  <si>
    <t>\\acsfs\profiles$\paulohaf\Downloads\f9dc91e8-191f-421f-a8dc-ba3bded18072.tmp</t>
  </si>
  <si>
    <t>f6c19a40-6f48-4e2e-a2ad-764066a9813b.tmp</t>
  </si>
  <si>
    <t>\\acsfs\profiles$\paulohaf\Downloads\f6c19a40-6f48-4e2e-a2ad-764066a9813b.tmp</t>
  </si>
  <si>
    <t>68738b4e-6517-4499-8895-471c13c16f03.tmp</t>
  </si>
  <si>
    <t>\\acsfs\profiles$\henriqueco\Downloads\68738b4e-6517-4499-8895-471c13c16f03.tmp</t>
  </si>
  <si>
    <t>/o=exchangelabs/ou=exchange administrative group (fydibohf23spdlt)/cn=recipients/cn=30f74284082a40308b3cb42ff978db0b-lucas faund;/o=exchangelabs/ou=exchange administrative group (fydibohf23spdlt)/cn=recipients/cn=53daf8b2f594453388fdc2bcfe30dc5e-camilasc_al;diegoiao@algartech.com.br;vaniakto@gmail.com;</t>
  </si>
  <si>
    <t>RES: Acompanhamento D-1/service desk</t>
  </si>
  <si>
    <t>Consolidado Bradescard - Dezembro-19.xlsx</t>
  </si>
  <si>
    <t>/o=exchangelabs/ou=exchange administrative group (fydibohf23spdlt)/cn=recipients/cn=30f74284082a40308b3cb42ff978db0b-lucas faund,/o=exchangelabs/ou=exchange administrative group (fydibohf23spdlt)/cn=recipients/cn=53daf8b2f594453388fdc2bcfe30dc5e-camilasc_al,diegoiao@algartech.com.br,vaniakto@gmail.com</t>
  </si>
  <si>
    <t>da3ff6ac-dc46-47e7-9f7e-15642ca55cc7.tmp</t>
  </si>
  <si>
    <t>\\acsfs\profiles$\victorgl\Downloads\da3ff6ac-dc46-47e7-9f7e-15642ca55cc7.tmp</t>
  </si>
  <si>
    <t>81c4e7d3-c218-46ef-b122-4cb54a906ffb.tmp</t>
  </si>
  <si>
    <t>\\acsfs\profiles$\victorgl\Downloads\81c4e7d3-c218-46ef-b122-4cb54a906ffb.tmp</t>
  </si>
  <si>
    <t>8b7a24c3-cfc7-4c8f-9ebd-d4d65a35e1df.tmp</t>
  </si>
  <si>
    <t>\\acsfs\profiles$\fabianafv\Downloads\8b7a24c3-cfc7-4c8f-9ebd-d4d65a35e1df.tmp</t>
  </si>
  <si>
    <t>c6a1a752-e7a2-4fea-80e6-55630af975a1.tmp</t>
  </si>
  <si>
    <t>\\acsfs\profiles$\lorrainerdl\Downloads\c6a1a752-e7a2-4fea-80e6-55630af975a1.tmp</t>
  </si>
  <si>
    <t>b254bc94-d8c0-479f-8197-c59547f84576.tmp</t>
  </si>
  <si>
    <t>\\acsfs\profiles$\laylaams\Downloads\b254bc94-d8c0-479f-8197-c59547f84576.tmp</t>
  </si>
  <si>
    <t>1dfc9113-6340-4cfb-8598-da563f17d2ca.tmp</t>
  </si>
  <si>
    <t>\\acsfs\profiles$\maxmillianosv\Downloads\1dfc9113-6340-4cfb-8598-da563f17d2ca.tmp</t>
  </si>
  <si>
    <t>ad11b301-c415-4986-90c1-fefce0e0225d.tmp</t>
  </si>
  <si>
    <t>\\acsfs\profiles$\henriqueco\Downloads\ad11b301-c415-4986-90c1-fefce0e0225d.tmp</t>
  </si>
  <si>
    <t>6594b071-45b9-48bb-8cc0-dcce0d2b0d61.tmp</t>
  </si>
  <si>
    <t>\\acsfs\profiles$\victorgl\Downloads\6594b071-45b9-48bb-8cc0-dcce0d2b0d61.tmp</t>
  </si>
  <si>
    <t>412666ab-5c47-4403-87aa-0aaf8fa7e2a1.tmp</t>
  </si>
  <si>
    <t>\\acsfs\profiles$\victorgl\Downloads\412666ab-5c47-4403-87aa-0aaf8fa7e2a1.tmp</t>
  </si>
  <si>
    <t>494879b0-dc54-49a8-8914-3c79bf3501de.tmp</t>
  </si>
  <si>
    <t>\\acsfs\profiles$\andreapdsg\Downloads\494879b0-dc54-49a8-8914-3c79bf3501de.tmp</t>
  </si>
  <si>
    <t>dd82fea6-058f-42ac-9e79-6196e60d16bb.tmp</t>
  </si>
  <si>
    <t>\\acsfs\profiles$\anafsb\Downloads\dd82fea6-058f-42ac-9e79-6196e60d16bb.tmp</t>
  </si>
  <si>
    <t>9682fea4-af9b-427d-8d62-a6e17f3e3384.tmp</t>
  </si>
  <si>
    <t>\\acsfs\profiles$\francislayneads\Downloads\9682fea4-af9b-427d-8d62-a6e17f3e3384.tmp</t>
  </si>
  <si>
    <t>rudneylc@algartech.com</t>
  </si>
  <si>
    <t>mail.google.com/_/upload?authuser=0&amp;dcp=asu-n&amp;upload_id=AEnB2Upb0bA0Op7vrKQdbBFnF5Zu6hz5PAnfAYoA3EJMMxrSYd2KGsWGh2tdvDe9-ZoZ-vWk5GkD1eFKkL3P17sewQL9nb0_fw&amp;upload_protocol=resumable</t>
  </si>
  <si>
    <t>marcellusrlj@algartech.com;</t>
  </si>
  <si>
    <t>\\acsfs\DEPTOS\Controladoria\32.Tesouraria\1 - Fluxo de Caixa\Caixa 2020\1 - Fluxo de Caixa\1 - Apresentação\01 - Janeiro\100120\Justificativas Latam\</t>
  </si>
  <si>
    <t>Fluxo Justificativa - Argentina 2020.xlsx</t>
  </si>
  <si>
    <t>marcellusrlj@algartech.com</t>
  </si>
  <si>
    <t>BD Operadores.xlsx</t>
  </si>
  <si>
    <t>ances,ancestorhasaugmentedpermissions,containsunsubscribedchildren,displayname,domain,emailaddress,exp,explicitlytrashed,file(kind,fileid,filesize,hasthumbna,hasthumbnail,hasvisitorpermissions,id,id),items(deleted,items(kind,ken,kind,lastmodifyinguser(kind,lastviewedbymedate,mimetype�,modifiedbymedate,modifieddate,ontainsunsubscribedchildren,owners(kind,permi,permiss,permission,permissionid,pict,picture,rpermissions,shared,sharedwithmedate,thumbnailversion,title,userpermission(role),workspaceids</t>
  </si>
  <si>
    <t>leandrolm@algartech.com;</t>
  </si>
  <si>
    <t>C:\Users\guilhermedsf\Downloads\</t>
  </si>
  <si>
    <t>Faturas (33).xlsx</t>
  </si>
  <si>
    <t>leandrolm@algartech.com</t>
  </si>
  <si>
    <t>48bff587-5dfd-4db3-a530-6fd4c58c2879.tmp</t>
  </si>
  <si>
    <t>\\acsfs\profiles$\myllenardl\Downloads\48bff587-5dfd-4db3-a530-6fd4c58c2879.tmp</t>
  </si>
  <si>
    <t>cdc.PNG</t>
  </si>
  <si>
    <t>\\acsfs\ACS\001 - Qualidade Lilian\PAULO\Pasta Tainara\cdc.PNG</t>
  </si>
  <si>
    <t>sac.PNG</t>
  </si>
  <si>
    <t>\\acsfs\ACS\001 - Qualidade Lilian\PAULO\Pasta Tainara\sac.PNG</t>
  </si>
  <si>
    <t>consig.PNG</t>
  </si>
  <si>
    <t>\\acsfs\ACS\001 - Qualidade Lilian\PAULO\Pasta Tainara\consig.PNG</t>
  </si>
  <si>
    <t>chat.PNG</t>
  </si>
  <si>
    <t>\\acsfs\ACS\001 - Qualidade Lilian\PAULO\Pasta Tainara\chat.PNG</t>
  </si>
  <si>
    <t>c:\users\marianacgs\downloads\</t>
  </si>
  <si>
    <t>1f3e6ae6baf04b8ebcc603e3ce63db1d (1).xls</t>
  </si>
  <si>
    <t>81d2a165-4cbe-4311-a681-2b3a71d11473.tmp</t>
  </si>
  <si>
    <t>\\acsfs\profiles$\quindaizaagds\Downloads\81d2a165-4cbe-4311-a681-2b3a71d11473.tmp</t>
  </si>
  <si>
    <t>7c156485-702c-4bc5-b127-63fcb327d123.tmp</t>
  </si>
  <si>
    <t>\\acsfs\profiles$\quindaizaagds\Downloads\7c156485-702c-4bc5-b127-63fcb327d123.tmp</t>
  </si>
  <si>
    <t>XLOG_vanessacgs_09012020_081640.log</t>
  </si>
  <si>
    <t>\\acsfs\profiles$\vanessacgs\My Documents\xworkcenter\logs\XLOG_vanessacgs_09012020_081640.log</t>
  </si>
  <si>
    <t>1f3e6ae6baf04b8ebcc603e3ce63db1d.xls</t>
  </si>
  <si>
    <t>10.200.58.1</t>
  </si>
  <si>
    <t>5C-EA-1D-CF-BF-5D</t>
  </si>
  <si>
    <t>NB-CRISTINAHE</t>
  </si>
  <si>
    <t>cristinahe</t>
  </si>
  <si>
    <t>\\acsfs\DEPTOS\Operacao\Pool\2 - Operacoes\AMEX\1 - Gestao da Area\1.1 - Gerente\08 Cristina Herminio\08 Cristina Herminio\Next\</t>
  </si>
  <si>
    <t>Indicadores Next.xls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,displaynam,displayname,domain,emailaddress,explicitlytrashed,explicitlytrashed�,file(kind,fileextension,fileid,filesize,flaggedforabuse,foldercolor,folderfeatures,hasaugmentedpermissions,haschildfolders,hasthumbnail,hasvisitorpermissions,hidden,id,id),id)�,items(deleted,items(kind,ken,kind,labels(starred,lastmodifyinguser(kind,lastviewedbymedate,mimetype,modifiedbymedate,modifieddate,ontainsunsubscribedchildren,organizationdisplayname,owners(kind,parents(id),passivelysubscribed,permissionid,pict,picture,primarydomainname,primarysyncparentid,quotabytesused,recency,recencyreason,restricted,rpermissions,shareable,shared,sha</t>
  </si>
  <si>
    <t>\\acsfs\DEPTOS\Operacao\Pool\2 - Operacoes\AMEX\1 - Gestao da Area\1.1 - Gerente\08 Cristina Herminio\08 Cristina Herminio\Next\Plano de trabalho 2020\</t>
  </si>
  <si>
    <t>Cópia de Plano de trabalho Next 2020.xlsx</t>
  </si>
  <si>
    <t>0cef485a-d857-482f-96ef-7c56a1070d27.tmp</t>
  </si>
  <si>
    <t>\\acsfs\profiles$\edicarlosdl\Downloads\0cef485a-d857-482f-96ef-7c56a1070d27.tmp</t>
  </si>
  <si>
    <t>1c54e5ac-ad70-40ec-94d9-4fedb86ff3b2.tmp</t>
  </si>
  <si>
    <t>\\acsfs\profiles$\fabianobmf\Downloads\1c54e5ac-ad70-40ec-94d9-4fedb86ff3b2.tmp</t>
  </si>
  <si>
    <t>10.200.61.101</t>
  </si>
  <si>
    <t>68-A3-C4-61-60-57</t>
  </si>
  <si>
    <t>NB-JULIANA</t>
  </si>
  <si>
    <t>julianarcda</t>
  </si>
  <si>
    <t>\\acsfs\SCORP$\2 - Operacao UDI\2.3 - Relatorios\2.6.1 - Relatórios Algar Tecnologia\2.6.1.1 - Relatório de Ocorrência Empresarial\R.O 2020\R.O - 01-2020\</t>
  </si>
  <si>
    <t>ancestorhasaugmentedpermissions,containsunsubscribedchildren,displayname,domain,emailaddress,explicitlytrashed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10.250.255.52</t>
  </si>
  <si>
    <t>danieldom@algartech.com;</t>
  </si>
  <si>
    <t>Engeset para TI.xlsx</t>
  </si>
  <si>
    <t>danieldom@algartech.com</t>
  </si>
  <si>
    <t>3062e97f-9350-4bf5-967f-d221af03fd6a.tmp</t>
  </si>
  <si>
    <t>\\acsfs\profiles$\quindaizaagds\Downloads\3062e97f-9350-4bf5-967f-d221af03fd6a.tmp</t>
  </si>
  <si>
    <t>mail.google.com/sync/u/0/i/s?hl=pt-BR&amp;c=754</t>
  </si>
  <si>
    <t>mail.google.com/sync/u/0/i/s?hl=pt-BR&amp;c=756</t>
  </si>
  <si>
    <t>d20b95bf-2ef3-427b-b7b6-cd43b3a65e7b.tmp</t>
  </si>
  <si>
    <t>\\acsfs\profiles$\victorgl\Downloads\d20b95bf-2ef3-427b-b7b6-cd43b3a65e7b.tmp</t>
  </si>
  <si>
    <t>mail.google.com/sync/u/0/i/s?hl=pt-BR&amp;c=872</t>
  </si>
  <si>
    <t>mail.google.com/sync/u/0/i/s?hl=pt-BR&amp;c=874</t>
  </si>
  <si>
    <t>crbv.PNG</t>
  </si>
  <si>
    <t>\\acsfs\ACS\001 - Qualidade Lilian\PAULO\Pasta Tainara\crbv.PNG</t>
  </si>
  <si>
    <t>6d53b3a2-31b4-43c1-9087-698a1993d40d.tmp</t>
  </si>
  <si>
    <t>\\acsfs\profiles$\lorraynevam\Downloads\6d53b3a2-31b4-43c1-9087-698a1993d40d.tmp</t>
  </si>
  <si>
    <t>10.200.60.37</t>
  </si>
  <si>
    <t>A4-17-31-FC-FA-DD</t>
  </si>
  <si>
    <t>\\acsfs\DEPTOS\Operacao\PCP\5 - Comum\ACOMPANHAMENTO AMEX\10- Acompanhamento PF\FINANCEIRO BOCM\2019\12 - Dezembro\</t>
  </si>
  <si>
    <t>Fechamento Financeiro - BOCM - Dez_19.xlsx</t>
  </si>
  <si>
    <t>09-01 RELATORIO DE LOGIN AVON.xlsm</t>
  </si>
  <si>
    <t>\\acsfs\deptos\Operacao\PCP\5 - Comum\CONTROL DESK\2 - DAC2\Control Desk AVON\Relatorios\Status de login\2020\09-01 RELATORIO DE LOGIN AVON.xlsm</t>
  </si>
  <si>
    <t>\\acsfs\DEPTOS\Operacao\Banco_Votorantim\Comum\00 - COMUM - BV CARTÕES\EQUIPE ADILSON\Reneg\CAD2B3A8.tmp\</t>
  </si>
  <si>
    <t>\\acsfs\DEPTOS\Operacao\Banco_Votorantim\Comum\00 - COMUM - BV CARTÕES\EQUIPE ADILSON\Reneg\CAD2B3A8.tmp\:Zone.Identifier:$DATA</t>
  </si>
  <si>
    <t>\\acsfs\DEPTOS\Sustentabilidade\40 - Responsabilidade social\8 - Associados\Indicadores\Apresentação- Tati\</t>
  </si>
  <si>
    <t>PCD- Linha do tempo.xlsx</t>
  </si>
  <si>
    <t>ancest,ancestorhasaugmentedpermissions,containsunsubscribedchildren,displayname,domain,emailaddress,explicitlytrashed,file(kind,fileid,filesize,hasth,hasthumbnail,hasvisitorpermissions,id,id),items(deleted,items(kind,ken,kind,lastmodifyinguser(kind,lastviewedbymedate,mimet,modifiedbymedate,modifieddate,ontainsunsubscribedchildren,owners(kind,per,permissionid,pictu,picture,rpermissions,shared,sharedwithmedate,thumbnailversion,title,userpermission(role),workspaceids</t>
  </si>
  <si>
    <t>10.211.3.104</t>
  </si>
  <si>
    <t>74-E5-43-9D-EF-DB</t>
  </si>
  <si>
    <t>Sindpd SP.CSV.xlsx</t>
  </si>
  <si>
    <t>bee91a8e-241d-4e9c-83d7-aea8a6f88c4c.tmp</t>
  </si>
  <si>
    <t>\\acsfs\profiles$\wenderbnm\Downloads\bee91a8e-241d-4e9c-83d7-aea8a6f88c4c.tmp</t>
  </si>
  <si>
    <t>mail.google.com/sync/u/0/i/s?hl=pt-BR&amp;c=883</t>
  </si>
  <si>
    <t>mail.google.com/sync/u/0/i/s?hl=pt-BR&amp;c=887</t>
  </si>
  <si>
    <t>mail.google.com/sync/u/0/i/s?hl=pt-BR&amp;c=900</t>
  </si>
  <si>
    <t>mail.google.com/sync/u/0/i/s?hl=pt-BR&amp;c=907</t>
  </si>
  <si>
    <t>0])\);1249879475;1578577753947;165;[];[]]];ancest;containsunsubscribedchildren;displayname;domain;emailaddress;false;filesize;id);lastmodifyinguser(kind;lastviewedbymedate;modifiedbymedate;null;ontainsunsubscribedchildren;owners(kind;permissionid;pictu;picture;rpermissions;true]";tvpbvf72jhfbri4rx1ggusgxwb_npagpviqcsi\";workspaceids;</t>
  </si>
  <si>
    <t>0])\),1249879475,1578577753947,165,[],[]]],ancest,containsunsubscribedchildren,displayname,domain,emailaddress,false,filesize,id),lastmodifyinguser(kind,lastviewedbymedate,modifiedbymedate,null,ontainsunsubscribedchildren,owners(kind,permissionid,pictu,picture,rpermissions,true]",tvpbvf72jhfbri4rx1ggusgxwb_npagpviqcsi\",workspaceids</t>
  </si>
  <si>
    <t>mail.google.com/sync/u/0/i/s?hl=pt-BR&amp;c=911</t>
  </si>
  <si>
    <t>mail.google.com/sync/u/0/i/s?hl=pt-BR&amp;c=913</t>
  </si>
  <si>
    <t>"mozilla/5.0 (windows nt 6.1) applewebkit/537.36 (khtml;1;13;13700167;13700185;13700235;13700451;13700607;13700883;13700946;13700951;1370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5701393;[[13701214;false];gampqtp7yn6iriu24ksnqvk-esmg4wwpxf";like gecko) chrome/79.0.3945.88 safari/537.36";null;pt-br;</t>
  </si>
  <si>
    <t>"mozilla/5.0 (windows nt 6.1) applewebkit/537.36 (khtml,1,13,13700167,13700185,13700235,13700451,13700607,13700883,13700946,13700951,1370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5701393,[[13701214,false],gampqtp7yn6iriu24ksnqvk-esmg4wwpxf",like gecko) chrome/79.0.3945.88 safari/537.36",null,pt-br</t>
  </si>
  <si>
    <t>24054185-d04f-493e-a52d-1708bbb54c20.tmp</t>
  </si>
  <si>
    <t>\\acsfs\profiles$\gabrielamdp\Downloads\24054185-d04f-493e-a52d-1708bbb54c20.tmp</t>
  </si>
  <si>
    <t>c3678610-1f23-4450-95f0-5645dbcad132.tmp</t>
  </si>
  <si>
    <t>\\acsfs\profiles$\gabrielamdp\Downloads\c3678610-1f23-4450-95f0-5645dbcad132.tmp</t>
  </si>
  <si>
    <t>d67b70d6-728e-4203-bea1-b58a3492a1f9.tmp</t>
  </si>
  <si>
    <t>\\acsfs\profiles$\gabrielamdp\Downloads\d67b70d6-728e-4203-bea1-b58a3492a1f9.tmp</t>
  </si>
  <si>
    <t>Relação de Clientes Estratégicos - com consultores v4.xlsx</t>
  </si>
  <si>
    <t>mail.google.com/_/upload?authuser=0&amp;dcp=asu-n&amp;upload_id=AEnB2UowAkIfhNrRD6JWvFp2eJB5ckYqoXvl5_cR679STbaQFGW2zzLJC6eMeSL_VBU7xPByeLqxU8j-AGrBFWWwb9hbGLCBdrnQq6I8tiURcwrGGtt1JxM&amp;upload_protocol=resumable</t>
  </si>
  <si>
    <t>d2059c4c-9a40-4ba2-8e77-f649831241e2.tmp</t>
  </si>
  <si>
    <t>\\acsfs\profiles$\henriquehmdo\Downloads\d2059c4c-9a40-4ba2-8e77-f649831241e2.tmp</t>
  </si>
  <si>
    <t>10.211.2.120</t>
  </si>
  <si>
    <t>flavia.rolim@itau-unibanco.com.br;</t>
  </si>
  <si>
    <t>Itaú - Financial Report 2019-2020.xlsx</t>
  </si>
  <si>
    <t>flavia.rolim@itau-unibanco.com.br</t>
  </si>
  <si>
    <t>\\acsfs\DEPTOS\Operacao\Banco_Votorantim\Comum\00 - COMUM - BV CARTÕES\EQUIPE ADILSON\Reneg\71E0E37F.tmp\</t>
  </si>
  <si>
    <t>\\acsfs\DEPTOS\Operacao\Banco_Votorantim\Comum\00 - COMUM - BV CARTÕES\EQUIPE ADILSON\Reneg\71E0E37F.tmp\:Zone.Identifier:$DATA</t>
  </si>
  <si>
    <t>\\acsfs\DEPTOS\Operacao\Banco_Votorantim\Comum\00 - COMUM - BV CARTÕES\EQUIPE ADILSON\Reneg\D85021A2.tmp\</t>
  </si>
  <si>
    <t>\\acsfs\DEPTOS\Operacao\Banco_Votorantim\Comum\00 - COMUM - BV CARTÕES\EQUIPE ADILSON\Reneg\D85021A2.tmp\:Zone.Identifier:$DATA</t>
  </si>
  <si>
    <t>77214700-6739-4873-b233-ff8c39eff468.tmp</t>
  </si>
  <si>
    <t>\\acsfs\profiles$\alinepp\Downloads\77214700-6739-4873-b233-ff8c39eff468.tmp</t>
  </si>
  <si>
    <t>298a3c50-b07e-4651-8e88-b3e631888579.tmp</t>
  </si>
  <si>
    <t>\\acsfs\profiles$\brendadsl\Downloads\298a3c50-b07e-4651-8e88-b3e631888579.tmp</t>
  </si>
  <si>
    <t>1e51e8db-4839-482f-8de6-9ae66470fd46.tmp</t>
  </si>
  <si>
    <t>\\acsfs\profiles$\marcosvnds\Downloads\1e51e8db-4839-482f-8de6-9ae66470fd46.tmp</t>
  </si>
  <si>
    <t>827462cc-aac2-49a7-a103-ec588ddc9bf7.tmp</t>
  </si>
  <si>
    <t>\\acsfs\profiles$\adelvinsonle\Downloads\827462cc-aac2-49a7-a103-ec588ddc9bf7.tmp</t>
  </si>
  <si>
    <t>Agent State Details 08.01.2020.xlsx</t>
  </si>
  <si>
    <t>\\acsfs\deptos\Operacao\PCP\5 - Comum\PLANEJAMENTO BV\23 - EXTRAÇÕES\Agent State Details\2020\JANEIRO\Agent State Details 08.01.2020.xlsx</t>
  </si>
  <si>
    <t>fda7258c-84f9-4441-a80b-caad587e9065.tmp</t>
  </si>
  <si>
    <t>\\acsfs\profiles$\wenderbnm\Downloads\fda7258c-84f9-4441-a80b-caad587e9065.tmp</t>
  </si>
  <si>
    <t>51f2c9da-5142-47ae-ac28-9882c2257caf.tmp</t>
  </si>
  <si>
    <t>\\acsfs\profiles$\andreapdsg\Downloads\51f2c9da-5142-47ae-ac28-9882c2257caf.tmp</t>
  </si>
  <si>
    <t>7b53aedb-c9cb-478f-987c-1a88697745ef.tmp</t>
  </si>
  <si>
    <t>\\acsfs\profiles$\andreapdsg\Downloads\7b53aedb-c9cb-478f-987c-1a88697745ef.tmp</t>
  </si>
  <si>
    <t>e861c5ee-ce3a-4c86-9119-5964f0cc6662.tmp</t>
  </si>
  <si>
    <t>\\acsfs\profiles$\andreapdsg\Downloads\e861c5ee-ce3a-4c86-9119-5964f0cc6662.tmp</t>
  </si>
  <si>
    <t>73ad0331-c727-4f9c-a74e-2213be69f606.tmp</t>
  </si>
  <si>
    <t>\\acsfs\profiles$\andreapdsg\Downloads\73ad0331-c727-4f9c-a74e-2213be69f606.tmp</t>
  </si>
  <si>
    <t>d35f4c99-e606-48ba-bdfc-5ab7bc78f82b.tmp</t>
  </si>
  <si>
    <t>\\acsfs\profiles$\gabrielamdp\Downloads\d35f4c99-e606-48ba-bdfc-5ab7bc78f82b.tmp</t>
  </si>
  <si>
    <t>d5ac2181-b13e-4e51-a04f-f80375ff6e7a.tmp</t>
  </si>
  <si>
    <t>\\acsfs\profiles$\gabrielamdp\Downloads\d5ac2181-b13e-4e51-a04f-f80375ff6e7a.tmp</t>
  </si>
  <si>
    <t>1def84e1-dca1-4254-b500-5af2626b709a.tmp</t>
  </si>
  <si>
    <t>\\acsfs\profiles$\gabrielamdp\Downloads\1def84e1-dca1-4254-b500-5af2626b709a.tmp</t>
  </si>
  <si>
    <t>0c46a64f-c4e4-4a6b-be1a-67aecb11c047.tmp</t>
  </si>
  <si>
    <t>\\acsfs\profiles$\gabrielamdp\Downloads\0c46a64f-c4e4-4a6b-be1a-67aecb11c047.tmp</t>
  </si>
  <si>
    <t>flavia.rolim@itau-unibanco.com.br;marco.padovani@algartech.com;raulmont@algartech.com;william.lopes@algartech.com;</t>
  </si>
  <si>
    <t>flavia.rolim@itau-unibanco.com.br,marco.padovani@algartech.com,raulmont@algartech.com,william.lopes@algartech.com</t>
  </si>
  <si>
    <t>c43c9dd0-80bb-45c1-b6a3-7300ec35cf4d.tmp</t>
  </si>
  <si>
    <t>\\acsfs\profiles$\gabrielamdp\Downloads\c43c9dd0-80bb-45c1-b6a3-7300ec35cf4d.tmp</t>
  </si>
  <si>
    <t>http:///batch?%24ct=multipart%2Fmixed%3B%20boundary%3D%22%3D%3D%3D%3D%3Di01en1qcymq9%3D%3D%3D%3D%3D%22&amp;key=AIzaSyAy9VVXHSpS2IJpptzYtGbLP3-3_l0aBk4</t>
  </si>
  <si>
    <t>http:///batch?%24ct=multipart%2Fmixed%3B%20boundary%3D%22%3D%3D%3D%3D%3Dpn1ylra44ktq%3D%3D%3D%3D%3D%22&amp;key=AIzaSyAy9VVXHSpS2IJpptzYtGbLP3-3_l0aBk4</t>
  </si>
  <si>
    <t>375ea214-6eb9-4d0a-bc72-b42f494ef994.tmp</t>
  </si>
  <si>
    <t>\\acsfs\profiles$\andreapdsg\Downloads\375ea214-6eb9-4d0a-bc72-b42f494ef994.tmp</t>
  </si>
  <si>
    <t>lu81184cyep4r.tmp</t>
  </si>
  <si>
    <t>\\acsfs\profiles$\LORRAYNEVAM\lu81184cyep4r.tmp</t>
  </si>
  <si>
    <t>\\acsfs\profiles$\LORRAYNEVAM\lu81184cyep4r.tmp\</t>
  </si>
  <si>
    <t>\\acsfs\profiles$\LORRAYNEVAM\lu81184cyep4r.tmp\META-INF\</t>
  </si>
  <si>
    <t>\\acsfs\profiles$\LORRAYNEVAM\lu81184cyep4r.tmp\Thumbnails\</t>
  </si>
  <si>
    <t>087ad78e-b601-4d3a-884e-623e35a7ab4d.tmp</t>
  </si>
  <si>
    <t>\\acsfs\profiles$\philipegsf\Downloads\087ad78e-b601-4d3a-884e-623e35a7ab4d.tmp</t>
  </si>
  <si>
    <t>\\acsfs\engeset\FINANCEIRO_ULA\FATURAMENTO\23. Pré Faturamento\3.TI Infra e SD\TI -INFRA\2019\08.Agosto 2019\Emails e relatorios\A100\</t>
  </si>
  <si>
    <t>GRU-2 Energy Consumption.xlsx</t>
  </si>
  <si>
    <t>7c145146-b6f0-4acb-9e56-e25a32989e43.tmp</t>
  </si>
  <si>
    <t>\\acsfs\profiles$\marcosvnds\Downloads\7c145146-b6f0-4acb-9e56-e25a32989e43.tmp</t>
  </si>
  <si>
    <t>AGENT LOGIN LOGOUT DETAILS REPORT 08.01.2020.xlsx</t>
  </si>
  <si>
    <t>\\acsfs\deptos\Operacao\PCP\5 - Comum\PLANEJAMENTO BV\23 - EXTRAÇÕES\Agente Login Logout details report\2020\JANEIRO\AGENT LOGIN LOGOUT DETAILS REPORT 08.01.2020.xlsx</t>
  </si>
  <si>
    <t>dceca680-503b-4b5b-b428-37552e4229cb.tmp</t>
  </si>
  <si>
    <t>\\acsfs\profiles$\wenderbnm\Downloads\dceca680-503b-4b5b-b428-37552e4229cb.tmp</t>
  </si>
  <si>
    <t>Departamental Avon SAC - Dez.19 (1).xlsb</t>
  </si>
  <si>
    <t>ancestorhasaugmentedpermissions,containsunsubscribedchildren,copyable�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re,quotabytesused,rpermissions,shareable,shared,sharedwithmedate,thumbnailversion,title,userpermission(role),workspaceids</t>
  </si>
  <si>
    <t>536492ef-3069-4231-abae-8d04eb5257be.tmp</t>
  </si>
  <si>
    <t>\\acsfs\profiles$\anafaes\Downloads\536492ef-3069-4231-abae-8d04eb5257be.tmp</t>
  </si>
  <si>
    <t>6979845f-80a9-40b6-ba25-1e357ee646e8.tmp</t>
  </si>
  <si>
    <t>\\acsfs\profiles$\anafaes\Downloads\6979845f-80a9-40b6-ba25-1e357ee646e8.tmp</t>
  </si>
  <si>
    <t>89e20d29-57bc-490e-b054-1eca77e8b032.tmp</t>
  </si>
  <si>
    <t>\\acsfs\profiles$\anafaes\Downloads\89e20d29-57bc-490e-b054-1eca77e8b032.tmp</t>
  </si>
  <si>
    <t>7e7fa1d8-2624-42dd-ab09-9739493db104.tmp</t>
  </si>
  <si>
    <t>\\acsfs\profiles$\anafaes\Downloads\7e7fa1d8-2624-42dd-ab09-9739493db104.tmp</t>
  </si>
  <si>
    <t>a96f6028-d8b2-45c6-9815-875333c3b739.tmp</t>
  </si>
  <si>
    <t>\\acsfs\profiles$\anafaes\Downloads\a96f6028-d8b2-45c6-9815-875333c3b739.tmp</t>
  </si>
  <si>
    <t>cb079979-ad9e-481a-bc33-d059df5e92fb.tmp</t>
  </si>
  <si>
    <t>\\acsfs\profiles$\adelvinsonle\Downloads\cb079979-ad9e-481a-bc33-d059df5e92fb.tmp</t>
  </si>
  <si>
    <t>\\acsfs\DEPTOS\Operacao\Banco_Votorantim\Comum\00 - COMUM - BV CARTÕES\EQUIPE ADILSON\Reneg\2B68FCB7.tmp\</t>
  </si>
  <si>
    <t>\\acsfs\DEPTOS\Operacao\Banco_Votorantim\Comum\00 - COMUM - BV CARTÕES\EQUIPE ADILSON\Reneg\2B68FCB7.tmp\:Zone.Identifier:$DATA</t>
  </si>
  <si>
    <t>XLOG_marcosvnds_09012020_160602.log</t>
  </si>
  <si>
    <t>\\acsfs\profiles$\marcosvnds\My Documents\xworkcenter\logs\XLOG_marcosvnds_09012020_160602.log</t>
  </si>
  <si>
    <t>\\acsfs\DEPTOS\Operacao\Banco_Votorantim\Comum\00 - COMUM - BV CARTÕES\EQUIPE ADILSON\Reneg\9E7AFF3A.tmp\</t>
  </si>
  <si>
    <t>\\acsfs\DEPTOS\Operacao\Banco_Votorantim\Comum\00 - COMUM - BV CARTÕES\EQUIPE ADILSON\Reneg\9E7AFF3A.tmp\:Zone.Identifier:$DATA</t>
  </si>
  <si>
    <t>\\acsfs\DEPTOS\Operacao\Banco_Votorantim\Comum\00 - COMUM - BV CARTÕES\EQUIPE ADILSON\Reneg\906A9379.tmp\</t>
  </si>
  <si>
    <t>\\acsfs\DEPTOS\Operacao\Banco_Votorantim\Comum\00 - COMUM - BV CARTÕES\EQUIPE ADILSON\Reneg\906A9379.tmp\:Zone.Identifier:$DATA</t>
  </si>
  <si>
    <t>https://cpc-controldeskavon@algartech.com,joseasn@algartech.com</t>
  </si>
  <si>
    <t>Reneg - Vcto 28-12-19.xlsx</t>
  </si>
  <si>
    <t>\\acsfs\DEPTOS\Operacao\Banco_Votorantim\Comum\00 - COMUM - BV CARTÕES\EQUIPE ADILSON\Reneg\Reneg - Vcto 28-12-19.xlsx</t>
  </si>
  <si>
    <t>ae0afc00-3d9e-4ffe-8bb6-cff1e228a44a.tmp</t>
  </si>
  <si>
    <t>\\acsfs\profiles$\matheusmax\Downloads\ae0afc00-3d9e-4ffe-8bb6-cff1e228a44a.tmp</t>
  </si>
  <si>
    <t>10.200.57.40</t>
  </si>
  <si>
    <t>FC-01-7C-B3-56-3D</t>
  </si>
  <si>
    <t>mail.google.com/_/upload?authuser=1&amp;dcp=asu-n&amp;upload_id=AEnB2UrXq6nTfL7SKv-TIiGPqzIRn_X0BDvyBe19_uPWgUCQFS2r6Ww9nn-6sPWASrEnlyhXw6taPIiianmokQwx-KSXSwk9NY2Ouq_kjhSl59unIPxs7xE&amp;upload_protocol=resumable</t>
  </si>
  <si>
    <t>C:\Users\rodrigombu\Desktop\</t>
  </si>
  <si>
    <t>escala N1.xlsx</t>
  </si>
  <si>
    <t>isabelaaf@algartech.com.br;</t>
  </si>
  <si>
    <t>RES: Reporte diário Formalização PJ VISA 09/01/2020</t>
  </si>
  <si>
    <t>Intradiario Formalização PJ EVM V1.1_.xlsb</t>
  </si>
  <si>
    <t>isabelaaf@algartech.com.br</t>
  </si>
  <si>
    <t>C:\Users\diegorg\Desktop\Lixo\</t>
  </si>
  <si>
    <t>Objetivos CCC.xlsx</t>
  </si>
  <si>
    <t>0939b7d4-dd26-49bf-a05f-6902c5490319.tmp</t>
  </si>
  <si>
    <t>\\acsfs\profiles$\adelvinsonle\Downloads\0939b7d4-dd26-49bf-a05f-6902c5490319.tmp</t>
  </si>
  <si>
    <t>mail.google.com/_/upload?authuser=0&amp;dcp=asu-n&amp;upload_id=AEnB2UqBIFUWUDXqIQgk040cGDSjdMikGk0k9cCsaEX0JwzO0DwQpMLPjIMx9cl6fSG3DJIu94d0A_sDSGwyOTIMksn1K2HX8WYILoLph-be7XLi3akqt9g&amp;upload_protocol=resumable</t>
  </si>
  <si>
    <t>Fluxo Justificativa - Mexico 2020.xlsx</t>
  </si>
  <si>
    <t>antonia.araujo@algartech.com;csavino@algartech.com;eliane.keneno@algartech.com;</t>
  </si>
  <si>
    <t>C:\Users\Flavia\Documents\Equipe Cinthia.zip\Equipe Cinthia\</t>
  </si>
  <si>
    <t>Consolidado de Banco de Horas 01a1512 (2).xlsm</t>
  </si>
  <si>
    <t>antonia.araujo@algartech.com,csavino@algartech.com,eliane.keneno@algartech.com</t>
  </si>
  <si>
    <t>CONSOLIDADO OCORRENCIAS 01A23.12.2019 _ 028, 029, 033 (2) (3).xlsm</t>
  </si>
  <si>
    <t>ConsolidadodeCustosBH_01a1512 (2).xlsm</t>
  </si>
  <si>
    <t>https://udpwfmniceap02/pt_br/web/guest/home?p_auth=vhb6kmfg&amp;p_p_id=58&amp;p_p_lifecycle=1&amp;p_p_state=maximized&amp;p_p_mode=view&amp;savelastpath=0&amp;_58_struts_action=/login/forgot_password</t>
  </si>
  <si>
    <t>33b86888-8786-48bb-bd75-6b779db516dc.tmp</t>
  </si>
  <si>
    <t>\\acsfs\profiles$\nathaliaos\Downloads\33b86888-8786-48bb-bd75-6b779db516dc.tmp</t>
  </si>
  <si>
    <t>de18a36b-b5ed-4394-b71f-c9fe7aac725c.tmp</t>
  </si>
  <si>
    <t>\\acsfs\profiles$\nathaliaos\Downloads\de18a36b-b5ed-4394-b71f-c9fe7aac725c.tmp</t>
  </si>
  <si>
    <t>77413bf9-5078-468e-beb0-ded008e7d6c3.tmp</t>
  </si>
  <si>
    <t>\\acsfs\profiles$\nathaliaos\Downloads\77413bf9-5078-468e-beb0-ded008e7d6c3.tmp</t>
  </si>
  <si>
    <t>c2fe3862-753f-4c7a-a51b-fdaaeac54d2c.tmp</t>
  </si>
  <si>
    <t>\\acsfs\profiles$\nathaliaos\Downloads\c2fe3862-753f-4c7a-a51b-fdaaeac54d2c.tmp</t>
  </si>
  <si>
    <t>f25d8d8d-dbf6-495d-b39f-00832f68beb5.tmp</t>
  </si>
  <si>
    <t>\\acsfs\profiles$\nathaliaos\Downloads\f25d8d8d-dbf6-495d-b39f-00832f68beb5.tmp</t>
  </si>
  <si>
    <t>76ce6cfc-aca7-4829-8916-3bb0e63ebc3d.tmp</t>
  </si>
  <si>
    <t>\\acsfs\profiles$\fabianafv\Downloads\76ce6cfc-aca7-4829-8916-3bb0e63ebc3d.tmp</t>
  </si>
  <si>
    <t>10.200.57.244</t>
  </si>
  <si>
    <t>D8-9C-67-6F-27-1B</t>
  </si>
  <si>
    <t>Infra de TI.xlsx</t>
  </si>
  <si>
    <t>https://s1.ariba.com/sourcing/main/aw</t>
  </si>
  <si>
    <t>WS2193126551 - 1ª Rodada - Extensão BBN_AlgarTech.xls</t>
  </si>
  <si>
    <t>3f42111e-bc6f-481a-8e6a-f022257a2ac1.tmp</t>
  </si>
  <si>
    <t>\\acsfs\profiles$\regisedsj\Downloads\3f42111e-bc6f-481a-8e6a-f022257a2ac1.tmp</t>
  </si>
  <si>
    <t>b714ea4d-dbfb-4fa5-ac20-1a62cc91909a.tmp</t>
  </si>
  <si>
    <t>\\acsfs\profiles$\regisedsj\Downloads\b714ea4d-dbfb-4fa5-ac20-1a62cc91909a.tmp</t>
  </si>
  <si>
    <t>mail.google.com/_/upload?authuser=0&amp;dcp=asu-n&amp;upload_id=AEnB2UoY0hrlbVt72UBWRsKj4U0oKY-jk3bcbmkQ9jw2GOXGhNMjrwn6kOSbDfuhD2HH6h3iIRZPP2yKXbdcMbz82GdJLMo81Mxlo3DU0XBPaqlhsW4f5Cc&amp;upload_protocol=resumable</t>
  </si>
  <si>
    <t>\\acsfs\SCORP$\3 - Administrativo\3.1 - COI\3.1.2 - Organogramas\EQUIPE COI\03 - JULIANA\Restrições Lenel\JAN 2020\</t>
  </si>
  <si>
    <t>C2 YELLOW.xlsx</t>
  </si>
  <si>
    <t>mail.google.com/_/upload?authuser=0&amp;dcp=asu-n&amp;upload_id=AEnB2Uom0FHQn2cUXiJ8GaYWNQHqo5cRgY5TLJGzQ3Kc4Wx4PgS6nD5-WN-6PHRmc3uGA5DcTZ9RNHd5yqPfoXG3skuFJUjb95E_2_vsF0AQ2jaeMPpNOkQ&amp;upload_protocol=resumable</t>
  </si>
  <si>
    <t>C1 YELLOW.xlsx</t>
  </si>
  <si>
    <t>mail.google.com/_/upload?authuser=0&amp;dcp=asu-n&amp;upload_id=AEnB2UoEbcIq9i6_XVluGRHzhE0Au2x5zod8qJDJu0K0yNCUmhXqxNkLWaQA6Kjml-ibhVDEfJOBfzIh3RqBV7Rp8Y1aLOuubQSS7cJXlr9ib6sn35Qys-I&amp;upload_protocol=resumable</t>
  </si>
  <si>
    <t>C3 YELLOW.xlsx</t>
  </si>
  <si>
    <t>mail.google.com/_/upload?authuser=0&amp;dcp=asu-n&amp;upload_id=AEnB2Uo58GvYWkn_DdSGeIhYMQ1cd5ZF2WqpPXXj1jXncL9oanFnV-TQzHbEs1npm9uXk1VAt241OjfZopeKW4sinjbsVqPvcOcmPNVtDHkKR1rlskM27nM&amp;upload_protocol=resumable</t>
  </si>
  <si>
    <t>D1 BLACK.xlsx</t>
  </si>
  <si>
    <t>mail.google.com/_/upload?authuser=0&amp;dcp=asu-n&amp;upload_id=AEnB2UoFbmTLQ60zrmnwFwBU2hIJvp_FFQ1bETjtClS-CgVhOM-09C-Qx_aTTepbVECfZHdOBBv-wr-cnHbjfD12QJ4zajsNqVeKxDjPavZPzIbNB4Rnr0g&amp;upload_protocol=resumable</t>
  </si>
  <si>
    <t>D2 BLACK.xlsx</t>
  </si>
  <si>
    <t>mail.google.com/_/upload?authuser=0&amp;dcp=asu-n&amp;upload_id=AEnB2UpgNKnw3Pfq5EBzHU6LrRXd7NOnC2XGcpVXLjqSgocOFY2RyCh3m6t6gy_2yHvvXer2yfIx9bJg5DbBc_GnyD0cINXErI8xtpAPiN78hsuNuxWOEvk&amp;upload_protocol=resumable</t>
  </si>
  <si>
    <t>D3 BLACK.xlsx</t>
  </si>
  <si>
    <t>mail.google.com/_/upload?authuser=0&amp;dcp=asu-n&amp;upload_id=AEnB2UpxH8quHCPcAhty6QGh4DDeyaFqy8WPf90iMKU_ZGB8TAbm0PI2XgoZJAy9yxnaYQZ4uBHbGCPCbpU0iuiQVzxnYT67vKL_CCWbk3Lz9msYd1LLgjA&amp;upload_protocol=resumable</t>
  </si>
  <si>
    <t>D4 BLACK.xlsx</t>
  </si>
  <si>
    <t>mail.google.com/_/upload?authuser=0&amp;dcp=asu-n&amp;upload_id=AEnB2Uo54rCqESomheqrJqumCiPwwR0qm3Xl6cuj6-PbrakizFDHLCdyTi46KzO2VubQfQZLBGyyglv51qjiWXQi3_Y4C-mYblC46jhjFSrfcYiv8ua1yC8&amp;upload_protocol=resumable</t>
  </si>
  <si>
    <t>D5 BLACK.xlsx</t>
  </si>
  <si>
    <t>mail.google.com/_/upload?authuser=0&amp;dcp=asu-n&amp;upload_id=AEnB2Uqe9-JHQP3PKydAHrNSfGsQngTcwCmJA-cxXcQrkY1923WMc8BDKPZaggZvmm14XQysL8E-7pp3wrhJUboVx9vEWbzzPDPXUymtN88YSSUESuqB8Mk&amp;upload_protocol=resumable</t>
  </si>
  <si>
    <t>D6 BLACK.xlsx</t>
  </si>
  <si>
    <t>mail.google.com/sync/u/0/i/s?hl=pt-BR&amp;c=789</t>
  </si>
  <si>
    <t>mail.google.com/sync/u/0/i/s?hl=pt-BR&amp;c=792</t>
  </si>
  <si>
    <t>mail.google.com/sync/u/0/i/s?hl=pt-BR&amp;c=794</t>
  </si>
  <si>
    <t>d341e4e1-0273-4901-9fb6-7cf1817b80e9.tmp</t>
  </si>
  <si>
    <t>\\acsfs\profiles$\rosileiam\Downloads\d341e4e1-0273-4901-9fb6-7cf1817b80e9.tmp</t>
  </si>
  <si>
    <t>3cd7dbac-c5c8-4b32-a261-c3904f091ca9.tmp</t>
  </si>
  <si>
    <t>\\acsfs\profiles$\rosileiam\Downloads\3cd7dbac-c5c8-4b32-a261-c3904f091ca9.tmp</t>
  </si>
  <si>
    <t>3ecdcadb-a958-4567-8d2a-3a16fd616b70.tmp</t>
  </si>
  <si>
    <t>\\acsfs\profiles$\Adrieledgc\Downloads\3ecdcadb-a958-4567-8d2a-3a16fd616b70.tmp</t>
  </si>
  <si>
    <t>5bbba93f-9053-4078-810e-fd62f1c5d52f.tmp</t>
  </si>
  <si>
    <t>\\acsfs\profiles$\Adrieledgc\Downloads\5bbba93f-9053-4078-810e-fd62f1c5d52f.tmp</t>
  </si>
  <si>
    <t>a77e6dcf-1f40-4e67-9fc2-6b2e939f1e32.tmp</t>
  </si>
  <si>
    <t>\\acsfs\profiles$\Adrieledgc\Downloads\a77e6dcf-1f40-4e67-9fc2-6b2e939f1e32.tmp</t>
  </si>
  <si>
    <t>b710e115-dbd6-46da-8f64-41244cda9dff.tmp</t>
  </si>
  <si>
    <t>\\acsfs\profiles$\taylaedoa\Downloads\b710e115-dbd6-46da-8f64-41244cda9dff.tmp</t>
  </si>
  <si>
    <t>a3a01985-d6d1-434a-96eb-b294c2d6865d.tmp</t>
  </si>
  <si>
    <t>\\acsfs\profiles$\taylaedoa\Downloads\a3a01985-d6d1-434a-96eb-b294c2d6865d.tmp</t>
  </si>
  <si>
    <t>talmaiardo@algartech.com;</t>
  </si>
  <si>
    <t>talmaiardo@algartech.com</t>
  </si>
  <si>
    <t>C:\Users\gustavodsil\Documents\</t>
  </si>
  <si>
    <t>Erros contestados.ods</t>
  </si>
  <si>
    <t>C:\Users\gustavodsil\Documents\Erros contestados.ods\</t>
  </si>
  <si>
    <t>C:\Users\gustavodsil\Documents\Erros contestados.ods\META-INF\</t>
  </si>
  <si>
    <t>C:\Users\gustavodsil\Documents\Erros contestados.ods\Thumbnails\</t>
  </si>
  <si>
    <t>base demais serviços.xlsx</t>
  </si>
  <si>
    <t>b7107079-2326-466c-af32-c6006046b067.tmp</t>
  </si>
  <si>
    <t>\\acsfs\profiles$\gabrielsma\Downloads\b7107079-2326-466c-af32-c6006046b067.tmp</t>
  </si>
  <si>
    <t>e17f8e34-66aa-4dd6-9ce4-fd7c4ee4eeff.tmp</t>
  </si>
  <si>
    <t>\\acsfs\profiles$\brunalas\Downloads\e17f8e34-66aa-4dd6-9ce4-fd7c4ee4eeff.tmp</t>
  </si>
  <si>
    <t>0aa0ecde-cb79-41b6-9684-2c5add420422.tmp</t>
  </si>
  <si>
    <t>\\acsfs\profiles$\brunalas\Downloads\0aa0ecde-cb79-41b6-9684-2c5add420422.tmp</t>
  </si>
  <si>
    <t>10.200.61.32</t>
  </si>
  <si>
    <t>20-04-0F-FE-47-60</t>
  </si>
  <si>
    <t>https://officeviewer.herokuapp.com/upload.php?inst=150&amp;timeout=90&amp;cad=&amp;uid=ea2e1a07-5443-486c-9b9c-ad4c0094e352d913bd84031cd9c442693a7815be24d9</t>
  </si>
  <si>
    <t>C:\Users\rosilenedlf\Downloads\</t>
  </si>
  <si>
    <t>Dashboard PA Digital - Ecohouse (4).xlsx</t>
  </si>
  <si>
    <t>e97bea1b-622f-4f91-af78-81b04ee001b7.tmp</t>
  </si>
  <si>
    <t>\\acsfs\profiles$\Adrieledgc\Downloads\e97bea1b-622f-4f91-af78-81b04ee001b7.tmp</t>
  </si>
  <si>
    <t>d1d007a1-20e3-4512-9098-2bf928a56e36.tmp</t>
  </si>
  <si>
    <t>\\acsfs\profiles$\Adrieledgc\Downloads\d1d007a1-20e3-4512-9098-2bf928a56e36.tmp</t>
  </si>
  <si>
    <t>hewersong@algartech.com</t>
  </si>
  <si>
    <t>mail.google.com/_/upload?authuser=0&amp;dcp=asu-n&amp;upload_id=AEnB2UojEOElLSCtG7opgCT4g3fzNdy8NOncXIto8SUha06tLtznyhrNi6JKJc_UcOtlfWU_x4iwZFaz-ft7vkZn5vFIJiXqIWjKLx3y6IJWRfrsjNTJhUo&amp;upload_protocol=resumable</t>
  </si>
  <si>
    <t>D:\Projetos\ACS\One_drive\OneDrive - Grupo Algar\Projetos\2019 Algar_-_Precificação\Escopo\Prototipo\</t>
  </si>
  <si>
    <t>AlgarTech - Precificacao v2.xltm - Hew.xlsm</t>
  </si>
  <si>
    <t>Não confirmado 155454.crdownload</t>
  </si>
  <si>
    <t>\\acsfs\ACS\Gabriel da Silva\Contemporânea\VENDAS\Não confirmado 155454.crdownload</t>
  </si>
  <si>
    <t>58e8589e-ce09-4c9e-8b5e-0da64659c048.tmp</t>
  </si>
  <si>
    <t>\\acsfs\profiles$\gabrielsma\Downloads\58e8589e-ce09-4c9e-8b5e-0da64659c048.tmp</t>
  </si>
  <si>
    <t>Não confirmado 934826.crdownload</t>
  </si>
  <si>
    <t>\\acsfs\ACS\Gabriel da Silva\Contemporânea\VENDAS\Não confirmado 934826.crdownload</t>
  </si>
  <si>
    <t>59352e1a-b9e1-4e01-8da5-2bbb9f62a4d8.tmp</t>
  </si>
  <si>
    <t>\\acsfs\profiles$\gabrielsma\Downloads\59352e1a-b9e1-4e01-8da5-2bbb9f62a4d8.tmp</t>
  </si>
  <si>
    <t>fc326200-55fc-4dff-815b-7af8bb998692.tmp</t>
  </si>
  <si>
    <t>\\acsfs\profiles$\gabrielsma\Downloads\fc326200-55fc-4dff-815b-7af8bb998692.tmp</t>
  </si>
  <si>
    <t>\\acsfs\profiles$\gabrielsma\Downloads\fc326200-55fc-4dff-815b-7af8bb998692.tmp\</t>
  </si>
  <si>
    <t>\\acsfs\profiles$\gabrielsma\Downloads\fc326200-55fc-4dff-815b-7af8bb998692.tmp\META-INF\</t>
  </si>
  <si>
    <t>\\acsfs\profiles$\gabrielsma\Downloads\fc326200-55fc-4dff-815b-7af8bb998692.tmp\Thumbnails\</t>
  </si>
  <si>
    <t>Não confirmado 408556.crdownload</t>
  </si>
  <si>
    <t>\\acsfs\ACS\Gabriel da Silva\Contemporânea\Erros Operacionais\Não confirmado 408556.crdownload</t>
  </si>
  <si>
    <t>\\acsfs\ACS\Gabriel da Silva\Contemporânea\Erros Operacionais\Não confirmado 408556.crdownload\</t>
  </si>
  <si>
    <t>\\acsfs\ACS\Gabriel da Silva\Contemporânea\Erros Operacionais\Não confirmado 408556.crdownload\META-INF\</t>
  </si>
  <si>
    <t>d08958e5-efe3-46ba-ac5c-073fa1796a1a.tmp</t>
  </si>
  <si>
    <t>\\acsfs\profiles$\mariajaf\Downloads\d08958e5-efe3-46ba-ac5c-073fa1796a1a.tmp</t>
  </si>
  <si>
    <t>1acb21c0-cc4b-4db1-8665-671378145a35.tmp</t>
  </si>
  <si>
    <t>\\acsfs\profiles$\mariajaf\Downloads\1acb21c0-cc4b-4db1-8665-671378145a35.tmp</t>
  </si>
  <si>
    <t>643b82d9-c67a-4343-a78a-4883e55a6225.tmp</t>
  </si>
  <si>
    <t>\\acsfs\profiles$\leonardocb\Downloads\643b82d9-c67a-4343-a78a-4883e55a6225.tmp</t>
  </si>
  <si>
    <t>68b64ee6-e214-476a-9425-a26e98156ffa.tmp</t>
  </si>
  <si>
    <t>\\acsfs\profiles$\leonardocb\Downloads\68b64ee6-e214-476a-9425-a26e98156ffa.tmp</t>
  </si>
  <si>
    <t>87b2b4b0-1e26-4d12-8c67-c76cb3eb4a11.tmp</t>
  </si>
  <si>
    <t>\\acsfs\profiles$\Adrieledgc\Downloads\87b2b4b0-1e26-4d12-8c67-c76cb3eb4a11.tmp</t>
  </si>
  <si>
    <t>\\acsfs\DEPTOS\Operacao\PCP\5 - Comum\LUIZ ALFREDO\00 - WHIRLPOOL\02 - COMPRA CERTA\2020\01 - JANEIRO\</t>
  </si>
  <si>
    <t>Incentivos Supervisão DEZ-19.xlsx</t>
  </si>
  <si>
    <t>\\acsfs\ACS\Gabriel da Silva\Contemporânea\Erros Operacionais\Não confirmado 408556.crdownload\Thumbnails\</t>
  </si>
  <si>
    <t>41883e0d-dfa1-4d0f-8279-a65c79e69157.tmp</t>
  </si>
  <si>
    <t>\\acsfs\profiles$\leonardocb\Downloads\41883e0d-dfa1-4d0f-8279-a65c79e69157.tmp</t>
  </si>
  <si>
    <t>76946cd5-8828-4073-9e8c-835c3d589632.tmp</t>
  </si>
  <si>
    <t>\\acsfs\profiles$\Adrieledgc\Downloads\76946cd5-8828-4073-9e8c-835c3d589632.tmp</t>
  </si>
  <si>
    <t>9d71d317-63d4-4de7-9036-83d477733dc9.tmp</t>
  </si>
  <si>
    <t>\\acsfs\profiles$\Adrieledgc\Downloads\9d71d317-63d4-4de7-9036-83d477733dc9.tmp</t>
  </si>
  <si>
    <t>\\acsfs\ACS\Suporte à Operações\20 - Transformação\2019\</t>
  </si>
  <si>
    <t>Qualidade-2019.xlsx</t>
  </si>
  <si>
    <t>b8f3ac01-8ba5-407d-902e-780f4fd92208.tmp</t>
  </si>
  <si>
    <t>\\acsfs\profiles$\alinepp\Downloads\b8f3ac01-8ba5-407d-902e-780f4fd92208.tmp</t>
  </si>
  <si>
    <t>fc4f819c-b0ad-43ae-97e7-934a9524f573.tmp</t>
  </si>
  <si>
    <t>\\acsfs\profiles$\rafaelacdoc\Downloads\fc4f819c-b0ad-43ae-97e7-934a9524f573.tmp</t>
  </si>
  <si>
    <t>748fdf0b-b0ff-404b-8b13-d621d8260881.tmp</t>
  </si>
  <si>
    <t>\\acsfs\profiles$\rafaelacdoc\Downloads\748fdf0b-b0ff-404b-8b13-d621d8260881.tmp</t>
  </si>
  <si>
    <t>\\acsfs\profiles$\HENRIQUEHMDO\.~lock.Sem título 1.ods#</t>
  </si>
  <si>
    <t>Sem título 1.ods</t>
  </si>
  <si>
    <t>\\acsfs\profiles$\HENRIQUEHMDO\Sem título 1.ods</t>
  </si>
  <si>
    <t>\\acsfs\profiles$\HENRIQUEHMDO\Sem título 1.ods\</t>
  </si>
  <si>
    <t>\\acsfs\profiles$\HENRIQUEHMDO\Sem título 1.ods\META-INF\</t>
  </si>
  <si>
    <t>\\acsfs\profiles$\HENRIQUEHMDO\Sem título 1.ods\Thumbnails\</t>
  </si>
  <si>
    <t>\\acsfs\profiles$\HENRIQUEHMDO\Thumbs.db</t>
  </si>
  <si>
    <t>Reneg - Vcto 01-01-20.xlsx</t>
  </si>
  <si>
    <t>\\acsfs\DEPTOS\Operacao\Banco_Votorantim\Comum\00 - COMUM - BV CARTÕES\EQUIPE ADILSON\Reneg\Reneg - Vcto 01-01-20.xlsx</t>
  </si>
  <si>
    <t>Reneg - Consolidado Geral.xlsx</t>
  </si>
  <si>
    <t>\\acsfs\DEPTOS\Operacao\Banco_Votorantim\Comum\00 - COMUM - BV CARTÕES\EQUIPE ADILSON\Reneg\Reneg - Consolidado Geral.xlsx</t>
  </si>
  <si>
    <t>VICTOR GARCIA LEMOS (19060).contact</t>
  </si>
  <si>
    <t>\\acsfs\profiles$\victorgl\Contacts\VICTOR GARCIA LEMOS (19060).contact</t>
  </si>
  <si>
    <t>Erros operacionais - Dezembro.xlsx</t>
  </si>
  <si>
    <t>\\acsfs\ACS\Gabriel da Silva\Contemporânea\Erros Operacionais\Erros operacionais - Dezembro.xlsx</t>
  </si>
  <si>
    <t>d0a039d9-18c3-47f7-b1ac-da2fd5ecbd4a.tmp</t>
  </si>
  <si>
    <t>\\acsfs\profiles$\gabrielsma\Downloads\d0a039d9-18c3-47f7-b1ac-da2fd5ecbd4a.tmp</t>
  </si>
  <si>
    <t>\\acsfs\ACS\Gabriel da Silva\Contemporânea\Erros Operacionais\Q29udHJvbGxlci5FeHBsb3Jlcl8x.ica.crdownload</t>
  </si>
  <si>
    <t>79e824a8-3217-4d1e-9b36-5f3584ce1299.tmp</t>
  </si>
  <si>
    <t>\\acsfs\profiles$\andreapdsg\Downloads\79e824a8-3217-4d1e-9b36-5f3584ce1299.tmp</t>
  </si>
  <si>
    <t>555b3c31-d669-4dc0-bb74-9307c4579720.tmp</t>
  </si>
  <si>
    <t>\\acsfs\profiles$\victorgl\Downloads\555b3c31-d669-4dc0-bb74-9307c4579720.tmp</t>
  </si>
  <si>
    <t>46eae22d-f884-4ce7-a67c-467145b45fbb.tmp</t>
  </si>
  <si>
    <t>\\acsfs\profiles$\victorgl\Downloads\46eae22d-f884-4ce7-a67c-467145b45fbb.tmp</t>
  </si>
  <si>
    <t>7958d346-7d62-4e55-b134-2f126730839c.tmp</t>
  </si>
  <si>
    <t>\\acsfs\profiles$\alinepp\Downloads\7958d346-7d62-4e55-b134-2f126730839c.tmp</t>
  </si>
  <si>
    <t>\\acsfs\DEPTOS\Operacao\Banco_Votorantim\Comum\00 - COMUM - BV CARTÕES\EQUIPE ADILSON\Reneg\B4B4EB84.tmp\</t>
  </si>
  <si>
    <t>\\acsfs\DEPTOS\Operacao\Banco_Votorantim\Comum\00 - COMUM - BV CARTÕES\EQUIPE ADILSON\Reneg\B4B4EB84.tmp\:Zone.Identifier:$DATA</t>
  </si>
  <si>
    <t>c66bc492-3a50-47e1-8f31-ecbbf04e3655.tmp</t>
  </si>
  <si>
    <t>\\acsfs\profiles$\victorgl\Downloads\c66bc492-3a50-47e1-8f31-ecbbf04e3655.tmp</t>
  </si>
  <si>
    <t>bfb04f28-5702-492f-9f14-8b5337c0a2fc.tmp</t>
  </si>
  <si>
    <t>\\acsfs\profiles$\victorgl\Downloads\bfb04f28-5702-492f-9f14-8b5337c0a2fc.tmp</t>
  </si>
  <si>
    <t>c0ddd5ab-19f3-47d8-81d1-4cd85216cab2.tmp</t>
  </si>
  <si>
    <t>\\acsfs\profiles$\victorgl\Downloads\c0ddd5ab-19f3-47d8-81d1-4cd85216cab2.tmp</t>
  </si>
  <si>
    <t>16 BASE FINAL.xlsx</t>
  </si>
  <si>
    <t>\\acsfs\ACS\Gabriel da Silva\Contemporânea\Erros Operacionais\16 BASE FINAL.xlsx</t>
  </si>
  <si>
    <t>\\acsfs\ACS\Gabriel da Silva\Contemporânea\Erros Operacionais\Thumbs.db</t>
  </si>
  <si>
    <t>VICTOR GARCIA LEMOS (19959).contact</t>
  </si>
  <si>
    <t>\\acsfs\profiles$\victorgl\Contacts\VICTOR GARCIA LEMOS (19959).contact</t>
  </si>
  <si>
    <t>c17ffbb6-b88c-49b7-a8eb-a77fd9540f40.tmp</t>
  </si>
  <si>
    <t>\\acsfs\profiles$\fabianafv\Downloads\c17ffbb6-b88c-49b7-a8eb-a77fd9540f40.tmp</t>
  </si>
  <si>
    <t>e828b15d-76f0-40da-94a3-86a3dca96490.tmp</t>
  </si>
  <si>
    <t>\\acsfs\profiles$\victorgl\Downloads\e828b15d-76f0-40da-94a3-86a3dca96490.tmp</t>
  </si>
  <si>
    <t>7e5997ac-f66a-409b-8475-7f7ca3ed621a.tmp</t>
  </si>
  <si>
    <t>\\acsfs\profiles$\victorgl\Downloads\7e5997ac-f66a-409b-8475-7f7ca3ed621a.tmp</t>
  </si>
  <si>
    <t>fa857d74-7c89-44f4-b720-2acaee675dee.tmp</t>
  </si>
  <si>
    <t>\\acsfs\profiles$\gabrielsma\Downloads\fa857d74-7c89-44f4-b720-2acaee675dee.tmp</t>
  </si>
  <si>
    <t>650ae6ce-46c3-4709-a1cb-1932ba35a876.tmp</t>
  </si>
  <si>
    <t>\\acsfs\profiles$\gabrielamdp\Downloads\650ae6ce-46c3-4709-a1cb-1932ba35a876.tmp</t>
  </si>
  <si>
    <t>a73cdf3f-1c34-4717-a5ab-c382f8b91535.tmp</t>
  </si>
  <si>
    <t>\\acsfs\profiles$\edicarlosdl\Downloads\a73cdf3f-1c34-4717-a5ab-c382f8b91535.tmp</t>
  </si>
  <si>
    <t>6A2814BE.tmp</t>
  </si>
  <si>
    <t>\\acsfs\ACS\Gabriel da Silva\Contemporânea\Erros Operacionais\6A2814BE.tmp</t>
  </si>
  <si>
    <t>GABRIELE OLIVEIRA DE SOUSA (14474).contact</t>
  </si>
  <si>
    <t>\\acsfs\profiles$\gabrieleods\Contacts\GABRIELE OLIVEIRA DE SOUSA (14474).contact</t>
  </si>
  <si>
    <t>066afb44-7e01-48ae-9a6a-2aaa6a651fb9.tmp</t>
  </si>
  <si>
    <t>\\acsfs\profiles$\taylaedoa\Downloads\066afb44-7e01-48ae-9a6a-2aaa6a651fb9.tmp</t>
  </si>
  <si>
    <t>695f6b00-97c1-4faa-b61c-c1a91b1830ed.tmp</t>
  </si>
  <si>
    <t>\\acsfs\profiles$\gabrielamdp\Downloads\695f6b00-97c1-4faa-b61c-c1a91b1830ed.tmp</t>
  </si>
  <si>
    <t>Base de Erros.xlsx</t>
  </si>
  <si>
    <t>\\acsfs\ACS\Gabriel da Silva\Contemporânea\Erros Operacionais\Base de Erros.xlsx</t>
  </si>
  <si>
    <t>Relatório Inventário FA Corp Consolidado_atualizado_Software_Nov19.xlsx</t>
  </si>
  <si>
    <t>037fed67-e959-4dcd-b207-58007404f1bd.tmp</t>
  </si>
  <si>
    <t>\\acsfs\profiles$\gabrieleods\Downloads\037fed67-e959-4dcd-b207-58007404f1bd.tmp</t>
  </si>
  <si>
    <t>63420bb1-c4ba-4e53-af2d-710b096f7a33.tmp</t>
  </si>
  <si>
    <t>\\acsfs\profiles$\gabrielamdp\Downloads\63420bb1-c4ba-4e53-af2d-710b096f7a33.tmp</t>
  </si>
  <si>
    <t>60d3bc67-75d6-44e2-95ea-f81edf621b02.tmp</t>
  </si>
  <si>
    <t>\\acsfs\profiles$\brendadsl\Downloads\60d3bc67-75d6-44e2-95ea-f81edf621b02.tmp</t>
  </si>
  <si>
    <t>\\acsfs\profiles$\thaynaracsl\My Documents\$RECYCLE.BIN\</t>
  </si>
  <si>
    <t>$IB8SULU.txt</t>
  </si>
  <si>
    <t>\\acsfs\profiles$\thaynaracsl\My Documents\$RECYCLE.BIN\$IB8SULU.txt</t>
  </si>
  <si>
    <t>2a341c1f-abc1-4564-879e-490532b72718.tmp</t>
  </si>
  <si>
    <t>\\acsfs\profiles$\rosileiam\Downloads\2a341c1f-abc1-4564-879e-490532b72718.tmp</t>
  </si>
  <si>
    <t>fc68aa0d-2206-43da-81d5-d17b34a73896.tmp</t>
  </si>
  <si>
    <t>\\acsfs\profiles$\alinepp\Downloads\fc68aa0d-2206-43da-81d5-d17b34a73896.tmp</t>
  </si>
  <si>
    <t>\\acsfs\ACS\Gabriel da Silva\Contemporânea\Erros Operacionais\Erros operacionais - Dezembro.xlsb</t>
  </si>
  <si>
    <t>suelenmm@algartech.com;</t>
  </si>
  <si>
    <t>\\acsfs\Deptos\CAS - Coordenação de Arquitetura de Soluções\Projetos\2020\Itau\227411 - ITAU CTMM - INFRA DC\1. Precificação\</t>
  </si>
  <si>
    <t>227411_Itau_Cenário_01_(C019_B019).xlsb</t>
  </si>
  <si>
    <t>suelenmm@algartech.com</t>
  </si>
  <si>
    <t>\\acsfs\Deptos\CAS - Coordenação de Arquitetura de Soluções\Projetos\2020\Itau\227411 - ITAU CTMM - INFRA DC\1. Precificação\227411_Itau_Cenário_01_(C019_B019).xlsb\</t>
  </si>
  <si>
    <t>fc3df065-6d7a-4941-b92b-f158e1d089e0.tmp</t>
  </si>
  <si>
    <t>\\acsfs\profiles$\andrezacapf\Downloads\fc3df065-6d7a-4941-b92b-f158e1d089e0.tmp</t>
  </si>
  <si>
    <t>9bbe8762-2f2f-4604-96d1-38cde589ff21.tmp</t>
  </si>
  <si>
    <t>\\acsfs\profiles$\gabrieleods\Downloads\9bbe8762-2f2f-4604-96d1-38cde589ff21.tmp</t>
  </si>
  <si>
    <t>9bfd6e43-45e7-441b-99af-bd18d368be56.tmp</t>
  </si>
  <si>
    <t>\\acsfs\profiles$\rafaelacdoc\Downloads\9bfd6e43-45e7-441b-99af-bd18d368be56.tmp</t>
  </si>
  <si>
    <t>25986454-a54b-441a-8d5f-dcfbbf1d1bd8.tmp</t>
  </si>
  <si>
    <t>\\acsfs\profiles$\philipegsf\Downloads\25986454-a54b-441a-8d5f-dcfbbf1d1bd8.tmp</t>
  </si>
  <si>
    <t>77149d96-dbf8-48b0-b2ac-25a8982209e6.tmp</t>
  </si>
  <si>
    <t>\\acsfs\profiles$\marcelacdss\Downloads\77149d96-dbf8-48b0-b2ac-25a8982209e6.tmp</t>
  </si>
  <si>
    <t>829d3065-ceb2-4677-ae02-815dbbf64966.tmp</t>
  </si>
  <si>
    <t>\\acsfs\profiles$\marcelacdss\Downloads\829d3065-ceb2-4677-ae02-815dbbf64966.tmp</t>
  </si>
  <si>
    <t>64bf55ad-d217-4d05-b480-b4a62f6f99e5.tmp</t>
  </si>
  <si>
    <t>\\acsfs\profiles$\gabrieleods\Downloads\64bf55ad-d217-4d05-b480-b4a62f6f99e5.tmp</t>
  </si>
  <si>
    <t>159a9162-6287-474d-8fed-cd2d0acebadf.tmp</t>
  </si>
  <si>
    <t>\\acsfs\profiles$\andressamf\Downloads\159a9162-6287-474d-8fed-cd2d0acebadf.tmp</t>
  </si>
  <si>
    <t>Desligamento Barbara V.zip</t>
  </si>
  <si>
    <t>C:\Users\adilsonloj\Downloads\Desligamento Barbara V.zip\</t>
  </si>
  <si>
    <t>image2020-01-09-092932.pdf</t>
  </si>
  <si>
    <t>https://algar.folhasinergyrh.com.br/rescisao/upload?id=0&amp;idsolicitacao=20001&amp;idprerescisao=0</t>
  </si>
  <si>
    <t>08/01/2020;</t>
  </si>
  <si>
    <t>https://08/01/2020</t>
  </si>
  <si>
    <t>ac0ba5f1-1050-4670-8d51-1611af316375.tmp</t>
  </si>
  <si>
    <t>\\acsfs\profiles$\fabianobmf\Downloads\ac0ba5f1-1050-4670-8d51-1611af316375.tmp</t>
  </si>
  <si>
    <t>mail.google.com/sync/u/0/i/s?hl=pt-BR&amp;c=2128</t>
  </si>
  <si>
    <t>mail.google.com/sync/u/0/i/s?hl=pt-BR&amp;c=2131</t>
  </si>
  <si>
    <t>mail.google.com/sync/u/0/i/s?hl=pt-BR&amp;c=2133</t>
  </si>
  <si>
    <t>mail.google.com/sync/u/0/i/s?hl=pt-BR&amp;c=2135</t>
  </si>
  <si>
    <t>mail.google.com/sync/u/0/i/s?hl=pt-BR&amp;c=2137</t>
  </si>
  <si>
    <t>bvs-centralcartoes@bv.com.br;</t>
  </si>
  <si>
    <t>bvs-centralcartoes@bv.com.br</t>
  </si>
  <si>
    <t>c07ade77-97ee-48f6-962c-bb1f50bb3488.tmp</t>
  </si>
  <si>
    <t>\\acsfs\profiles$\paulohaf\Downloads\c07ade77-97ee-48f6-962c-bb1f50bb3488.tmp</t>
  </si>
  <si>
    <t>1c4a326c-5811-4e86-8215-a4ecb64f5cf3.tmp</t>
  </si>
  <si>
    <t>\\acsfs\profiles$\henriqueco\Downloads\1c4a326c-5811-4e86-8215-a4ecb64f5cf3.tmp</t>
  </si>
  <si>
    <t>ERRO OPERACIONAL PARCIAL FLAVIA ATUALIZADO.xlsb</t>
  </si>
  <si>
    <t>\\acsfs\profiles$\gabrieleods\Downloads\ERRO OPERACIONAL PARCIAL FLAVIA ATUALIZADO.xlsb</t>
  </si>
  <si>
    <t>https://udpmailboxap01/h/search?si=7&amp;so=0&amp;sc=68654&amp;sfi=5&amp;st=conversation&amp;action=compose&amp;paction=rowview2</t>
  </si>
  <si>
    <t>https://udpmailboxap01/h/search?si=1&amp;so=0&amp;sc=68680&amp;sfi=6&amp;st=conversation&amp;action=compose&amp;paction=rowview2</t>
  </si>
  <si>
    <t>flaviacno@algartech.com;</t>
  </si>
  <si>
    <t>https://flaviacno@algartech.com</t>
  </si>
  <si>
    <t>a8c70b78-a311-4368-b6b9-22ed74c4be40.tmp</t>
  </si>
  <si>
    <t>\\acsfs\profiles$\brunalas\Downloads\a8c70b78-a311-4368-b6b9-22ed74c4be40.tmp</t>
  </si>
  <si>
    <t>mail.google.com/sync/u/0/i/s?hl=pt-BR&amp;c=2140</t>
  </si>
  <si>
    <t>mail.google.com/sync/u/0/i/s?hl=pt-BR&amp;c=2142</t>
  </si>
  <si>
    <t>mail.google.com/sync/u/0/i/s?hl=pt-BR&amp;c=2144</t>
  </si>
  <si>
    <t>mail.google.com/sync/u/0/i/s?hl=pt-BR&amp;c=2147</t>
  </si>
  <si>
    <t>mail.google.com/sync/u/0/i/s?hl=pt-BR&amp;c=2150</t>
  </si>
  <si>
    <t>mail.google.com/sync/u/0/i/s?hl=pt-BR&amp;c=2152</t>
  </si>
  <si>
    <t>mail.google.com/sync/u/0/i/s?hl=pt-BR&amp;c=2154</t>
  </si>
  <si>
    <t>mail.google.com/sync/u/0/i/s?hl=pt-BR&amp;c=2156</t>
  </si>
  <si>
    <t>mail.google.com/sync/u/0/i/s?hl=pt-BR&amp;c=2158</t>
  </si>
  <si>
    <t>8f41aa67-dd3f-4510-8993-4690f5ed1f29.tmp</t>
  </si>
  <si>
    <t>\\acsfs\profiles$\wedersonbadr\My Documents\My Music\8f41aa67-dd3f-4510-8993-4690f5ed1f29.tmp</t>
  </si>
  <si>
    <t>71e896a1-01f0-4d56-873c-515dab9f2de9.tmp</t>
  </si>
  <si>
    <t>\\acsfs\profiles$\henriqueco\Downloads\71e896a1-01f0-4d56-873c-515dab9f2de9.tmp</t>
  </si>
  <si>
    <t>https://udpmailboxap01/h/search?si=0&amp;so=0&amp;sc=68684&amp;sfi=6&amp;st=conversation&amp;action=compose&amp;paction=rowview</t>
  </si>
  <si>
    <t>10.200.67.158</t>
  </si>
  <si>
    <t>15db656e-535b-4e38-8074-1c783e897d8f.tmp</t>
  </si>
  <si>
    <t>\\acsfs\profiles$\marcelacdss\Downloads\15db656e-535b-4e38-8074-1c783e897d8f.tmp</t>
  </si>
  <si>
    <t>https://udpmailboxap01/h/search?si=0&amp;so=0&amp;sc=68688&amp;sfi=5&amp;st=conversation&amp;action=compose&amp;id=2665&amp;paction=view&amp;rf=html&amp;op=forward</t>
  </si>
  <si>
    <t>flaviacno@algartech.com;gabrieleods@bv.algartech.com;</t>
  </si>
  <si>
    <t>https://flaviacno@algartech.com,gabrieleods@bv.algartech.com</t>
  </si>
  <si>
    <t>69061e6e-16a1-4906-a931-29a66631e412.tmp</t>
  </si>
  <si>
    <t>\\acsfs\profiles$\alinepp\Downloads\69061e6e-16a1-4906-a931-29a66631e412.tmp</t>
  </si>
  <si>
    <t>188168019&amp;gjid=1611266764&amp;cid=1846521496.1578608360&amp;tid=ua-76641-8&amp;_gid=2123156708.1578608360&amp;_r=1&amp;gtm=2wg121rbkk&amp;cd1=logged_out&amp;cd2=none&amp;cd3=pt&amp;cd4=862923948.1272362864&amp;cd8=search&amp;cd12=0&amp;cd20=none&amp;cd17=1846521496.1578608360&amp;z=914312546 http</t>
  </si>
  <si>
    <t>ceadd55d-2f56-4371-b583-24ac19a00ca3.tmp</t>
  </si>
  <si>
    <t>\\acsfs\profiles$\LUISPLS\Downloads\ceadd55d-2f56-4371-b583-24ac19a00ca3.tmp</t>
  </si>
  <si>
    <t>90c0aaf1-a5c5-415a-9e94-8cba991811b2.tmp</t>
  </si>
  <si>
    <t>\\acsfs\profiles$\laurandos\Downloads\90c0aaf1-a5c5-415a-9e94-8cba991811b2.tmp</t>
  </si>
  <si>
    <t>b49ff4ba-903b-4781-8db8-bbb1ed2421dc.tmp</t>
  </si>
  <si>
    <t>\\acsfs\profiles$\ingridsm\Downloads\b49ff4ba-903b-4781-8db8-bbb1ed2421dc.tmp</t>
  </si>
  <si>
    <t>6f5b3b6f-ed90-44e0-a9ff-1ce0e1bccf26.tmp</t>
  </si>
  <si>
    <t>\\acsfs\profiles$\Adrieledgc\Downloads\6f5b3b6f-ed90-44e0-a9ff-1ce0e1bccf26.tmp</t>
  </si>
  <si>
    <t>83d9ed11-ccde-442a-985d-186f40dcb5c9.tmp</t>
  </si>
  <si>
    <t>\\acsfs\profiles$\ingridsm\Downloads\83d9ed11-ccde-442a-985d-186f40dcb5c9.tmp</t>
  </si>
  <si>
    <t>539484af-8df9-4a49-9e57-8d0c70ed58eb.tmp</t>
  </si>
  <si>
    <t>\\acsfs\profiles$\ingridsm\Downloads\539484af-8df9-4a49-9e57-8d0c70ed58eb.tmp</t>
  </si>
  <si>
    <t>d94756e2-bca0-443a-8f75-ade7721b2715.tmp</t>
  </si>
  <si>
    <t>\\acsfs\profiles$\ingridsm\Downloads\d94756e2-bca0-443a-8f75-ade7721b2715.tmp</t>
  </si>
  <si>
    <t>f5c18a60-7e39-4f39-a536-9f80102aff19.tmp</t>
  </si>
  <si>
    <t>\\acsfs\profiles$\ingridsm\Downloads\f5c18a60-7e39-4f39-a536-9f80102aff19.tmp</t>
  </si>
  <si>
    <t>ed801a56-2475-407b-b6c1-dfe455cf2184.tmp</t>
  </si>
  <si>
    <t>\\acsfs\profiles$\alinepp\Downloads\ed801a56-2475-407b-b6c1-dfe455cf2184.tmp</t>
  </si>
  <si>
    <t>8efc86b6-5e8f-4d80-a189-c0db9ee13caa.tmp</t>
  </si>
  <si>
    <t>\\acsfs\profiles$\victorgl\Downloads\8efc86b6-5e8f-4d80-a189-c0db9ee13caa.tmp</t>
  </si>
  <si>
    <t>dbfb65eb-57f2-40df-a650-fc2e9550a5a7.tmp</t>
  </si>
  <si>
    <t>\\acsfs\profiles$\victorgl\Downloads\dbfb65eb-57f2-40df-a650-fc2e9550a5a7.tmp</t>
  </si>
  <si>
    <t>e23875a3-8dfb-4b2b-b657-2955e017169b.tmp</t>
  </si>
  <si>
    <t>\\acsfs\profiles$\taylaedoa\Downloads\e23875a3-8dfb-4b2b-b657-2955e017169b.tmp</t>
  </si>
  <si>
    <t>811d2ffc-8ea1-4e22-a123-d19e3e8eaca6.tmp</t>
  </si>
  <si>
    <t>\\acsfs\profiles$\alinepp\Downloads\811d2ffc-8ea1-4e22-a123-d19e3e8eaca6.tmp</t>
  </si>
  <si>
    <t>6cd59299-81c4-4771-81ff-40efba459533.tmp</t>
  </si>
  <si>
    <t>\\acsfs\profiles$\brendadsl\Downloads\6cd59299-81c4-4771-81ff-40efba459533.tmp</t>
  </si>
  <si>
    <t>9e178ecc-58e8-4398-ae39-d846a943ccad.tmp</t>
  </si>
  <si>
    <t>\\acsfs\profiles$\LUISPLS\Downloads\9e178ecc-58e8-4398-ae39-d846a943ccad.tmp</t>
  </si>
  <si>
    <t>cf5892b7-28c4-4f6d-92d0-c10988d73f6f.tmp</t>
  </si>
  <si>
    <t>\\acsfs\profiles$\taylaedoa\Downloads\cf5892b7-28c4-4f6d-92d0-c10988d73f6f.tmp</t>
  </si>
  <si>
    <t>juceliaoda</t>
  </si>
  <si>
    <t>\\acsfs\profiles$\juceliaoda\Downloads\</t>
  </si>
  <si>
    <t>51b5a78c-263e-42cf-a8cb-e5528993fb07.tmp</t>
  </si>
  <si>
    <t>\\acsfs\profiles$\juceliaoda\Downloads\51b5a78c-263e-42cf-a8cb-e5528993fb07.tmp</t>
  </si>
  <si>
    <t>NATANAEL LAURENCIO FURTADO (770).contact</t>
  </si>
  <si>
    <t>\\acsfs\profiles$\NatanaelLF\Contacts\NATANAEL LAURENCIO FURTADO (770).contact</t>
  </si>
  <si>
    <t>da45299f-abd4-4caf-b331-6fb47993100a.tmp</t>
  </si>
  <si>
    <t>\\acsfs\profiles$\victorgl\Downloads\da45299f-abd4-4caf-b331-6fb47993100a.tmp</t>
  </si>
  <si>
    <t>5b08e77a-ad8b-4fc5-8601-5027ca43d2b3.tmp</t>
  </si>
  <si>
    <t>\\acsfs\profiles$\mariajaf\Downloads\5b08e77a-ad8b-4fc5-8601-5027ca43d2b3.tmp</t>
  </si>
  <si>
    <t>530e7ba4-baf0-4f64-bb7d-f8fbf134cf99</t>
  </si>
  <si>
    <t>530e7ba4-baf0-4f64-bb7d-f8fbf134cf99;</t>
  </si>
  <si>
    <t>6ea75d07-c46a-458b-894f-40718fffd3bf.tmp</t>
  </si>
  <si>
    <t>\\acsfs\profiles$\philipegsf\Downloads\6ea75d07-c46a-458b-894f-40718fffd3bf.tmp</t>
  </si>
  <si>
    <t>165c40a8-e46e-4b14-b108-98713eb22391.tmp</t>
  </si>
  <si>
    <t>\\acsfs\profiles$\nathaliaos\Downloads\165c40a8-e46e-4b14-b108-98713eb22391.tmp</t>
  </si>
  <si>
    <t>edc1a74b-a1e8-4c27-92ab-198d72b5172b.tmp</t>
  </si>
  <si>
    <t>\\acsfs\profiles$\mariajaf\Downloads\edc1a74b-a1e8-4c27-92ab-198d72b5172b.tmp</t>
  </si>
  <si>
    <t>lu329649zqq5d.tmp</t>
  </si>
  <si>
    <t>\\acsfs\profiles$\regisedsj\My Documents\lu329649zqq5d.tmp</t>
  </si>
  <si>
    <t>\\acsfs\profiles$\regisedsj\My Documents\lu329649zqq5d.tmp\</t>
  </si>
  <si>
    <t>\\acsfs\profiles$\regisedsj\My Documents\lu329649zqq5d.tmp\META-INF\</t>
  </si>
  <si>
    <t>\\acsfs\profiles$\regisedsj\My Documents\lu329649zqq5d.tmp\Thumbnails\</t>
  </si>
  <si>
    <t>e7333420-cf80-41f3-af89-28aa10e03ece.tmp</t>
  </si>
  <si>
    <t>\\acsfs\profiles$\ingridsm\Downloads\e7333420-cf80-41f3-af89-28aa10e03ece.tmp</t>
  </si>
  <si>
    <t>765fb578-a938-4a8e-befb-d4a44ccff702.tmp</t>
  </si>
  <si>
    <t>\\acsfs\profiles$\gabrielamdp\Downloads\765fb578-a938-4a8e-befb-d4a44ccff702.tmp</t>
  </si>
  <si>
    <t>ff6e7eef-4468-4ab4-84af-67273208b085.tmp</t>
  </si>
  <si>
    <t>\\acsfs\profiles$\gabrielamdp\Downloads\ff6e7eef-4468-4ab4-84af-67273208b085.tmp</t>
  </si>
  <si>
    <t>034e6a29-537f-438c-9054-ce253f37a019.tmp</t>
  </si>
  <si>
    <t>\\acsfs\profiles$\gabrielamdp\Downloads\034e6a29-537f-438c-9054-ce253f37a019.tmp</t>
  </si>
  <si>
    <t>56b81c80-0ec4-4326-953e-25da74b9bec1.tmp</t>
  </si>
  <si>
    <t>\\acsfs\profiles$\gabrielamdp\Downloads\56b81c80-0ec4-4326-953e-25da74b9bec1.tmp</t>
  </si>
  <si>
    <t>1a116f78-9398-47ce-bf0f-e7b684f380d3.tmp</t>
  </si>
  <si>
    <t>\\acsfs\profiles$\gabrielamdp\Downloads\1a116f78-9398-47ce-bf0f-e7b684f380d3.tmp</t>
  </si>
  <si>
    <t>b0797e88-04b9-4080-a43a-53f170a913f0.tmp</t>
  </si>
  <si>
    <t>\\acsfs\profiles$\mariajaf\Downloads\b0797e88-04b9-4080-a43a-53f170a913f0.tmp</t>
  </si>
  <si>
    <t>8b890c06-0b7f-48dc-8608-657a96de712c.tmp</t>
  </si>
  <si>
    <t>\\acsfs\profiles$\cintiadjl\Downloads\8b890c06-0b7f-48dc-8608-657a96de712c.tmp</t>
  </si>
  <si>
    <t>e53cf3a8-bfb7-4da5-8c73-85af285b88ff.tmp</t>
  </si>
  <si>
    <t>\\acsfs\profiles$\cintiadjl\Downloads\e53cf3a8-bfb7-4da5-8c73-85af285b88ff.tmp</t>
  </si>
  <si>
    <t>c940ae94-01f8-4b81-82d5-f4de6d53f3b0.tmp</t>
  </si>
  <si>
    <t>\\acsfs\profiles$\brendadsl\Downloads\c940ae94-01f8-4b81-82d5-f4de6d53f3b0.tmp</t>
  </si>
  <si>
    <t>282a8d3b-8cc7-4025-b45b-eca2fa2ca7d5.tmp</t>
  </si>
  <si>
    <t>\\acsfs\profiles$\mariajaf\Downloads\282a8d3b-8cc7-4025-b45b-eca2fa2ca7d5.tmp</t>
  </si>
  <si>
    <t>a1aac7f3-4327-4ddf-a64b-c8a3bee035cd.tmp</t>
  </si>
  <si>
    <t>\\acsfs\profiles$\mariajaf\Downloads\a1aac7f3-4327-4ddf-a64b-c8a3bee035cd.tmp</t>
  </si>
  <si>
    <t>e68d1e2a-2022-440b-aff5-6925cc9aab7d.tmp</t>
  </si>
  <si>
    <t>\\acsfs\profiles$\brendadsl\Downloads\e68d1e2a-2022-440b-aff5-6925cc9aab7d.tmp</t>
  </si>
  <si>
    <t>e311da69-d7e4-44d4-a80c-870849426ef3.tmp</t>
  </si>
  <si>
    <t>\\acsfs\profiles$\brendadsl\Downloads\e311da69-d7e4-44d4-a80c-870849426ef3.tmp</t>
  </si>
  <si>
    <t>b391b4d0-3da2-48ea-a9f9-e571cee2b537.tmp</t>
  </si>
  <si>
    <t>\\acsfs\profiles$\alinepp\Downloads\b391b4d0-3da2-48ea-a9f9-e571cee2b537.tmp</t>
  </si>
  <si>
    <t>86f37056-f046-40b4-8710-b2501da00a1b.tmp</t>
  </si>
  <si>
    <t>\\acsfs\profiles$\rafaelacdoc\Downloads\86f37056-f046-40b4-8710-b2501da00a1b.tmp</t>
  </si>
  <si>
    <t>a2ec5b2d-5738-4024-bff0-5ab6ebf832f4.tmp</t>
  </si>
  <si>
    <t>\\acsfs\profiles$\gabrielamdp\Downloads\a2ec5b2d-5738-4024-bff0-5ab6ebf832f4.tmp</t>
  </si>
  <si>
    <t>29153892-5205-4fb1-94f9-25bc7dc70dbd.tmp</t>
  </si>
  <si>
    <t>\\acsfs\profiles$\victorgl\Downloads\29153892-5205-4fb1-94f9-25bc7dc70dbd.tmp</t>
  </si>
  <si>
    <t>20e8c80d-1227-4d34-aec1-70cd7c2419f0.tmp</t>
  </si>
  <si>
    <t>\\acsfs\profiles$\rosileiam\Downloads\20e8c80d-1227-4d34-aec1-70cd7c2419f0.tmp</t>
  </si>
  <si>
    <t>34abb280-f97d-4bf5-9f15-1ca536debe7c.tmp</t>
  </si>
  <si>
    <t>\\acsfs\profiles$\alinepp\Downloads\34abb280-f97d-4bf5-9f15-1ca536debe7c.tmp</t>
  </si>
  <si>
    <t>XLOG_anakcs_09012020_124321.log</t>
  </si>
  <si>
    <t>\\acsfs\profiles$\anakcs\My Documents\xworkcenter\logs\XLOG_anakcs_09012020_124321.log</t>
  </si>
  <si>
    <t>ba0ac4d5-bd63-4f62-bc33-3ed4f5cbc455.tmp</t>
  </si>
  <si>
    <t>\\acsfs\profiles$\brendadsl\Downloads\ba0ac4d5-bd63-4f62-bc33-3ed4f5cbc455.tmp</t>
  </si>
  <si>
    <t>ddff3178-eae2-4090-ac4a-0b3d84d25ad3.tmp</t>
  </si>
  <si>
    <t>\\acsfs\profiles$\wenderbnm\Downloads\ddff3178-eae2-4090-ac4a-0b3d84d25ad3.tmp</t>
  </si>
  <si>
    <t>dfc88780-5607-4aa0-9868-007b32404347.tmp</t>
  </si>
  <si>
    <t>\\acsfs\profiles$\gabrielamdp\Downloads\dfc88780-5607-4aa0-9868-007b32404347.tmp</t>
  </si>
  <si>
    <t>b96d9ac2-7075-4a05-883d-00b49bdd73e6.tmp</t>
  </si>
  <si>
    <t>\\acsfs\profiles$\victorgl\Downloads\b96d9ac2-7075-4a05-883d-00b49bdd73e6.tmp</t>
  </si>
  <si>
    <t>1d8574f9-50b7-461e-bd6c-71dac6eb8da3.tmp</t>
  </si>
  <si>
    <t>\\acsfs\profiles$\leonardocb\Downloads\1d8574f9-50b7-461e-bd6c-71dac6eb8da3.tmp</t>
  </si>
  <si>
    <t>image2020-01-09-211342.pdf</t>
  </si>
  <si>
    <t>mail.google.com/_/upload?authuser=0&amp;dcp=asu-n&amp;upload_id=AEnB2Upd0GKZ_VdyBj8Ruz4lLBX7K9yFvmf6s8xHsdNGSJ6FHVtV8FxeesESFfbb8i2bJF_6EpxM0riSaQRfPSGbCr04sq7fZ4-Qa4zdwGQp2ZuPxjdRC4I&amp;upload_protocol=resumable</t>
  </si>
  <si>
    <t>\\acsfs\profiles$\higorss\Contacts\</t>
  </si>
  <si>
    <t>HIGOR SILVA SOUZA (20616).contact</t>
  </si>
  <si>
    <t>\\acsfs\profiles$\higorss\Contacts\HIGOR SILVA SOUZA (20616).contact</t>
  </si>
  <si>
    <t>\\acsfs\profiles$\higorss\My Documents\My Videos\</t>
  </si>
  <si>
    <t>\\acsfs\profiles$\higorss\My Documents\My Videos\desktop.ini</t>
  </si>
  <si>
    <t>\\acsfs\profiles$\higorss\My Documents\My Pictures\</t>
  </si>
  <si>
    <t>\\acsfs\profiles$\higorss\My Documents\My Pictures\desktop.ini</t>
  </si>
  <si>
    <t>\\acsfs\profiles$\higorss\Contacts\desktop.ini</t>
  </si>
  <si>
    <t>\\acsfs\profiles$\higorss\Favorites\</t>
  </si>
  <si>
    <t>\\acsfs\profiles$\higorss\Favorites\desktop.ini</t>
  </si>
  <si>
    <t>\\acsfs\profiles$\higorss\My Documents\My Music\</t>
  </si>
  <si>
    <t>\\acsfs\profiles$\higorss\My Documents\My Music\desktop.ini</t>
  </si>
  <si>
    <t>\\acsfs\profiles$\higorss\Searches\</t>
  </si>
  <si>
    <t>\\acsfs\profiles$\higorss\Searches\desktop.ini</t>
  </si>
  <si>
    <t>\\acsfs\profiles$\higorss\Downloads\desktop.ini</t>
  </si>
  <si>
    <t>\\acsfs\profiles$\higorss\My Documents\</t>
  </si>
  <si>
    <t>\\acsfs\profiles$\higorss\My Documents\desktop.ini</t>
  </si>
  <si>
    <t>\\acsfs\profiles$\higorss\Saved Games\</t>
  </si>
  <si>
    <t>\\acsfs\profiles$\higorss\Saved Games\desktop.ini</t>
  </si>
  <si>
    <t>\\acsfs\profiles$\higorss\Favorites\Links for Brasil\</t>
  </si>
  <si>
    <t>\\acsfs\profiles$\higorss\Favorites\Links for Brasil\desktop.ini</t>
  </si>
  <si>
    <t>\\acsfs\profiles$\higorss\Favorites\Links for Brasil\Microsoft Brasil.url</t>
  </si>
  <si>
    <t>\\acsfs\profiles$\higorss\Favorites\Links for Brasil\Windows Brasil.url</t>
  </si>
  <si>
    <t>\\acsfs\profiles$\higorss\Favorites\Links for Brasil\MSN Brasil.url</t>
  </si>
  <si>
    <t>f1d2e6a5-e2f3-4e9a-a787-aac6154c24ff.tmp</t>
  </si>
  <si>
    <t>\\acsfs\profiles$\mariajaf\Downloads\f1d2e6a5-e2f3-4e9a-a787-aac6154c24ff.tmp</t>
  </si>
  <si>
    <t>ef38b4f6-9a17-47a5-a75c-6dc69fea4b85.tmp</t>
  </si>
  <si>
    <t>\\acsfs\profiles$\ROBERTM\Downloads\ef38b4f6-9a17-47a5-a75c-6dc69fea4b85.tmp</t>
  </si>
  <si>
    <t>9a6cb8bc-1621-43cc-a656-2b27f82127e2.tmp</t>
  </si>
  <si>
    <t>\\acsfs\profiles$\ROBERTM\Downloads\9a6cb8bc-1621-43cc-a656-2b27f82127e2.tmp</t>
  </si>
  <si>
    <t>c73011f4-2c89-4f43-bd90-ceb176464314.tmp</t>
  </si>
  <si>
    <t>\\acsfs\profiles$\gabrielamdp\Downloads\c73011f4-2c89-4f43-bd90-ceb176464314.tmp</t>
  </si>
  <si>
    <t>405013e0-b6b3-4ffb-b21c-9fb81e29a2d3.tmp</t>
  </si>
  <si>
    <t>\\acsfs\profiles$\gabrielamdp\Downloads\405013e0-b6b3-4ffb-b21c-9fb81e29a2d3.tmp</t>
  </si>
  <si>
    <t>00874ab8-1d7f-4c14-b129-720db42b76b2.tmp</t>
  </si>
  <si>
    <t>\\acsfs\profiles$\gabrielamdp\Downloads\00874ab8-1d7f-4c14-b129-720db42b76b2.tmp</t>
  </si>
  <si>
    <t>3374e2c9-d4ac-4cb5-ae8b-093e0a409786.tmp</t>
  </si>
  <si>
    <t>\\acsfs\profiles$\gabrielamdp\Downloads\3374e2c9-d4ac-4cb5-ae8b-093e0a409786.tmp</t>
  </si>
  <si>
    <t>33ecad66-33ab-419d-bcbf-0b4772501d69.tmp</t>
  </si>
  <si>
    <t>\\acsfs\profiles$\gabrielamdp\Downloads\33ecad66-33ab-419d-bcbf-0b4772501d69.tmp</t>
  </si>
  <si>
    <t>lu280725s7vt6.tmp</t>
  </si>
  <si>
    <t>\\acsfs\profiles$\jalilebds\Downloads\lu280725s7vt6.tmp</t>
  </si>
  <si>
    <t>f1eb16a5-47b1-4ad0-9e2f-335b1d9f3029.tmp</t>
  </si>
  <si>
    <t>\\acsfs\profiles$\victorgl\Downloads\f1eb16a5-47b1-4ad0-9e2f-335b1d9f3029.tmp</t>
  </si>
  <si>
    <t>lu280725s7vtd.tmp</t>
  </si>
  <si>
    <t>\\acsfs\profiles$\jalilebds\Downloads\lu280725s7vtd.tmp</t>
  </si>
  <si>
    <t>XLOG_andrezacapf_09012020_150529.log</t>
  </si>
  <si>
    <t>\\acsfs\profiles$\andrezacapf\My Documents\xworkcenter\logs\XLOG_andrezacapf_09012020_150529.log</t>
  </si>
  <si>
    <t>1c641881-3388-4a8a-9a09-a210b97ecde5.tmp</t>
  </si>
  <si>
    <t>\\acsfs\profiles$\marlyannegdls\Downloads\1c641881-3388-4a8a-9a09-a210b97ecde5.tmp</t>
  </si>
  <si>
    <t>d620cb7e-03b5-447f-90a5-acffecc0a05d.tmp</t>
  </si>
  <si>
    <t>\\acsfs\profiles$\marlyannegdls\Downloads\d620cb7e-03b5-447f-90a5-acffecc0a05d.tmp</t>
  </si>
  <si>
    <t>1ed38a90-bd8e-48f8-9e06-9d076b219a4b.tmp</t>
  </si>
  <si>
    <t>\\acsfs\profiles$\rogeriofd\Downloads\1ed38a90-bd8e-48f8-9e06-9d076b219a4b.tmp</t>
  </si>
  <si>
    <t>98f1133b-b4b4-4f95-830e-1283114d0702.tmp</t>
  </si>
  <si>
    <t>\\acsfs\profiles$\rogeriofd\Downloads\98f1133b-b4b4-4f95-830e-1283114d0702.tmp</t>
  </si>
  <si>
    <t>JALILE BARBARA DA SILVA (16).contact</t>
  </si>
  <si>
    <t>\\acsfs\profiles$\jalilebds\Contacts\JALILE BARBARA DA SILVA (16).contact</t>
  </si>
  <si>
    <t>77c6b1cf-1472-47f0-8516-cf30cfc605ef.tmp</t>
  </si>
  <si>
    <t>\\acsfs\profiles$\rogeriofd\Downloads\77c6b1cf-1472-47f0-8516-cf30cfc605ef.tmp</t>
  </si>
  <si>
    <t>86eba1cb-625c-4ab0-b7ed-af69927ac339.tmp</t>
  </si>
  <si>
    <t>\\acsfs\profiles$\ROBERTM\Downloads\86eba1cb-625c-4ab0-b7ed-af69927ac339.tmp</t>
  </si>
  <si>
    <t>cb9c0adc-578f-4c02-80ef-fbee8098c92f.tmp</t>
  </si>
  <si>
    <t>\\acsfs\profiles$\rogeriofd\Downloads\cb9c0adc-578f-4c02-80ef-fbee8098c92f.tmp</t>
  </si>
  <si>
    <t>74724095-39b1-49e6-ab89-07788abfb694.tmp</t>
  </si>
  <si>
    <t>\\acsfs\profiles$\taylaedoa\Downloads\74724095-39b1-49e6-ab89-07788abfb694.tmp</t>
  </si>
  <si>
    <t>d193460b-4a3b-4732-b8e5-2afd10294d9b.tmp</t>
  </si>
  <si>
    <t>\\acsfs\profiles$\taylaedoa\Downloads\d193460b-4a3b-4732-b8e5-2afd10294d9b.tmp</t>
  </si>
  <si>
    <t>0faf4ab2-f43f-447f-838f-0be4585e88fb.tmp</t>
  </si>
  <si>
    <t>\\acsfs\profiles$\nathaliaos\Downloads\0faf4ab2-f43f-447f-838f-0be4585e88fb.tmp</t>
  </si>
  <si>
    <t>b7750377-6222-4bd8-ab77-5e2623d1c1c7.tmp</t>
  </si>
  <si>
    <t>\\acsfs\profiles$\Adrieledgc\Downloads\b7750377-6222-4bd8-ab77-5e2623d1c1c7.tmp</t>
  </si>
  <si>
    <t>d8c20228-dba4-41da-bddc-e08f729bd877.tmp</t>
  </si>
  <si>
    <t>\\acsfs\profiles$\ROBERTM\Downloads\d8c20228-dba4-41da-bddc-e08f729bd877.tmp</t>
  </si>
  <si>
    <t>https://caey.fa.us2.oraclecloud.com/crmui/faces/fusewelcome?_adf.ctrl-state=7acr5gwri_5</t>
  </si>
  <si>
    <t>\\acsfs\Deptos\CAS - Coordenação de Arquitetura de Soluções\Projetos\2019\Faber Castell\218427 - RFP Integrações\1. Precificação\</t>
  </si>
  <si>
    <t>218427 Faber Castell Precificacao C018 B018_v2 Terceiros+Analistas BH.xlsb</t>
  </si>
  <si>
    <t>\\acsfs\Deptos\CAS - Coordenação de Arquitetura de Soluções\Projetos\2019\Faber Castell\218427 - RFP Integrações\1. Precificação\218427 Faber Castell Precificacao C018 B018_v2 Terceiros+Analistas BH.xlsb\</t>
  </si>
  <si>
    <t>3f906659-7349-4de2-8197-1aa8ccd7d184.tmp</t>
  </si>
  <si>
    <t>\\acsfs\profiles$\ROBERTM\Downloads\3f906659-7349-4de2-8197-1aa8ccd7d184.tmp</t>
  </si>
  <si>
    <t>f540f196-071f-4310-97a0-00eba3eb43d2.tmp</t>
  </si>
  <si>
    <t>\\acsfs\profiles$\marlyannegdls\Downloads\f540f196-071f-4310-97a0-00eba3eb43d2.tmp</t>
  </si>
  <si>
    <t>476fd2f1-6fcd-4d8c-a15f-d236212549c9.tmp</t>
  </si>
  <si>
    <t>\\acsfs\profiles$\ROZENCAM\Downloads\476fd2f1-6fcd-4d8c-a15f-d236212549c9.tmp</t>
  </si>
  <si>
    <t>a3ea9e2b-657a-420f-9041-9e7f23b71053.tmp</t>
  </si>
  <si>
    <t>\\acsfs\profiles$\ROZENCAM\Downloads\a3ea9e2b-657a-420f-9041-9e7f23b71053.tmp</t>
  </si>
  <si>
    <t>39973bfa-831f-40e5-bffb-2a24e70310b9.tmp</t>
  </si>
  <si>
    <t>\\acsfs\profiles$\lucasqdss\Downloads\39973bfa-831f-40e5-bffb-2a24e70310b9.tmp</t>
  </si>
  <si>
    <t>c9228a1a-5dc7-467c-8fbd-e7b0c357cb39.tmp</t>
  </si>
  <si>
    <t>\\acsfs\profiles$\BRUNAAR\Downloads\c9228a1a-5dc7-467c-8fbd-e7b0c357cb39.tmp</t>
  </si>
  <si>
    <t>c2fb4f0d-fa65-47ea-a9e3-a63708077271.tmp</t>
  </si>
  <si>
    <t>\\acsfs\profiles$\BRUNAAR\Downloads\c2fb4f0d-fa65-47ea-a9e3-a63708077271.tmp</t>
  </si>
  <si>
    <t>86b6c68d-8781-4147-bad3-7323326d622c.tmp</t>
  </si>
  <si>
    <t>\\acsfs\profiles$\danielac\Downloads\86b6c68d-8781-4147-bad3-7323326d622c.tmp</t>
  </si>
  <si>
    <t>cc6ef949-3cd2-45aa-94a7-c45eee50a44b.tmp</t>
  </si>
  <si>
    <t>\\acsfs\profiles$\ALYNYA\Downloads\cc6ef949-3cd2-45aa-94a7-c45eee50a44b.tmp</t>
  </si>
  <si>
    <t>9f3d2d79-e6cd-4681-a738-c3859eb32bc9.tmp</t>
  </si>
  <si>
    <t>\\acsfs\profiles$\BRUNAAR\Downloads\9f3d2d79-e6cd-4681-a738-c3859eb32bc9.tmp</t>
  </si>
  <si>
    <t>507ba925-9a38-4958-81de-f032fe0322ef.tmp</t>
  </si>
  <si>
    <t>\\acsfs\profiles$\ALYNYA\Downloads\507ba925-9a38-4958-81de-f032fe0322ef.tmp</t>
  </si>
  <si>
    <t>e19310eb-0469-44bf-9a26-482d247988ad.tmp</t>
  </si>
  <si>
    <t>\\acsfs\profiles$\danielac\Downloads\e19310eb-0469-44bf-9a26-482d247988ad.tmp</t>
  </si>
  <si>
    <t>d0262e19-9751-4517-9faa-12fea7a5760c.tmp</t>
  </si>
  <si>
    <t>\\acsfs\profiles$\danielac\Downloads\d0262e19-9751-4517-9faa-12fea7a5760c.tmp</t>
  </si>
  <si>
    <t>1b186ea5-7b18-45da-9bac-4aa26693d8b3.tmp</t>
  </si>
  <si>
    <t>\\acsfs\profiles$\vivianealda\Downloads\1b186ea5-7b18-45da-9bac-4aa26693d8b3.tmp</t>
  </si>
  <si>
    <t>e23b67d9-df71-42a3-a6ad-1d8f89929faf.tmp</t>
  </si>
  <si>
    <t>\\acsfs\profiles$\cintiadcf\Downloads\e23b67d9-df71-42a3-a6ad-1d8f89929faf.tmp</t>
  </si>
  <si>
    <t>ffef912a-79bc-4318-b550-0bad8a8a73b0.tmp</t>
  </si>
  <si>
    <t>\\acsfs\profiles$\cintiadcf\Downloads\ffef912a-79bc-4318-b550-0bad8a8a73b0.tmp</t>
  </si>
  <si>
    <t>1489c7f4-6640-48bf-bfe7-f4c080919974.tmp</t>
  </si>
  <si>
    <t>\\acsfs\profiles$\cintiadcf\Downloads\1489c7f4-6640-48bf-bfe7-f4c080919974.tmp</t>
  </si>
  <si>
    <t>5b4c1afc-b3e2-48c5-a981-c6bd29b536ce.tmp</t>
  </si>
  <si>
    <t>\\acsfs\profiles$\vivianealda\Downloads\5b4c1afc-b3e2-48c5-a981-c6bd29b536ce.tmp</t>
  </si>
  <si>
    <t>ee002ba2-6634-444b-8a38-046557a5fe02.tmp</t>
  </si>
  <si>
    <t>\\acsfs\profiles$\vivianealda\Downloads\ee002ba2-6634-444b-8a38-046557a5fe02.tmp</t>
  </si>
  <si>
    <t>\\acsfs\profiles$\gleycekos\Contacts\</t>
  </si>
  <si>
    <t>Gleyce Kelly Oliveira Silva (24).contact</t>
  </si>
  <si>
    <t>\\acsfs\profiles$\gleycekos\Contacts\Gleyce Kelly Oliveira Silva (24).contact</t>
  </si>
  <si>
    <t>\\acsfs\profiles$\gleycekos\My Documents\My Videos\</t>
  </si>
  <si>
    <t>\\acsfs\profiles$\gleycekos\My Documents\My Videos\desktop.ini</t>
  </si>
  <si>
    <t>\\acsfs\profiles$\gleycekos\My Documents\My Pictures\</t>
  </si>
  <si>
    <t>\\acsfs\profiles$\gleycekos\My Documents\My Pictures\desktop.ini</t>
  </si>
  <si>
    <t>\\acsfs\profiles$\gleycekos\Contacts\desktop.ini</t>
  </si>
  <si>
    <t>\\acsfs\profiles$\gleycekos\Favorites\</t>
  </si>
  <si>
    <t>\\acsfs\profiles$\gleycekos\Favorites\desktop.ini</t>
  </si>
  <si>
    <t>\\acsfs\profiles$\gleycekos\My Documents\My Music\</t>
  </si>
  <si>
    <t>\\acsfs\profiles$\gleycekos\My Documents\My Music\desktop.ini</t>
  </si>
  <si>
    <t>\\acsfs\profiles$\gleycekos\Searches\</t>
  </si>
  <si>
    <t>\\acsfs\profiles$\gleycekos\Searches\desktop.ini</t>
  </si>
  <si>
    <t>\\acsfs\profiles$\gleycekos\Downloads\desktop.ini</t>
  </si>
  <si>
    <t>\\acsfs\profiles$\gleycekos\My Documents\</t>
  </si>
  <si>
    <t>\\acsfs\profiles$\gleycekos\My Documents\desktop.ini</t>
  </si>
  <si>
    <t>\\acsfs\profiles$\gleycekos\Saved Games\</t>
  </si>
  <si>
    <t>\\acsfs\profiles$\gleycekos\Saved Games\desktop.ini</t>
  </si>
  <si>
    <t>\\acsfs\profiles$\gleycekos\Favorites\Links for Brasil\</t>
  </si>
  <si>
    <t>\\acsfs\profiles$\gleycekos\Favorites\Links for Brasil\desktop.ini</t>
  </si>
  <si>
    <t>\\acsfs\profiles$\gleycekos\Favorites\Links for Brasil\Microsoft Brasil.url</t>
  </si>
  <si>
    <t>\\acsfs\profiles$\gleycekos\Favorites\Links for Brasil\Windows Brasil.url</t>
  </si>
  <si>
    <t>\\acsfs\profiles$\gleycekos\Favorites\Links for Brasil\MSN Brasil.url</t>
  </si>
  <si>
    <t>1ee4cf3a-60dc-4443-8dc0-92214f22d4c1.tmp</t>
  </si>
  <si>
    <t>\\acsfs\profiles$\eduardobb\Downloads\1ee4cf3a-60dc-4443-8dc0-92214f22d4c1.tmp</t>
  </si>
  <si>
    <t>51ce0fcd-5294-45ef-bea7-9ba7d69e6e60.tmp</t>
  </si>
  <si>
    <t>\\acsfs\profiles$\eduardobb\Downloads\51ce0fcd-5294-45ef-bea7-9ba7d69e6e60.tmp</t>
  </si>
  <si>
    <t>a3d3f697-af8c-405b-b444-d6ea75bed54a.tmp</t>
  </si>
  <si>
    <t>\\acsfs\profiles$\eduardobb\Downloads\a3d3f697-af8c-405b-b444-d6ea75bed54a.tmp</t>
  </si>
  <si>
    <t>6bb2eb62-ceba-42ea-abd2-70afab9dbac5.tmp</t>
  </si>
  <si>
    <t>\\acsfs\profiles$\eduardobb\Downloads\6bb2eb62-ceba-42ea-abd2-70afab9dbac5.tmp</t>
  </si>
  <si>
    <t>5db3b403-b8bd-4517-b113-07466d9006a8.tmp</t>
  </si>
  <si>
    <t>\\acsfs\profiles$\eduardobb\Downloads\5db3b403-b8bd-4517-b113-07466d9006a8.tmp</t>
  </si>
  <si>
    <t>3e75faac-8a4c-4125-9ea6-c9337e1352d0.tmp</t>
  </si>
  <si>
    <t>\\acsfs\profiles$\lucasgpe\Downloads\3e75faac-8a4c-4125-9ea6-c9337e1352d0.tmp</t>
  </si>
  <si>
    <t>c8ca8702-f09a-4ce8-9de2-318bad4493f7.tmp</t>
  </si>
  <si>
    <t>\\acsfs\profiles$\lucasgpe\Downloads\c8ca8702-f09a-4ce8-9de2-318bad4493f7.tmp</t>
  </si>
  <si>
    <t>477b2f5f-a25d-4dc3-89d1-721e7cbe571d.tmp</t>
  </si>
  <si>
    <t>\\acsfs\profiles$\vivianealda\Downloads\477b2f5f-a25d-4dc3-89d1-721e7cbe571d.tmp</t>
  </si>
  <si>
    <t>c85d1213-94fb-42a2-ab77-b83c84efc06e.tmp</t>
  </si>
  <si>
    <t>\\acsfs\profiles$\vivianealda\Downloads\c85d1213-94fb-42a2-ab77-b83c84efc06e.tmp</t>
  </si>
  <si>
    <t>7e21673c-50cb-4e4c-8969-a3976bd4dca5.tmp</t>
  </si>
  <si>
    <t>\\acsfs\profiles$\vivianealda\Downloads\7e21673c-50cb-4e4c-8969-a3976bd4dca5.tmp</t>
  </si>
  <si>
    <t>208ebb68-8e8f-484f-84c8-d39ac1f09263.tmp</t>
  </si>
  <si>
    <t>\\acsfs\profiles$\vivianealda\Downloads\208ebb68-8e8f-484f-84c8-d39ac1f09263.tmp</t>
  </si>
  <si>
    <t>\\acsfs\DEPTOS\Operacao\Banco_Votorantim\Qualidade\Anderson\Auditoria de Vendas\</t>
  </si>
  <si>
    <t>\\acsfs\DEPTOS\Operacao\Banco_Votorantim\Qualidade\Anderson\Auditoria de Vendas\Thumbs.db</t>
  </si>
  <si>
    <t>Gleyce Kelly Oliveira Silva (25).contact</t>
  </si>
  <si>
    <t>\\acsfs\profiles$\gleycekos\Contacts\Gleyce Kelly Oliveira Silva (25).contact</t>
  </si>
  <si>
    <t>Inclusão Metlife Dependente.xlsx</t>
  </si>
  <si>
    <t>\\acsfs\DEPTOS\Operacao\Banco_Votorantim\Supervisao\SUPERS BV CARTÕES\ADILSON\Inclusão Metlife Dependente.xlsx</t>
  </si>
  <si>
    <t>mail.google.com/sync/u/0/i/s?hl=pt-BR&amp;c=2306</t>
  </si>
  <si>
    <t>mail.google.com/sync/u/0/i/s?hl=pt-BR&amp;c=2309</t>
  </si>
  <si>
    <t>mail.google.com/sync/u/0/i/s?hl=pt-BR&amp;c=2313</t>
  </si>
  <si>
    <t>mail.google.com/sync/u/0/i/s?hl=pt-BR&amp;c=2315</t>
  </si>
  <si>
    <t>mail.google.com/sync/u/0/i/s?hl=pt-BR&amp;c=2317</t>
  </si>
  <si>
    <t>mail.google.com/sync/u/0/i/s?hl=pt-BR&amp;c=2319</t>
  </si>
  <si>
    <t>mail.google.com/sync/u/0/i/s?hl=pt-BR&amp;c=2321</t>
  </si>
  <si>
    <t>mail.google.com/sync/u/0/i/s?hl=pt-BR&amp;c=2323</t>
  </si>
  <si>
    <t>mail.google.com/sync/u/0/i/s?hl=pt-BR&amp;c=2327</t>
  </si>
  <si>
    <t>mail.google.com/sync/u/0/i/s?hl=pt-BR&amp;c=2329</t>
  </si>
  <si>
    <t>3af4a4c4-3fca-4630-b7a4-22544642d1c7.tmp</t>
  </si>
  <si>
    <t>\\acsfs\profiles$\websondsa\Downloads\3af4a4c4-3fca-4630-b7a4-22544642d1c7.tmp</t>
  </si>
  <si>
    <t>e593c706-ef8a-4fff-8f86-071aa1734168.tmp</t>
  </si>
  <si>
    <t>\\acsfs\profiles$\websondsa\Downloads\e593c706-ef8a-4fff-8f86-071aa1734168.tmp</t>
  </si>
  <si>
    <t>f0955f1c-4207-45b2-81e8-c18d70b3162d.tmp</t>
  </si>
  <si>
    <t>\\acsfs\profiles$\websondsa\Downloads\f0955f1c-4207-45b2-81e8-c18d70b3162d.tmp</t>
  </si>
  <si>
    <t>b72e5d90-ca69-426f-9baa-e8844ccfd1c5.tmp</t>
  </si>
  <si>
    <t>\\acsfs\profiles$\ROZENCAM\Downloads\b72e5d90-ca69-426f-9baa-e8844ccfd1c5.tmp</t>
  </si>
  <si>
    <t>a5f5adf8-0b34-46f0-9b0d-d5cc37aaf3d8.tmp</t>
  </si>
  <si>
    <t>\\acsfs\profiles$\mariajra\Downloads\a5f5adf8-0b34-46f0-9b0d-d5cc37aaf3d8.tmp</t>
  </si>
  <si>
    <t>XLOG_gleycekos_10012020_071844.log</t>
  </si>
  <si>
    <t>\\acsfs\profiles$\gleycekos\My Documents\xworkcenter\logs\XLOG_gleycekos_10012020_071844.log</t>
  </si>
  <si>
    <t>mail.google.com/sync/u/0/i/s?hl=pt-BR&amp;c=2331</t>
  </si>
  <si>
    <t>mail.google.com/sync/u/0/i/s?hl=pt-BR&amp;c=2333</t>
  </si>
  <si>
    <t>mail.google.com/sync/u/0/i/s?hl=pt-BR&amp;c=2335</t>
  </si>
  <si>
    <t>mail.google.com/sync/u/0/i/s?hl=pt-BR&amp;c=2337</t>
  </si>
  <si>
    <t>mail.google.com/sync/u/0/i/s?hl=pt-BR&amp;c=2339</t>
  </si>
  <si>
    <t>mail.google.com/sync/u/0/i/s?hl=pt-BR&amp;c=2341</t>
  </si>
  <si>
    <t>mail.google.com/sync/u/0/i/s?hl=pt-BR&amp;c=2344</t>
  </si>
  <si>
    <t>mail.google.com/sync/u/0/i/s?hl=pt-BR&amp;c=2346</t>
  </si>
  <si>
    <t>fb38c04f-eb54-4fd5-a561-a88fe926cbee.tmp</t>
  </si>
  <si>
    <t>\\acsfs\profiles$\claudiajca\Downloads\fb38c04f-eb54-4fd5-a561-a88fe926cbee.tmp</t>
  </si>
  <si>
    <t>44d314cb-c55d-4b17-8373-cb74e0d546ba.tmp</t>
  </si>
  <si>
    <t>\\acsfs\profiles$\websondsa\Downloads\44d314cb-c55d-4b17-8373-cb74e0d546ba.tmp</t>
  </si>
  <si>
    <t>c60f44d1-0e9e-4d25-b617-0003256819d9.tmp</t>
  </si>
  <si>
    <t>\\acsfs\profiles$\websondsa\Downloads\c60f44d1-0e9e-4d25-b617-0003256819d9.tmp</t>
  </si>
  <si>
    <t>\\acsfs\profiles$\diosquellysc\Contacts\</t>
  </si>
  <si>
    <t>DIOSQUELLY SILVA CAPUTO (17).contact</t>
  </si>
  <si>
    <t>\\acsfs\profiles$\diosquellysc\Contacts\DIOSQUELLY SILVA CAPUTO (17).contact</t>
  </si>
  <si>
    <t>\\acsfs\profiles$\diosquellysc\My Documents\My Videos\</t>
  </si>
  <si>
    <t>\\acsfs\profiles$\diosquellysc\My Documents\My Videos\desktop.ini</t>
  </si>
  <si>
    <t>\\acsfs\profiles$\diosquellysc\My Documents\My Pictures\</t>
  </si>
  <si>
    <t>\\acsfs\profiles$\diosquellysc\My Documents\My Pictures\desktop.ini</t>
  </si>
  <si>
    <t>\\acsfs\profiles$\diosquellysc\Contacts\desktop.ini</t>
  </si>
  <si>
    <t>\\acsfs\profiles$\diosquellysc\Favorites\</t>
  </si>
  <si>
    <t>\\acsfs\profiles$\diosquellysc\Favorites\desktop.ini</t>
  </si>
  <si>
    <t>\\acsfs\profiles$\diosquellysc\My Documents\My Music\</t>
  </si>
  <si>
    <t>\\acsfs\profiles$\diosquellysc\My Documents\My Music\desktop.ini</t>
  </si>
  <si>
    <t>\\acsfs\profiles$\diosquellysc\Searches\</t>
  </si>
  <si>
    <t>\\acsfs\profiles$\diosquellysc\Searches\desktop.ini</t>
  </si>
  <si>
    <t>\\acsfs\profiles$\diosquellysc\Downloads\</t>
  </si>
  <si>
    <t>\\acsfs\profiles$\diosquellysc\Downloads\desktop.ini</t>
  </si>
  <si>
    <t>\\acsfs\profiles$\diosquellysc\My Documents\</t>
  </si>
  <si>
    <t>\\acsfs\profiles$\diosquellysc\My Documents\desktop.ini</t>
  </si>
  <si>
    <t>\\acsfs\profiles$\diosquellysc\Saved Games\</t>
  </si>
  <si>
    <t>\\acsfs\profiles$\diosquellysc\Saved Games\desktop.ini</t>
  </si>
  <si>
    <t>\\acsfs\profiles$\diosquellysc\Favorites\Links for Brasil\</t>
  </si>
  <si>
    <t>\\acsfs\profiles$\diosquellysc\Favorites\Links for Brasil\desktop.ini</t>
  </si>
  <si>
    <t>\\acsfs\profiles$\diosquellysc\Favorites\Links for Brasil\Microsoft Brasil.url</t>
  </si>
  <si>
    <t>\\acsfs\profiles$\diosquellysc\Favorites\Links for Brasil\Windows Brasil.url</t>
  </si>
  <si>
    <t>\\acsfs\profiles$\diosquellysc\Favorites\Links for Brasil\MSN Brasil.url</t>
  </si>
  <si>
    <t>dfd0d061-9bf9-4837-aa89-5c083ddc3c48.tmp</t>
  </si>
  <si>
    <t>\\acsfs\profiles$\sarahbal\Downloads\dfd0d061-9bf9-4837-aa89-5c083ddc3c48.tmp</t>
  </si>
  <si>
    <t>6bfcee71-bd4b-48f0-98ab-e1dccb8526fe.tmp</t>
  </si>
  <si>
    <t>\\acsfs\profiles$\sarahbal\Downloads\6bfcee71-bd4b-48f0-98ab-e1dccb8526fe.tmp</t>
  </si>
  <si>
    <t>c7a2b9a9-f277-4c3f-b4db-90c3e02d317b.tmp</t>
  </si>
  <si>
    <t>\\acsfs\profiles$\sarahbal\Downloads\c7a2b9a9-f277-4c3f-b4db-90c3e02d317b.tmp</t>
  </si>
  <si>
    <t>1f5bc954-56b2-4a27-8e8b-705aae2a9283.tmp</t>
  </si>
  <si>
    <t>\\acsfs\profiles$\sarahbal\Downloads\1f5bc954-56b2-4a27-8e8b-705aae2a9283.tmp</t>
  </si>
  <si>
    <t>fecabccf-be94-4bca-9774-8d08b83ba33d.tmp</t>
  </si>
  <si>
    <t>\\acsfs\profiles$\lucasqdss\Downloads\fecabccf-be94-4bca-9774-8d08b83ba33d.tmp</t>
  </si>
  <si>
    <t>119a7ae1-fbc5-4740-9559-4f926b366c0f.tmp</t>
  </si>
  <si>
    <t>\\acsfs\profiles$\mariajra\Downloads\119a7ae1-fbc5-4740-9559-4f926b366c0f.tmp</t>
  </si>
  <si>
    <t>561d7808-3c77-4224-bd5d-2bff387eeb9a.tmp</t>
  </si>
  <si>
    <t>\\acsfs\profiles$\mariajra\Downloads\561d7808-3c77-4224-bd5d-2bff387eeb9a.tmp</t>
  </si>
  <si>
    <t>75098c3e-96f3-433e-ab26-6bf46f1647c2.tmp</t>
  </si>
  <si>
    <t>\\acsfs\profiles$\mariajra\Downloads\75098c3e-96f3-433e-ab26-6bf46f1647c2.tmp</t>
  </si>
  <si>
    <t>28c1284b-a7eb-4cdc-9e5f-9dcaf1dac7ce.tmp</t>
  </si>
  <si>
    <t>\\acsfs\profiles$\mariajra\Downloads\28c1284b-a7eb-4cdc-9e5f-9dcaf1dac7ce.tmp</t>
  </si>
  <si>
    <t>XLOG_gleycekos_10012020_072142.log</t>
  </si>
  <si>
    <t>\\acsfs\profiles$\gleycekos\My Documents\xworkcenter\logs\XLOG_gleycekos_10012020_072142.log</t>
  </si>
  <si>
    <t>e4aa2461-c981-46d1-ab5c-480dbfa99e2a.tmp</t>
  </si>
  <si>
    <t>\\acsfs\profiles$\claudiajca\Downloads\e4aa2461-c981-46d1-ab5c-480dbfa99e2a.tmp</t>
  </si>
  <si>
    <t>\\acsfs\profiles$\diosquellysc\My Documents\xworkcenter\logs\</t>
  </si>
  <si>
    <t>XLOG_diosquellysc_10012020_072608.log</t>
  </si>
  <si>
    <t>\\acsfs\profiles$\diosquellysc\My Documents\xworkcenter\logs\XLOG_diosquellysc_10012020_072608.log</t>
  </si>
  <si>
    <t>\\acsfs\profiles$\danielpdl\My Documents\xworkcenter\lex\</t>
  </si>
  <si>
    <t>\\acsfs\profiles$\danielpdl\My Documents\xworkcenter\lex\temp.tlx</t>
  </si>
  <si>
    <t>Comissão Dezembro Equipe Adilson.xlsx</t>
  </si>
  <si>
    <t>\\acsfs\DEPTOS\Operacao\Banco_Votorantim\Supervisao\SUPERS BV CARTÕES\ADILSON\Comissão Dezembro Equipe Adilson.xlsx</t>
  </si>
  <si>
    <t>9f6b8752-0a07-4623-a5cb-7c6f9c4aac15.tmp</t>
  </si>
  <si>
    <t>\\acsfs\profiles$\vivianalds\Downloads\9f6b8752-0a07-4623-a5cb-7c6f9c4aac15.tmp</t>
  </si>
  <si>
    <t>b5c0f98e-a7aa-4ecf-96fb-d4f6bad9ddec.tmp</t>
  </si>
  <si>
    <t>\\acsfs\profiles$\vivianalds\Downloads\b5c0f98e-a7aa-4ecf-96fb-d4f6bad9ddec.tmp</t>
  </si>
  <si>
    <t>\\acsfs\profiles$\tiagosno\My Documents\dbxwc\</t>
  </si>
  <si>
    <t>\\acsfs\profiles$\tiagosno\My Documents\dbxwc\dbxwc.xwc</t>
  </si>
  <si>
    <t>f8775be8-8627-4a51-a288-f565f41e6960.tmp</t>
  </si>
  <si>
    <t>\\acsfs\profiles$\vivianalds\Downloads\f8775be8-8627-4a51-a288-f565f41e6960.tmp</t>
  </si>
  <si>
    <t>ccf0f224-bf53-4d92-8dc8-9df2ccee5c64.tmp</t>
  </si>
  <si>
    <t>\\acsfs\profiles$\vivianealda\Downloads\ccf0f224-bf53-4d92-8dc8-9df2ccee5c64.tmp</t>
  </si>
  <si>
    <t>JOSE ROSA DE SOUZA NETO (12).contact</t>
  </si>
  <si>
    <t>\\acsfs\profiles$\joserdsne\Contacts\JOSE ROSA DE SOUZA NETO (12).contact</t>
  </si>
  <si>
    <t>https://udpmailboxap01.acs.com.br:8443/h/search?si=0&amp;so=0&amp;sc=68757&amp;st=conversation&amp;action=compose&amp;paction=paneview</t>
  </si>
  <si>
    <t>a2ec3e78-f794-4806-a7e6-2fe3f64bef19.tmp</t>
  </si>
  <si>
    <t>\\acsfs\profiles$\lucasqdss\Downloads\a2ec3e78-f794-4806-a7e6-2fe3f64bef19.tmp</t>
  </si>
  <si>
    <t>5c536703-b4e6-41bf-9d94-9f4e54dc8107.tmp</t>
  </si>
  <si>
    <t>\\acsfs\profiles$\leticiala\Downloads\5c536703-b4e6-41bf-9d94-9f4e54dc8107.tmp</t>
  </si>
  <si>
    <t>6597ff5c-1948-42de-ac9d-42d28bf32278.tmp</t>
  </si>
  <si>
    <t>\\acsfs\profiles$\leticiala\Downloads\6597ff5c-1948-42de-ac9d-42d28bf32278.tmp</t>
  </si>
  <si>
    <t>9b1c49af-49fc-4077-9ce8-69caacc1f014.tmp</t>
  </si>
  <si>
    <t>\\acsfs\profiles$\leticiala\Downloads\9b1c49af-49fc-4077-9ce8-69caacc1f014.tmp</t>
  </si>
  <si>
    <t>b4bd19a9-6841-4793-9353-fb3ccfd60095.tmp</t>
  </si>
  <si>
    <t>\\acsfs\profiles$\leticiala\Downloads\b4bd19a9-6841-4793-9353-fb3ccfd60095.tmp</t>
  </si>
  <si>
    <t>joaogvc@algartech.com;katia.cardoso@bv.com.br;marianadjc@algartech.com;planejamentodeoperacoesetrafego@bv.com.br;ricardodfm@algartech.com.br;taysdss@algartech.com;viniciussg@algartech.com;</t>
  </si>
  <si>
    <t>joaogvc@algartech.com,katia.cardoso@bv.com.br,marianadjc@algartech.com,planejamentodeoperacoesetrafego@bv.com.br,ricardodfm@algartech.com.br,taysdss@algartech.com,viniciussg@algartech.com</t>
  </si>
  <si>
    <t>bvcartes-supervisores@algarnet.onmicrosoft.com;joaogvc@algartech.com;katia.cardoso@bv.com.br;leonardoao@algartech.com;marianadjc@algartech.com;paulacn@algartech.com;planejamentodeoperacoesetrafego@bv.com.br;rafaelggs@algartech.com;ricardodfm@algartech.com.br;taysdss@algartech.com;viniciussg@algartech.com;</t>
  </si>
  <si>
    <t>bvcartes-supervisores@algarnet.onmicrosoft.com,joaogvc@algartech.com,katia.cardoso@bv.com.br,leonardoao@algartech.com,marianadjc@algartech.com,paulacn@algartech.com,planejamentodeoperacoesetrafego@bv.com.br,rafaelggs@algartech.com,ricardodfm@algartech.com.br,taysdss@algartech.com,viniciussg@algartech.com</t>
  </si>
  <si>
    <t>\\acsfs\DEPTOS\Operacao\Banco_Votorantim\Supervisao\SUPERS BV CARTÕES\LAYOUT TV´S\.~lock.Layout TV Vendas 2.2.ppt#</t>
  </si>
  <si>
    <t>a7c13a04-9652-46cf-9f56-15e6c61fb336.tmp</t>
  </si>
  <si>
    <t>\\acsfs\profiles$\antoniosva\Downloads\a7c13a04-9652-46cf-9f56-15e6c61fb336.tmp</t>
  </si>
  <si>
    <t>2cfa249a-727d-4670-9b0a-92f908d1c876.tmp</t>
  </si>
  <si>
    <t>\\acsfs\profiles$\antoniosva\Downloads\2cfa249a-727d-4670-9b0a-92f908d1c876.tmp</t>
  </si>
  <si>
    <t>235bf922-0d7b-41b9-8861-563ae3461d3b.tmp</t>
  </si>
  <si>
    <t>\\acsfs\profiles$\antoniosva\Downloads\235bf922-0d7b-41b9-8861-563ae3461d3b.tmp</t>
  </si>
  <si>
    <t>f9c88797-3857-4a76-b47b-c9737bfcc567.tmp</t>
  </si>
  <si>
    <t>\\acsfs\profiles$\antoniosva\Downloads\f9c88797-3857-4a76-b47b-c9737bfcc567.tmp</t>
  </si>
  <si>
    <t>bc79e72d-3972-457b-b6e9-a128cb9ed019.tmp</t>
  </si>
  <si>
    <t>\\acsfs\profiles$\henriqueco\Downloads\bc79e72d-3972-457b-b6e9-a128cb9ed019.tmp</t>
  </si>
  <si>
    <t>0f7bd41b-266b-41e0-9ebf-8a2510e28963.tmp</t>
  </si>
  <si>
    <t>\\acsfs\profiles$\henriqueco\Downloads\0f7bd41b-266b-41e0-9ebf-8a2510e28963.tmp</t>
  </si>
  <si>
    <t>fadf37aa-b2bd-4ced-9d13-b2e4915afab4.tmp</t>
  </si>
  <si>
    <t>\\acsfs\profiles$\leticiala\Downloads\fadf37aa-b2bd-4ced-9d13-b2e4915afab4.tmp</t>
  </si>
  <si>
    <t>Gleyce Kelly Oliveira Silva (26).contact</t>
  </si>
  <si>
    <t>\\acsfs\profiles$\gleycekos\Contacts\Gleyce Kelly Oliveira Silva (26).contact</t>
  </si>
  <si>
    <t>091d634f-c657-4e6c-b907-779649312856.tmp</t>
  </si>
  <si>
    <t>\\acsfs\profiles$\THYAGOSP\Downloads\091d634f-c657-4e6c-b907-779649312856.tmp</t>
  </si>
  <si>
    <t>8b62ecd8-571f-4404-aeb8-5c540d6b3fdf.tmp</t>
  </si>
  <si>
    <t>\\acsfs\profiles$\THYAGOSP\Downloads\8b62ecd8-571f-4404-aeb8-5c540d6b3fdf.tmp</t>
  </si>
  <si>
    <t>\\acsfs\profiles$\laylaams\My Documents\My Pictures\</t>
  </si>
  <si>
    <t>\\acsfs\profiles$\laylaams\My Documents\My Videos\desktop.ini</t>
  </si>
  <si>
    <t>\\acsfs\profiles$\laylaams\My Documents\My Videos\</t>
  </si>
  <si>
    <t>\\acsfs\profiles$\laylaams\My Documents\My Music\</t>
  </si>
  <si>
    <t>\\acsfs\profiles$\laylaams\My Documents\My Pictures\desktop.ini</t>
  </si>
  <si>
    <t>\\acsfs\profiles$\laylaams\Contacts\</t>
  </si>
  <si>
    <t>\\acsfs\profiles$\laylaams\Contacts\desktop.ini</t>
  </si>
  <si>
    <t>\\acsfs\profiles$\laylaams\Favorites\desktop.ini</t>
  </si>
  <si>
    <t>\\acsfs\profiles$\laylaams\My Documents\My Music\desktop.ini</t>
  </si>
  <si>
    <t>\\acsfs\profiles$\laylaams\Searches\</t>
  </si>
  <si>
    <t>\\acsfs\profiles$\laylaams\Searches\desktop.ini</t>
  </si>
  <si>
    <t>\\acsfs\profiles$\laylaams\Downloads\desktop.ini</t>
  </si>
  <si>
    <t>\\acsfs\profiles$\laylaams\Favorites\</t>
  </si>
  <si>
    <t>\\acsfs\profiles$\laylaams\My Documents\desktop.ini</t>
  </si>
  <si>
    <t>\\acsfs\profiles$\laylaams\Saved Games\desktop.ini</t>
  </si>
  <si>
    <t>winrt--{S-1-5-21-602162358-764733703-839522115-358583}-.searchconnector-ms</t>
  </si>
  <si>
    <t>\\acsfs\profiles$\laylaams\Searches\winrt--{S-1-5-21-602162358-764733703-839522115-358583}-.searchconnector-ms</t>
  </si>
  <si>
    <t>a96ef717-f099-4907-8c2d-28cc84c37564.tmp</t>
  </si>
  <si>
    <t>\\acsfs\profiles$\nayarasds\Downloads\a96ef717-f099-4907-8c2d-28cc84c37564.tmp</t>
  </si>
  <si>
    <t>b23db37c-77a1-4b59-b6b1-90d50ffafb6a.tmp</t>
  </si>
  <si>
    <t>\\acsfs\profiles$\nayarasds\Downloads\b23db37c-77a1-4b59-b6b1-90d50ffafb6a.tmp</t>
  </si>
  <si>
    <t>282c3e62-fd76-434f-a71e-a773db764535.tmp</t>
  </si>
  <si>
    <t>\\acsfs\profiles$\nayarasds\Downloads\282c3e62-fd76-434f-a71e-a773db764535.tmp</t>
  </si>
  <si>
    <t>089d5c97-3749-4ff3-a755-87ff7a7afa33.tmp</t>
  </si>
  <si>
    <t>\\acsfs\profiles$\nayarasds\Downloads\089d5c97-3749-4ff3-a755-87ff7a7afa33.tmp</t>
  </si>
  <si>
    <t>27d2bdad-3131-452e-b689-714aeb842199.tmp</t>
  </si>
  <si>
    <t>\\acsfs\profiles$\antoniosva\Downloads\27d2bdad-3131-452e-b689-714aeb842199.tmp</t>
  </si>
  <si>
    <t>7459a944-014f-469a-9b1c-8f4c02853c9a.tmp</t>
  </si>
  <si>
    <t>\\acsfs\profiles$\antoniosva\Downloads\7459a944-014f-469a-9b1c-8f4c02853c9a.tmp</t>
  </si>
  <si>
    <t>258b6f13-f3ab-41b1-8e8b-28e26d076f65.tmp</t>
  </si>
  <si>
    <t>\\acsfs\profiles$\ERICALSR\Downloads\258b6f13-f3ab-41b1-8e8b-28e26d076f65.tmp</t>
  </si>
  <si>
    <t>bc919755-b573-4384-9419-3866ca217c09.tmp</t>
  </si>
  <si>
    <t>\\acsfs\profiles$\luanarda\Downloads\bc919755-b573-4384-9419-3866ca217c09.tmp</t>
  </si>
  <si>
    <t>7cca4109-9187-466c-af2d-3c31049a1a59.tmp</t>
  </si>
  <si>
    <t>\\acsfs\profiles$\ANAPDSB\Downloads\7cca4109-9187-466c-af2d-3c31049a1a59.tmp</t>
  </si>
  <si>
    <t>10.200.66.4</t>
  </si>
  <si>
    <t>172d0ab0-3d37-42b8-85ab-7ba086b10ecd.tmp</t>
  </si>
  <si>
    <t>\\acsfs\profiles$\henriqueco\Downloads\172d0ab0-3d37-42b8-85ab-7ba086b10ecd.tmp</t>
  </si>
  <si>
    <t>a1e9bb0c-d6d7-4b93-9543-34f99bb0cd15.tmp</t>
  </si>
  <si>
    <t>\\acsfs\profiles$\henriqueco\Downloads\a1e9bb0c-d6d7-4b93-9543-34f99bb0cd15.tmp</t>
  </si>
  <si>
    <t>9e7c8b4d-29d1-4ade-941a-e04ca037780d.tmp</t>
  </si>
  <si>
    <t>\\acsfs\profiles$\henriqueco\Downloads\9e7c8b4d-29d1-4ade-941a-e04ca037780d.tmp</t>
  </si>
  <si>
    <t>440a7d37-52c6-4a88-9741-1fbda385deda.tmp</t>
  </si>
  <si>
    <t>\\acsfs\profiles$\marcellewdl\Downloads\440a7d37-52c6-4a88-9741-1fbda385deda.tmp</t>
  </si>
  <si>
    <t>dda97daf-a4a6-430d-bf8c-ba26bddf1315.tmp</t>
  </si>
  <si>
    <t>\\acsfs\profiles$\marcellewdl\Downloads\dda97daf-a4a6-430d-bf8c-ba26bddf1315.tmp</t>
  </si>
  <si>
    <t>621a1d7f-46c3-42c9-9983-fd85686752d5.tmp</t>
  </si>
  <si>
    <t>\\acsfs\profiles$\paulovadc\Downloads\621a1d7f-46c3-42c9-9983-fd85686752d5.tmp</t>
  </si>
  <si>
    <t>c1837524-19bf-40c7-ada5-18a74c0b6664.tmp</t>
  </si>
  <si>
    <t>\\acsfs\profiles$\paulovadc\Downloads\c1837524-19bf-40c7-ada5-18a74c0b6664.tmp</t>
  </si>
  <si>
    <t>c0cf774c-2698-44e4-b4ef-f8aa67ea35bb.tmp</t>
  </si>
  <si>
    <t>\\acsfs\profiles$\paulovadc\Downloads\c0cf774c-2698-44e4-b4ef-f8aa67ea35bb.tmp</t>
  </si>
  <si>
    <t>2069079a-f11e-485e-82f4-8a12d3df0942.tmp</t>
  </si>
  <si>
    <t>\\acsfs\profiles$\laylaams\Downloads\2069079a-f11e-485e-82f4-8a12d3df0942.tmp</t>
  </si>
  <si>
    <t>Unconfirmed 492603.crdownload</t>
  </si>
  <si>
    <t>\\acsfs\profiles$\laylaams\Downloads\Unconfirmed 492603.crdownload</t>
  </si>
  <si>
    <t>13d35fe2-a25b-40d8-ba0e-079e1e31ca6a.tmp</t>
  </si>
  <si>
    <t>\\acsfs\profiles$\laylaams\Downloads\13d35fe2-a25b-40d8-ba0e-079e1e31ca6a.tmp</t>
  </si>
  <si>
    <t>b6e9e04e-0d07-419e-8880-ae3cbdbc2d5e.tmp</t>
  </si>
  <si>
    <t>\\acsfs\profiles$\laylaams\Downloads\b6e9e04e-0d07-419e-8880-ae3cbdbc2d5e.tmp</t>
  </si>
  <si>
    <t>a98764d9-0272-4323-91b1-29768fb32fc5.tmp</t>
  </si>
  <si>
    <t>\\acsfs\profiles$\sarahbal\Downloads\a98764d9-0272-4323-91b1-29768fb32fc5.tmp</t>
  </si>
  <si>
    <t>19177bec-3dde-491d-924f-8f57100995e6.tmp</t>
  </si>
  <si>
    <t>\\acsfs\profiles$\quindaizaagds\Downloads\19177bec-3dde-491d-924f-8f57100995e6.tmp</t>
  </si>
  <si>
    <t>85089737-bc82-4b1b-8a8a-afb00fbf0676.tmp</t>
  </si>
  <si>
    <t>\\acsfs\profiles$\nayarasds\Downloads\85089737-bc82-4b1b-8a8a-afb00fbf0676.tmp</t>
  </si>
  <si>
    <t>01f1d700-b5f8-483b-bd5d-e9c83c65dc25.tmp</t>
  </si>
  <si>
    <t>\\acsfs\profiles$\ayalabfi\Downloads\01f1d700-b5f8-483b-bd5d-e9c83c65dc25.tmp</t>
  </si>
  <si>
    <t>eaa1fbbd-958c-45c3-b5f0-44bfdec74198.tmp</t>
  </si>
  <si>
    <t>\\acsfs\profiles$\ayalabfi\Downloads\eaa1fbbd-958c-45c3-b5f0-44bfdec74198.tmp</t>
  </si>
  <si>
    <t>acc3d54d-b8f4-498f-9a7b-7e29f38ed1ea.tmp</t>
  </si>
  <si>
    <t>\\acsfs\profiles$\ayalabfi\Downloads\acc3d54d-b8f4-498f-9a7b-7e29f38ed1ea.tmp</t>
  </si>
  <si>
    <t>f8102185-6edb-4ea6-b663-f8c264b74b76.tmp</t>
  </si>
  <si>
    <t>\\acsfs\profiles$\ayalabfi\Downloads\f8102185-6edb-4ea6-b663-f8c264b74b76.tmp</t>
  </si>
  <si>
    <t>0a7100e6-5051-44d0-afa9-2b0106ed2aaf.tmp</t>
  </si>
  <si>
    <t>\\acsfs\profiles$\ERICALSR\Downloads\0a7100e6-5051-44d0-afa9-2b0106ed2aaf.tmp</t>
  </si>
  <si>
    <t>845e6aa9-f1b6-4367-80b5-f16df140bda3.tmp</t>
  </si>
  <si>
    <t>\\acsfs\profiles$\luanarda\Downloads\845e6aa9-f1b6-4367-80b5-f16df140bda3.tmp</t>
  </si>
  <si>
    <t>843a2483-2726-44a3-93f7-12b585e4e27d.tmp</t>
  </si>
  <si>
    <t>\\acsfs\profiles$\ANAPDSB\Downloads\843a2483-2726-44a3-93f7-12b585e4e27d.tmp</t>
  </si>
  <si>
    <t>3482a1ca-c95a-4413-badf-251c97ab5fbd.tmp</t>
  </si>
  <si>
    <t>\\acsfs\profiles$\felipetds\Downloads\3482a1ca-c95a-4413-badf-251c97ab5fbd.tmp</t>
  </si>
  <si>
    <t>f2c793bd-9335-473b-a352-c7f843d062ab.tmp</t>
  </si>
  <si>
    <t>\\acsfs\profiles$\felipetds\Downloads\f2c793bd-9335-473b-a352-c7f843d062ab.tmp</t>
  </si>
  <si>
    <t>3c260340-cb1d-4f9f-8365-ba001b32fab2.tmp</t>
  </si>
  <si>
    <t>\\acsfs\profiles$\rafaelahpn\Downloads\3c260340-cb1d-4f9f-8365-ba001b32fab2.tmp</t>
  </si>
  <si>
    <t>5e5bd75b-5fd5-4fda-a5c5-eab09e2e6af4.tmp</t>
  </si>
  <si>
    <t>\\acsfs\profiles$\rafaelahpn\Downloads\5e5bd75b-5fd5-4fda-a5c5-eab09e2e6af4.tmp</t>
  </si>
  <si>
    <t>ceec8105-b6d8-4aaf-a5b0-d06ad0d99fe2.tmp</t>
  </si>
  <si>
    <t>\\acsfs\profiles$\rafaelahpn\Downloads\ceec8105-b6d8-4aaf-a5b0-d06ad0d99fe2.tmp</t>
  </si>
  <si>
    <t>9e13b59f-f8f6-4e5c-acda-d0110db4e389.tmp</t>
  </si>
  <si>
    <t>\\acsfs\profiles$\milenaas\Downloads\9e13b59f-f8f6-4e5c-acda-d0110db4e389.tmp</t>
  </si>
  <si>
    <t>f16f7abe-4094-4ab9-9152-dbe266c67343.tmp</t>
  </si>
  <si>
    <t>\\acsfs\profiles$\rafaelahpn\Downloads\f16f7abe-4094-4ab9-9152-dbe266c67343.tmp</t>
  </si>
  <si>
    <t>10.200.66.30</t>
  </si>
  <si>
    <t>78-2B-CB-C1-07-8D</t>
  </si>
  <si>
    <t>VOTORANT-WB010</t>
  </si>
  <si>
    <t>fa5f1cff-43bf-4edb-8f6b-d1a645bba957.tmp</t>
  </si>
  <si>
    <t>\\acsfs\profiles$\gabriellalpr\Downloads\fa5f1cff-43bf-4edb-8f6b-d1a645bba957.tmp</t>
  </si>
  <si>
    <t>020478fc-16ca-4b92-996c-e107b76fbe84.tmp</t>
  </si>
  <si>
    <t>\\acsfs\profiles$\geovannasm\Downloads\020478fc-16ca-4b92-996c-e107b76fbe84.tmp</t>
  </si>
  <si>
    <t>7d2f6b3b-43fd-4c0e-aacb-2f1439a78fe0.tmp</t>
  </si>
  <si>
    <t>\\acsfs\profiles$\geovannasm\Downloads\7d2f6b3b-43fd-4c0e-aacb-2f1439a78fe0.tmp</t>
  </si>
  <si>
    <t>53064056-8ce2-4018-914b-55c3f48de01a.tmp</t>
  </si>
  <si>
    <t>\\acsfs\profiles$\geovannasm\Downloads\53064056-8ce2-4018-914b-55c3f48de01a.tmp</t>
  </si>
  <si>
    <t>f828d7de-eee3-4f9c-be70-3e69dbc3262f.tmp</t>
  </si>
  <si>
    <t>\\acsfs\profiles$\geovannasm\Downloads\f828d7de-eee3-4f9c-be70-3e69dbc3262f.tmp</t>
  </si>
  <si>
    <t>lu14992jo6kd.tmp</t>
  </si>
  <si>
    <t>\\acsfs\profiles$\BRUNAAR\Numero\lu14992jo6kd.tmp</t>
  </si>
  <si>
    <t>c9510274-664e-4dcb-b627-7fa0ecda0ba8.tmp</t>
  </si>
  <si>
    <t>\\acsfs\profiles$\milenaas\Downloads\c9510274-664e-4dcb-b627-7fa0ecda0ba8.tmp</t>
  </si>
  <si>
    <t>2442d03f-fb6a-4d65-a127-965b2e43606c.tmp</t>
  </si>
  <si>
    <t>\\acsfs\profiles$\milenaas\Downloads\2442d03f-fb6a-4d65-a127-965b2e43606c.tmp</t>
  </si>
  <si>
    <t>97d8a205-d871-4da1-a425-64ba4337d705.tmp</t>
  </si>
  <si>
    <t>\\acsfs\profiles$\milenaas\Downloads\97d8a205-d871-4da1-a425-64ba4337d705.tmp</t>
  </si>
  <si>
    <t>a88ebd68-a072-41e6-970d-7a2babd747fe.tmp</t>
  </si>
  <si>
    <t>\\acsfs\profiles$\rafaelahpn\Downloads\a88ebd68-a072-41e6-970d-7a2babd747fe.tmp</t>
  </si>
  <si>
    <t>e29564b6-4eb6-46dc-b50a-4391879f8650.tmp</t>
  </si>
  <si>
    <t>\\acsfs\profiles$\leticiala\Downloads\e29564b6-4eb6-46dc-b50a-4391879f8650.tmp</t>
  </si>
  <si>
    <t>9ba1bfcd-688a-419b-9075-7f8e9c6b7267.tmp</t>
  </si>
  <si>
    <t>\\acsfs\profiles$\websondsa\Downloads\9ba1bfcd-688a-419b-9075-7f8e9c6b7267.tmp</t>
  </si>
  <si>
    <t>94d01a02-6aab-4563-b34c-fd760327464a.tmp</t>
  </si>
  <si>
    <t>\\acsfs\profiles$\websondsa\Downloads\94d01a02-6aab-4563-b34c-fd760327464a.tmp</t>
  </si>
  <si>
    <t>7936e51d-5d59-49cb-985a-4a51a752c2a7.tmp</t>
  </si>
  <si>
    <t>\\acsfs\profiles$\websondsa\Downloads\7936e51d-5d59-49cb-985a-4a51a752c2a7.tmp</t>
  </si>
  <si>
    <t>4c0253f5-7db5-46ef-a237-a06a739dbe21.tmp</t>
  </si>
  <si>
    <t>\\acsfs\profiles$\websondsa\Downloads\4c0253f5-7db5-46ef-a237-a06a739dbe21.tmp</t>
  </si>
  <si>
    <t>\\acsfs\profiles$\paulovadc\.~lock.Novo(a) Planilha OpenDocument.ods#</t>
  </si>
  <si>
    <t>3487ddf2-25b1-45e4-8d8a-e929b5ca6e04.tmp</t>
  </si>
  <si>
    <t>\\acsfs\profiles$\gabriellalpr\Downloads\3487ddf2-25b1-45e4-8d8a-e929b5ca6e04.tmp</t>
  </si>
  <si>
    <t>8eca3de3-df63-4c08-a57e-956f246976fe.tmp</t>
  </si>
  <si>
    <t>\\acsfs\profiles$\quindaizaagds\Downloads\8eca3de3-df63-4c08-a57e-956f246976fe.tmp</t>
  </si>
  <si>
    <t>69a535f9-f5bd-4555-a997-c200abab53aa.tmp</t>
  </si>
  <si>
    <t>\\acsfs\profiles$\nayarasds\Downloads\69a535f9-f5bd-4555-a997-c200abab53aa.tmp</t>
  </si>
  <si>
    <t>2e2d2ba4-fd50-4702-9aa9-3c02b862eeaa.tmp</t>
  </si>
  <si>
    <t>\\acsfs\profiles$\LUCASNS\Downloads\2e2d2ba4-fd50-4702-9aa9-3c02b862eeaa.tmp</t>
  </si>
  <si>
    <t>bfe69294-9cf9-4ae3-84d3-6685697b9505.tmp</t>
  </si>
  <si>
    <t>\\acsfs\profiles$\LUCASNS\Downloads\bfe69294-9cf9-4ae3-84d3-6685697b9505.tmp</t>
  </si>
  <si>
    <t>lu142764zi0g4v.tmp</t>
  </si>
  <si>
    <t>\\acsfs\DEPTOS\Operacao\Banco_Votorantim\Supervisao\SUPERS BV CARTÕES\ANA VITORIA\APOIO\lu142764zi0g4v.tmp</t>
  </si>
  <si>
    <t>\\acsfs\DEPTOS\Operacao\Banco_Votorantim\Supervisao\SUPERS BV CARTÕES\ANA VITORIA\APOIO\lu142764zi0g4v.tmp\</t>
  </si>
  <si>
    <t>\\acsfs\DEPTOS\Operacao\Banco_Votorantim\Supervisao\SUPERS BV CARTÕES\ANA VITORIA\APOIO\lu142764zi0g4v.tmp\META-INF\</t>
  </si>
  <si>
    <t>\\acsfs\DEPTOS\Operacao\Banco_Votorantim\Supervisao\SUPERS BV CARTÕES\ANA VITORIA\APOIO\lu142764zi0g4v.tmp\Thumbnails\</t>
  </si>
  <si>
    <t>398b11fc-80b6-4e1b-84d2-a2f53c66450f.tmp</t>
  </si>
  <si>
    <t>\\acsfs\profiles$\larissaad\Downloads\398b11fc-80b6-4e1b-84d2-a2f53c66450f.tmp</t>
  </si>
  <si>
    <t>8bc9871f-e5c4-4931-971d-bf094338ccc0.tmp</t>
  </si>
  <si>
    <t>\\acsfs\profiles$\larissaad\Downloads\8bc9871f-e5c4-4931-971d-bf094338ccc0.tmp</t>
  </si>
  <si>
    <t>532c0fc5-ac1c-4d38-8d20-980e993f9c80.tmp</t>
  </si>
  <si>
    <t>\\acsfs\profiles$\larissaad\Downloads\532c0fc5-ac1c-4d38-8d20-980e993f9c80.tmp</t>
  </si>
  <si>
    <t>97710467-42ff-437f-93aa-5090ceed4319.tmp</t>
  </si>
  <si>
    <t>\\acsfs\profiles$\geovannasm\Downloads\97710467-42ff-437f-93aa-5090ceed4319.tmp</t>
  </si>
  <si>
    <t>fee20057-0920-4069-ad81-50ed63fdd647.tmp</t>
  </si>
  <si>
    <t>\\acsfs\profiles$\vivianalds\Downloads\fee20057-0920-4069-ad81-50ed63fdd647.tmp</t>
  </si>
  <si>
    <t>ced5a575-86ff-4c3c-afaa-ac76dfb4e49a.tmp</t>
  </si>
  <si>
    <t>\\acsfs\profiles$\vivianealda\Downloads\ced5a575-86ff-4c3c-afaa-ac76dfb4e49a.tmp</t>
  </si>
  <si>
    <t>dd4758ab-d994-40c6-a7af-d88dbc7996a2.tmp</t>
  </si>
  <si>
    <t>\\acsfs\profiles$\rafaelahpn\Downloads\dd4758ab-d994-40c6-a7af-d88dbc7996a2.tmp</t>
  </si>
  <si>
    <t>446c2dcb-381d-493a-b4b1-be64ab74e9d3.tmp</t>
  </si>
  <si>
    <t>\\acsfs\profiles$\KARENDSR\Downloads\446c2dcb-381d-493a-b4b1-be64ab74e9d3.tmp</t>
  </si>
  <si>
    <t>CPF 63852063272 - OPERADORA BRUNA ASSUNCAO ROSA_1_6772939572179437532_1_32.wav</t>
  </si>
  <si>
    <t>\\acsfs\Deptos\EDUCACAO EMPRESARIAL\KÉSIA\OUVIDORIA, PROCON, BACEN E RECLAME AQUI\CPF 63852063272 - OPERADORA BRUNA ASSUNCAO ROSA_1_6772939572179437532_1_32.wav</t>
  </si>
  <si>
    <t>lu142764zi0g52.tmp</t>
  </si>
  <si>
    <t>\\acsfs\DEPTOS\Operacao\Banco_Votorantim\Supervisao\SUPERS BV CARTÕES\ANA VITORIA\APOIO\lu142764zi0g52.tmp</t>
  </si>
  <si>
    <t>\\acsfs\DEPTOS\Operacao\Banco_Votorantim\Supervisao\SUPERS BV CARTÕES\ANA VITORIA\APOIO\lu142764zi0g52.tmp\</t>
  </si>
  <si>
    <t>\\acsfs\DEPTOS\Operacao\Banco_Votorantim\Supervisao\SUPERS BV CARTÕES\ANA VITORIA\APOIO\lu142764zi0g52.tmp\META-INF\</t>
  </si>
  <si>
    <t>\\acsfs\DEPTOS\Operacao\Banco_Votorantim\Supervisao\SUPERS BV CARTÕES\ANA VITORIA\APOIO\lu142764zi0g52.tmp\Thumbnails\</t>
  </si>
  <si>
    <t>5eff66da-f8ef-46a2-93e6-276ddfbeaf24.tmp</t>
  </si>
  <si>
    <t>\\acsfs\profiles$\quindaizaagds\Downloads\5eff66da-f8ef-46a2-93e6-276ddfbeaf24.tmp</t>
  </si>
  <si>
    <t>e7b5a91f-4f69-40a8-a252-939025e3f259.tmp</t>
  </si>
  <si>
    <t>\\acsfs\profiles$\quindaizaagds\Downloads\e7b5a91f-4f69-40a8-a252-939025e3f259.tmp</t>
  </si>
  <si>
    <t>2ed04a13-a834-4140-b094-70d6fb84472e.tmp</t>
  </si>
  <si>
    <t>\\acsfs\profiles$\quindaizaagds\Downloads\2ed04a13-a834-4140-b094-70d6fb84472e.tmp</t>
  </si>
  <si>
    <t>40b3ea27-21f7-45ce-ac24-272c971fe3d3.tmp</t>
  </si>
  <si>
    <t>\\acsfs\profiles$\quindaizaagds\Downloads\40b3ea27-21f7-45ce-ac24-272c971fe3d3.tmp</t>
  </si>
  <si>
    <t>8931156d-f23c-44a3-9674-6688fc3c29f9.tmp</t>
  </si>
  <si>
    <t>\\acsfs\profiles$\quindaizaagds\Downloads\8931156d-f23c-44a3-9674-6688fc3c29f9.tmp</t>
  </si>
  <si>
    <t>38580c5c-aceb-433f-8f3f-045510f63e5f.tmp</t>
  </si>
  <si>
    <t>\\acsfs\profiles$\quindaizaagds\Downloads\38580c5c-aceb-433f-8f3f-045510f63e5f.tmp</t>
  </si>
  <si>
    <t>344865b0-12c1-4644-9b88-47cf9353c34c.tmp</t>
  </si>
  <si>
    <t>\\acsfs\profiles$\ayalabfi\Downloads\344865b0-12c1-4644-9b88-47cf9353c34c.tmp</t>
  </si>
  <si>
    <t>48e557c5-3448-4faa-a769-7db39ffb3d66.tmp</t>
  </si>
  <si>
    <t>\\acsfs\profiles$\anafsb\Downloads\48e557c5-3448-4faa-a769-7db39ffb3d66.tmp</t>
  </si>
  <si>
    <t>ed1c9fe0-5097-4a05-b31a-8b27cd814142.tmp</t>
  </si>
  <si>
    <t>\\acsfs\profiles$\anafsb\Downloads\ed1c9fe0-5097-4a05-b31a-8b27cd814142.tmp</t>
  </si>
  <si>
    <t>c54930dd-0267-485f-90ff-8a341af3936d.tmp</t>
  </si>
  <si>
    <t>\\acsfs\profiles$\anafsb\Downloads\c54930dd-0267-485f-90ff-8a341af3936d.tmp</t>
  </si>
  <si>
    <t>36400a50-f32e-4744-b736-30a6e61a0368.tmp</t>
  </si>
  <si>
    <t>\\acsfs\profiles$\anafsb\Downloads\36400a50-f32e-4744-b736-30a6e61a0368.tmp</t>
  </si>
  <si>
    <t>b81ec6c8-cff3-4745-92d9-6cec425d8767.tmp</t>
  </si>
  <si>
    <t>\\acsfs\profiles$\anafsb\Downloads\b81ec6c8-cff3-4745-92d9-6cec425d8767.tmp</t>
  </si>
  <si>
    <t>194227bf-e0aa-4600-b158-394ef32087d3.tmp</t>
  </si>
  <si>
    <t>\\acsfs\profiles$\anafsb\Downloads\194227bf-e0aa-4600-b158-394ef32087d3.tmp</t>
  </si>
  <si>
    <t>dc4b2aea-0efa-4a01-9ad5-8bc42c5650d7.tmp</t>
  </si>
  <si>
    <t>\\acsfs\profiles$\KARENDSR\Downloads\dc4b2aea-0efa-4a01-9ad5-8bc42c5650d7.tmp</t>
  </si>
  <si>
    <t>753eb6ed-7e52-483f-9fe7-51d4296c2725.tmp</t>
  </si>
  <si>
    <t>\\acsfs\profiles$\KARENDSR\Downloads\753eb6ed-7e52-483f-9fe7-51d4296c2725.tmp</t>
  </si>
  <si>
    <t>bfa428b3-710e-4b74-888e-5991faf23bee.tmp</t>
  </si>
  <si>
    <t>\\acsfs\profiles$\lorrainerdl\Downloads\bfa428b3-710e-4b74-888e-5991faf23bee.tmp</t>
  </si>
  <si>
    <t>08136126-24aa-4391-90f9-7b7600298cd8.tmp</t>
  </si>
  <si>
    <t>\\acsfs\profiles$\lorrainerdl\Downloads\08136126-24aa-4391-90f9-7b7600298cd8.tmp</t>
  </si>
  <si>
    <t>0cd1aa95-5d69-4a40-8aed-5001ad043c7c.tmp</t>
  </si>
  <si>
    <t>\\acsfs\profiles$\ALYNYA\Downloads\0cd1aa95-5d69-4a40-8aed-5001ad043c7c.tmp</t>
  </si>
  <si>
    <t>\\acsfs\profiles$\Lucasgpe\My Documents\My Pictures\</t>
  </si>
  <si>
    <t>\\acsfs\profiles$\Lucasgpe\My Documents\My Music\</t>
  </si>
  <si>
    <t>\\acsfs\profiles$\Lucasgpe\Favorites\</t>
  </si>
  <si>
    <t>\\acsfs\profiles$\Lucasgpe\Downloads\</t>
  </si>
  <si>
    <t>winrt--{S-1-5-21-602162358-764733703-839522115-358589}-.searchconnector-ms</t>
  </si>
  <si>
    <t>\\acsfs\profiles$\lucasgpe\Searches\winrt--{S-1-5-21-602162358-764733703-839522115-358589}-.searchconnector-ms</t>
  </si>
  <si>
    <t>a3e4019e-ce5b-4d74-8008-f08aba901c40.tmp</t>
  </si>
  <si>
    <t>\\acsfs\profiles$\quindaizaagds\Downloads\a3e4019e-ce5b-4d74-8008-f08aba901c40.tmp</t>
  </si>
  <si>
    <t>lu14992jo6kh.tmp</t>
  </si>
  <si>
    <t>\\acsfs\profiles$\BRUNAAR\Numero\lu14992jo6kh.tmp</t>
  </si>
  <si>
    <t>89a09930-b95d-4ec0-b57b-bc630357fc1c.tmp</t>
  </si>
  <si>
    <t>\\acsfs\profiles$\anafsb\Downloads\89a09930-b95d-4ec0-b57b-bc630357fc1c.tmp</t>
  </si>
  <si>
    <t>a571dec0-0e95-442d-83c2-0065bcf6f8a0.tmp</t>
  </si>
  <si>
    <t>\\acsfs\profiles$\lorrainerdl\Downloads\a571dec0-0e95-442d-83c2-0065bcf6f8a0.tmp</t>
  </si>
  <si>
    <t>lu142764zi0g58.tmp</t>
  </si>
  <si>
    <t>\\acsfs\DEPTOS\Operacao\Banco_Votorantim\Supervisao\SUPERS BV CARTÕES\ANA VITORIA\APOIO\lu142764zi0g58.tmp</t>
  </si>
  <si>
    <t>5ab8963a-2677-40cd-96d5-3376f3a70787.tmp</t>
  </si>
  <si>
    <t>\\acsfs\profiles$\LUCASBS\Downloads\5ab8963a-2677-40cd-96d5-3376f3a70787.tmp</t>
  </si>
  <si>
    <t>43901190-6629-434a-8ef1-ab79446a26a2.tmp</t>
  </si>
  <si>
    <t>\\acsfs\profiles$\LUCASBS\Downloads\43901190-6629-434a-8ef1-ab79446a26a2.tmp</t>
  </si>
  <si>
    <t>joaogvc@algartech.com;leonardoao@algartech.com;marianadjc@algartech.com;paulacn@algartech.com;rafaelggs@algartech.com;ricardodfm@algartech.com.br;taysdss@algartech.com;thiagordu@algartech.com;viniciussg@algartech.com;</t>
  </si>
  <si>
    <t>joaogvc@algartech.com,leonardoao@algartech.com,marianadjc@algartech.com,paulacn@algartech.com,rafaelggs@algartech.com,ricardodfm@algartech.com.br,taysdss@algartech.com,thiagordu@algartech.com,viniciussg@algartech.com</t>
  </si>
  <si>
    <t>mail.google.com/_/upload?authuser=0&amp;dcp=asu-n&amp;upload_id=AEnB2UoMJk4AEGt37D8xc0MHCOWZdvF_P-G80CD9IaKb_EPJ3YdKVgIO11jf5kTs-gDPLGKiZwyvWDRYPokmQwUH3nCbB5sT4Itt3n8gkKJZt15xXfi8By8&amp;upload_protocol=resumable</t>
  </si>
  <si>
    <t>6a778361-f4f7-4f8f-a4d2-03153e0b65a4.tmp</t>
  </si>
  <si>
    <t>\\acsfs\profiles$\nataliacsl\Downloads\6a778361-f4f7-4f8f-a4d2-03153e0b65a4.tmp</t>
  </si>
  <si>
    <t>d52cd8fa-7d26-4425-8abf-f116d7f91c9b.tmp</t>
  </si>
  <si>
    <t>\\acsfs\profiles$\larissaad\Downloads\d52cd8fa-7d26-4425-8abf-f116d7f91c9b.tmp</t>
  </si>
  <si>
    <t>d09877f7-a6c9-4f3d-8276-000f6ef4c780.tmp</t>
  </si>
  <si>
    <t>\\acsfs\profiles$\nataliacsl\Downloads\d09877f7-a6c9-4f3d-8276-000f6ef4c780.tmp</t>
  </si>
  <si>
    <t>e5c897de-1e5c-494e-b9c7-2835c7ad16a7.tmp</t>
  </si>
  <si>
    <t>\\acsfs\profiles$\larissaad\Downloads\e5c897de-1e5c-494e-b9c7-2835c7ad16a7.tmp</t>
  </si>
  <si>
    <t>e8df25ca-f0f5-44e0-8ae9-86be6f3cb78d.tmp</t>
  </si>
  <si>
    <t>\\acsfs\profiles$\lorraynevam\Downloads\e8df25ca-f0f5-44e0-8ae9-86be6f3cb78d.tmp</t>
  </si>
  <si>
    <t>RoadMap Ecohouse.xlsx</t>
  </si>
  <si>
    <t>3c18a4089468cf707d024e99af01ee7a4248_u x-goog-authuser: 0 --=====rlvmwx1p6v54=====-- ,ancestorhasaugmentedpermissions,ancestorhasaugmentedpermissions�,containsunsubscribedchildren,displayname,domain,emailaddress,explicitlytrashed�,filesize,hasthumbnail,hasvisitorpermissions,id,id),items(kind,ken,lastmodifyinguser(kind,lastviewedbymedate,modifiedbymedate,modifieddate,ontainsunsubscribedchildren,owners(kind,permissio,permissionid,picture,shared,sharedwithmedate,thumbnailversion,thumbnailversion�,title,userpermission(role),workspaceids</t>
  </si>
  <si>
    <t>bcadb893-ace4-4b3d-8ffc-327b2fbe5439.tmp</t>
  </si>
  <si>
    <t>\\acsfs\profiles$\anafsb\Downloads\bcadb893-ace4-4b3d-8ffc-327b2fbe5439.tmp</t>
  </si>
  <si>
    <t>7d1425df-cc6c-4538-b9d6-ab962fb2655d.tmp</t>
  </si>
  <si>
    <t>\\acsfs\profiles$\anafsb\Downloads\7d1425df-cc6c-4538-b9d6-ab962fb2655d.tmp</t>
  </si>
  <si>
    <t>03ce8985-59cf-429d-ac42-81710cffea15.tmp</t>
  </si>
  <si>
    <t>\\acsfs\profiles$\vivianalds\Downloads\03ce8985-59cf-429d-ac42-81710cffea15.tmp</t>
  </si>
  <si>
    <t>612ec720-b331-49fa-8845-74a2f3fef48a.tmp</t>
  </si>
  <si>
    <t>\\acsfs\profiles$\vivianalds\Downloads\612ec720-b331-49fa-8845-74a2f3fef48a.tmp</t>
  </si>
  <si>
    <t>8e49a758-bc8a-4aee-a536-ce448c5f644f.tmp</t>
  </si>
  <si>
    <t>\\acsfs\profiles$\vivianalds\Downloads\8e49a758-bc8a-4aee-a536-ce448c5f644f.tmp</t>
  </si>
  <si>
    <t>10.200.32.89</t>
  </si>
  <si>
    <t>54-BF-64-F7-98-C5</t>
  </si>
  <si>
    <t>NB-WLADIMIRTN</t>
  </si>
  <si>
    <t>wladimirtn</t>
  </si>
  <si>
    <t>C:\Users\wladimirtn\Downloads\Sutentação SMS AlgarTech.zip\</t>
  </si>
  <si>
    <t>Catalogo de Servi‡o - SMS Algar Tech.xlsx</t>
  </si>
  <si>
    <t>\\udpavonfs01\AVON\00 - ACOMPANHAMENTO AVON\04 - BACKOFFICE CORNERSTONE\2020\01.2020\RELATORIO\10.01.2020\Acompanhamento Backoffice Cornerstone JAN.20.xlsx</t>
  </si>
  <si>
    <t>eduardo.santana@bv.com.br;fernandaab@algartech.com;fernandorsju@algartech.com;maria.silva3@dxc.com;marianeps@algartech.com;talmaiardo@algartech.com;thiagordu@algartech.com;</t>
  </si>
  <si>
    <t>eduardo.santana@bv.com.br,fernandaab@algartech.com,fernandorsju@algartech.com,maria.silva3@dxc.com,marianeps@algartech.com,talmaiardo@algartech.com,thiagordu@algartech.com</t>
  </si>
  <si>
    <t>lu142764zi0g5j.tmp</t>
  </si>
  <si>
    <t>\\acsfs\DEPTOS\Operacao\Banco_Votorantim\Supervisao\SUPERS BV CARTÕES\ANA VITORIA\APOIO\lu142764zi0g5j.tmp</t>
  </si>
  <si>
    <t>lu11340b4nc.tmp</t>
  </si>
  <si>
    <t>\\acsfs\profiles$\lucasgpe\Desktop\lu11340b4nc.tmp</t>
  </si>
  <si>
    <t>\\acsfs\profiles$\lucasgpe\Desktop\lu11340b4nc.tmp\</t>
  </si>
  <si>
    <t>\\acsfs\profiles$\lucasgpe\Desktop\lu11340b4nc.tmp\META-INF\</t>
  </si>
  <si>
    <t>\\acsfs\profiles$\lucasgpe\Desktop\lu11340b4nc.tmp\Thumbnails\</t>
  </si>
  <si>
    <t>12069557-bbde-4964-a171-b1780192dabb.tmp</t>
  </si>
  <si>
    <t>\\acsfs\profiles$\lorraynevam\Downloads\12069557-bbde-4964-a171-b1780192dabb.tmp</t>
  </si>
  <si>
    <t>54030894-7340-4175-b5ae-effd01306eef.tmp</t>
  </si>
  <si>
    <t>\\acsfs\profiles$\lorraynevam\Downloads\54030894-7340-4175-b5ae-effd01306eef.tmp</t>
  </si>
  <si>
    <t>4e89192f-ac53-40d3-b48b-b4be09f5a527.tmp</t>
  </si>
  <si>
    <t>\\acsfs\profiles$\vivianalds\Downloads\4e89192f-ac53-40d3-b48b-b4be09f5a527.tmp</t>
  </si>
  <si>
    <t>eduardo.santana@bv.com.br;fernandaab@algartech.com;fernandorsju@algartech.com;lilianls@algartech.com;maria.silva3@dxc.com;marianeps@algartech.com;qualidadealgarbv@algartech.com;talmaiardo@algartech.com;thiagordu@algartech.com;</t>
  </si>
  <si>
    <t>eduardo.santana@bv.com.br,fernandaab@algartech.com,fernandorsju@algartech.com,lilianls@algartech.com,maria.silva3@dxc.com,marianeps@algartech.com,qualidadealgarbv@algartech.com,talmaiardo@algartech.com,thiagordu@algartech.com</t>
  </si>
  <si>
    <t>c01cc390-6643-43dc-8052-f6d2ca9f1965.tmp</t>
  </si>
  <si>
    <t>\\acsfs\profiles$\vivianalds\Downloads\c01cc390-6643-43dc-8052-f6d2ca9f1965.tmp</t>
  </si>
  <si>
    <t>mail.google.com/_/upload?authuser=1&amp;dcp=asu-n&amp;upload_id=AEnB2UqR_Dp_q2CxwARe14BnN9gnvIN4ftJN1iPZTDdIO1oK_i_qLBAXTxW3Vs0Ky-YKJsFSZpsfaCTntOija99LsKq2uzfVToYKn1VKnK5b_G8lSRyeNRM&amp;upload_protocol=resumable</t>
  </si>
  <si>
    <t>\\acsfs\DEPTOS\Operacao\PCP\5 - Comum\CONTROL DESK\2 - DAC2\Control Desk WHIRLPOOL\Produtividade Fale Conosco\2019\</t>
  </si>
  <si>
    <t>12 - Produtividade FALE CONOSCO.xlsx</t>
  </si>
  <si>
    <t>mail.google.com/_/upload?authuser=1&amp;dcp=asu-n&amp;upload_id=AEnB2UoqheXqiuwFOXsAI1NvtOZBBTMV2F2lZOvGFTfHxmKODTwpes_ouBM7aoLub-L76dHPMZ49sZa02O8Zzxa2IpHHvXLeyWvls_69uIHXK6w0E_uQl8w&amp;upload_protocol=resumable</t>
  </si>
  <si>
    <t>\\acsfs\DEPTOS\Operacao\PCP\5 - Comum\CONTROL DESK\2 - DAC2\Control Desk WHIRLPOOL\Produtividade Chat Compra Certa\BKP\2019\</t>
  </si>
  <si>
    <t>12 - Produtividade Chat CC - Dezembro.xlsx</t>
  </si>
  <si>
    <t>CPF 63852063272 - MILANE SILVA DA ROSA MADEIRA.pdf</t>
  </si>
  <si>
    <t>\\acsfs\Deptos\EDUCACAO EMPRESARIAL\KÉSIA\OUVIDORIA, PROCON, BACEN E RECLAME AQUI\CPF 63852063272 - MILANE SILVA DA ROSA MADEIRA.pdf</t>
  </si>
  <si>
    <t>657aa79c-fb97-45f3-b284-ab59a2466bc4.tmp</t>
  </si>
  <si>
    <t>\\acsfs\profiles$\wenderbnm\Downloads\657aa79c-fb97-45f3-b284-ab59a2466bc4.tmp</t>
  </si>
  <si>
    <t>5bb50b73-9343-4733-8cab-69187fc0a83b.tmp</t>
  </si>
  <si>
    <t>\\acsfs\profiles$\paulovadc\Downloads\5bb50b73-9343-4733-8cab-69187fc0a83b.tmp</t>
  </si>
  <si>
    <t>23a86189-fa18-40a6-b557-052fe34a297d.tmp</t>
  </si>
  <si>
    <t>\\acsfs\profiles$\ROZENCAM\Downloads\23a86189-fa18-40a6-b557-052fe34a297d.tmp</t>
  </si>
  <si>
    <t>\\acsfs\DEPTOS\Seguranca do Trabalho\5 - Acidente do Trabalho\5.5 - Planilha de Controle Anual de CAT's\</t>
  </si>
  <si>
    <t>Planilha de Controle Anual de CAT.xls</t>
  </si>
  <si>
    <t>ancestorhasaugmentedpermissions,containsunsubscribedchildren,dis,displayname,domain,emailaddress,exp,explicitlytrashed,file(kind,fileid,filesize,hasthumbnail,hasvisitorpermissions,id,id),items(deleted,items(kind,ken,kind,lastmodifyi,lastmodifyinguser(kind,lastviewedbymedate,mimetype,modifiedbymedate,modifieddate,ontainsunsubscribedchildren,owners(kind,per,permi,permission,permissionid,picture,quotabytesus,rpermissions,shared,sharedwithmedate,thumbnai,thumbnailversion,title,userpermission(role),workspaceids</t>
  </si>
  <si>
    <t>01bb4a7c-91b5-41c9-917e-e183ad3e8a41.tmp</t>
  </si>
  <si>
    <t>\\acsfs\profiles$\mariajra\Downloads\01bb4a7c-91b5-41c9-917e-e183ad3e8a41.tmp</t>
  </si>
  <si>
    <t>cec9406b-33cd-42a3-bf54-c38eea525f44.tmp</t>
  </si>
  <si>
    <t>\\acsfs\profiles$\milenaas\Downloads\cec9406b-33cd-42a3-bf54-c38eea525f44.tmp</t>
  </si>
  <si>
    <t>de9f084c-fc67-4e2f-936e-9e517b56cf34.tmp</t>
  </si>
  <si>
    <t>\\acsfs\profiles$\anafsb\Downloads\de9f084c-fc67-4e2f-936e-9e517b56cf34.tmp</t>
  </si>
  <si>
    <t>mail.google.com/sync/u/0/i/s?hl=pt-BR&amp;c=993</t>
  </si>
  <si>
    <t>mail.google.com/sync/u/0/i/s?hl=pt-BR&amp;c=995</t>
  </si>
  <si>
    <t>mail.google.com/sync/u/0/i/s?hl=pt-BR&amp;c=997</t>
  </si>
  <si>
    <t>7d6c3b19-fdc9-484f-a7ba-7db23300a79f.tmp</t>
  </si>
  <si>
    <t>\\acsfs\profiles$\lorrainerdl\Downloads\7d6c3b19-fdc9-484f-a7ba-7db23300a79f.tmp</t>
  </si>
  <si>
    <t>5d49597f-ba04-4ee8-a424-6374017989e4.tmp</t>
  </si>
  <si>
    <t>\\acsfs\profiles$\wenderbnm\Downloads\5d49597f-ba04-4ee8-a424-6374017989e4.tmp</t>
  </si>
  <si>
    <t>d198635f-6515-4836-9537-cf4f090b8c08.tmp</t>
  </si>
  <si>
    <t>\\acsfs\profiles$\danielmlds\Downloads\d198635f-6515-4836-9537-cf4f090b8c08.tmp</t>
  </si>
  <si>
    <t>4bed2f15-6ec2-49f9-9c95-66158f0905ad.tmp</t>
  </si>
  <si>
    <t>\\acsfs\profiles$\sarahbal\Downloads\4bed2f15-6ec2-49f9-9c95-66158f0905ad.tmp</t>
  </si>
  <si>
    <t>22170fc2-f3c0-4c37-8c07-341a91551620.tmp</t>
  </si>
  <si>
    <t>\\acsfs\profiles$\BRUNAAR\Downloads\22170fc2-f3c0-4c37-8c07-341a91551620.tmp</t>
  </si>
  <si>
    <t>10.200.57.28</t>
  </si>
  <si>
    <t>FC-01-7C-B3-54-A1</t>
  </si>
  <si>
    <t>NB-LAUANEDJS</t>
  </si>
  <si>
    <t>lauanedjs</t>
  </si>
  <si>
    <t>lauanedjs@algartech.com</t>
  </si>
  <si>
    <t>\\acsfs\deptos\Seguranca do Trabalho\7 - Treinamentos NRs - GERAL\7.4 - Escalas - Agendamentos NR17, Integração Staff e CIPA\TREINAMENTOS 2020\</t>
  </si>
  <si>
    <t>Lista de presença NR17 em branco.xlsx</t>
  </si>
  <si>
    <t>00de1b51-0049-43b0-a189-53914c7cdf0b.tmp</t>
  </si>
  <si>
    <t>\\acsfs\profiles$\ERICALSR\Downloads\00de1b51-0049-43b0-a189-53914c7cdf0b.tmp</t>
  </si>
  <si>
    <t>2dc07d83-c23b-4b1f-bc37-722a90204649.tmp</t>
  </si>
  <si>
    <t>\\acsfs\profiles$\inarajst\Downloads\2dc07d83-c23b-4b1f-bc37-722a90204649.tmp</t>
  </si>
  <si>
    <t>kit_pre_deslig_pedido_demissao_ausente_98721_luana aparecida goncalves lima.pdf</t>
  </si>
  <si>
    <t>6b80987c-71f8-4210-8c57-162feb167be2.tmp</t>
  </si>
  <si>
    <t>\\acsfs\profiles$\isabellegtds\Downloads\6b80987c-71f8-4210-8c57-162feb167be2.tmp</t>
  </si>
  <si>
    <t>7e801e37-183a-4056-b844-b6caa821eac8.tmp</t>
  </si>
  <si>
    <t>\\acsfs\profiles$\isabellegtds\Downloads\7e801e37-183a-4056-b844-b6caa821eac8.tmp</t>
  </si>
  <si>
    <t>42480474-c456-46fd-840c-2672c0a8ecb9.tmp</t>
  </si>
  <si>
    <t>\\acsfs\profiles$\danielmlds\Downloads\42480474-c456-46fd-840c-2672c0a8ecb9.tmp</t>
  </si>
  <si>
    <t>eaa97814-2e84-417c-a470-af7587117de6.tmp</t>
  </si>
  <si>
    <t>\\acsfs\profiles$\cintiadcf\Downloads\eaa97814-2e84-417c-a470-af7587117de6.tmp</t>
  </si>
  <si>
    <t>40a5df68-ac15-4fa3-9141-4e7c1ac227bc.tmp</t>
  </si>
  <si>
    <t>\\acsfs\profiles$\cintiadcf\Downloads\40a5df68-ac15-4fa3-9141-4e7c1ac227bc.tmp</t>
  </si>
  <si>
    <t>1e429f31-06cd-4abc-8d25-23fc979e43b6.tmp</t>
  </si>
  <si>
    <t>\\acsfs\profiles$\inarajst\Downloads\1e429f31-06cd-4abc-8d25-23fc979e43b6.tmp</t>
  </si>
  <si>
    <t>c025f477-a049-45d0-b438-c75b7901440c.tmp</t>
  </si>
  <si>
    <t>\\acsfs\profiles$\inarajst\Downloads\c025f477-a049-45d0-b438-c75b7901440c.tmp</t>
  </si>
  <si>
    <t>f8a71600-c89c-48bd-a31e-85fc76d86735.tmp</t>
  </si>
  <si>
    <t>\\acsfs\profiles$\inarajst\Downloads\f8a71600-c89c-48bd-a31e-85fc76d86735.tmp</t>
  </si>
  <si>
    <t>2d7d3094-4757-4936-934b-60cde06cb871.tmp</t>
  </si>
  <si>
    <t>\\acsfs\profiles$\inarajst\Downloads\2d7d3094-4757-4936-934b-60cde06cb871.tmp</t>
  </si>
  <si>
    <t>b06d4bd6-aed3-40b9-bc28-a1064c575daa.tmp</t>
  </si>
  <si>
    <t>\\acsfs\profiles$\inarajst\Downloads\b06d4bd6-aed3-40b9-bc28-a1064c575daa.tmp</t>
  </si>
  <si>
    <t>\\udpavonfs01\AVON\00 - ACOMPANHAMENTO AVON\04 - BACKOFFICE CORNERSTONE\2020\01.2020\RELATORIO\10.01.2020\</t>
  </si>
  <si>
    <t>db43dcd9-6573-4a60-b17e-a288efbac25f.tmp</t>
  </si>
  <si>
    <t>\\acsfs\profiles$\leticiala\Downloads\db43dcd9-6573-4a60-b17e-a288efbac25f.tmp</t>
  </si>
  <si>
    <t>\\acsfs\profiles$\kellzylenneasr\My Documents\My Pictures\</t>
  </si>
  <si>
    <t>\\acsfs\profiles$\kellzylenneasr\My Documents\My Videos\desktop.ini</t>
  </si>
  <si>
    <t>\\acsfs\profiles$\kellzylenneasr\My Documents\My Videos\</t>
  </si>
  <si>
    <t>\\acsfs\profiles$\kellzylenneasr\My Documents\My Music\</t>
  </si>
  <si>
    <t>\\acsfs\profiles$\kellzylenneasr\My Documents\My Pictures\desktop.ini</t>
  </si>
  <si>
    <t>\\acsfs\profiles$\kellzylenneasr\Contacts\</t>
  </si>
  <si>
    <t>\\acsfs\profiles$\kellzylenneasr\Contacts\desktop.ini</t>
  </si>
  <si>
    <t>\\acsfs\profiles$\kellzylenneasr\My Documents\</t>
  </si>
  <si>
    <t>\\acsfs\profiles$\kellzylenneasr\Favorites\desktop.ini</t>
  </si>
  <si>
    <t>\\acsfs\profiles$\kellzylenneasr\My Documents\My Music\desktop.ini</t>
  </si>
  <si>
    <t>\\acsfs\profiles$\kellzylenneasr\Searches\</t>
  </si>
  <si>
    <t>\\acsfs\profiles$\kellzylenneasr\Searches\desktop.ini</t>
  </si>
  <si>
    <t>\\acsfs\profiles$\kellzylenneasr\Downloads\desktop.ini</t>
  </si>
  <si>
    <t>\\acsfs\profiles$\kellzylenneasr\Favorites\</t>
  </si>
  <si>
    <t>\\acsfs\profiles$\kellzylenneasr\My Documents\desktop.ini</t>
  </si>
  <si>
    <t>\\acsfs\profiles$\kellzylenneasr\Saved Games\desktop.ini</t>
  </si>
  <si>
    <t>winrt--{S-1-5-21-602162358-764733703-839522115-342472}-.searchconnector-ms</t>
  </si>
  <si>
    <t>\\acsfs\profiles$\kellzylenneasr\Searches\winrt--{S-1-5-21-602162358-764733703-839522115-342472}-.searchconnector-ms</t>
  </si>
  <si>
    <t>56ca786c-52b6-49f2-b548-459b3fd6c30c.tmp</t>
  </si>
  <si>
    <t>\\acsfs\profiles$\Flaviojmm\Downloads\56ca786c-52b6-49f2-b548-459b3fd6c30c.tmp</t>
  </si>
  <si>
    <t>fbd2375f-b99d-4caf-bdf9-f0765c6f1e91.tmp</t>
  </si>
  <si>
    <t>\\acsfs\profiles$\Flaviojmm\Downloads\fbd2375f-b99d-4caf-bdf9-f0765c6f1e91.tmp</t>
  </si>
  <si>
    <t>NOVA CONTAGEM DE VENDAS.txt</t>
  </si>
  <si>
    <t>\\acsfs\profiles$\ADELVINSONLE\NOVA CONTAGEM DE VENDAS.txt</t>
  </si>
  <si>
    <t>10.200.66.34</t>
  </si>
  <si>
    <t>PAMELA MARIA CRISTINA MACEDO DA SILVA GUEDES (9).contact</t>
  </si>
  <si>
    <t>\\acsfs\profiles$\pamelamcmdsg\Contacts\PAMELA MARIA CRISTINA MACEDO DA SILVA GUEDES (9).contact</t>
  </si>
  <si>
    <t>mail.google.com/sync/u/0/i/s?hl=pt-BR&amp;c=861</t>
  </si>
  <si>
    <t>10.200.67.216</t>
  </si>
  <si>
    <t>D0-94-66-B5-70-7C</t>
  </si>
  <si>
    <t>VOTORANT-SB014</t>
  </si>
  <si>
    <t>406643ea-fc44-43f4-9092-ae346d9907da.tmp</t>
  </si>
  <si>
    <t>\\acsfs\profiles$\kellzylenneasr\Downloads\406643ea-fc44-43f4-9092-ae346d9907da.tmp</t>
  </si>
  <si>
    <t>ff2b4288-8e07-4837-80ea-d6281e1d2c69.tmp</t>
  </si>
  <si>
    <t>\\acsfs\profiles$\kellzylenneasr\Downloads\ff2b4288-8e07-4837-80ea-d6281e1d2c69.tmp</t>
  </si>
  <si>
    <t>\\acsfs\DEPTOS\Operacao\PCP\5 - Comum\ACOMPANHAMENTO AMEX\10- Acompanhamento PF\BACKOFFICE PF\03-CNPF\03 - PAINEL DE PRODUTIVIDADE\Painel\2020\</t>
  </si>
  <si>
    <t>Painel de Produtividade Contas Novas - Janeiro - Parcial.xlsx</t>
  </si>
  <si>
    <t>ad1b8bde-235d-4c8f-8aae-1140868dc431.tmp</t>
  </si>
  <si>
    <t>\\acsfs\profiles$\larissaad\Downloads\ad1b8bde-235d-4c8f-8aae-1140868dc431.tmp</t>
  </si>
  <si>
    <t>a8f79fb4-c5d6-42bc-9e76-9e2064e66f6e.tmp</t>
  </si>
  <si>
    <t>\\acsfs\profiles$\gabrielhca\Downloads\a8f79fb4-c5d6-42bc-9e76-9e2064e66f6e.tmp</t>
  </si>
  <si>
    <t>a829dc34-4580-4abd-85f5-94f546ce52c0.tmp</t>
  </si>
  <si>
    <t>\\acsfs\profiles$\gabrielhca\Downloads\a829dc34-4580-4abd-85f5-94f546ce52c0.tmp</t>
  </si>
  <si>
    <t>79701101-f159-4a1b-a5bb-e30494a6deb6.tmp</t>
  </si>
  <si>
    <t>\\acsfs\profiles$\gabrielhca\Downloads\79701101-f159-4a1b-a5bb-e30494a6deb6.tmp</t>
  </si>
  <si>
    <t>7253afe8-676f-4696-b8c0-60009b336ef9.tmp</t>
  </si>
  <si>
    <t>\\acsfs\profiles$\gabrielhca\Downloads\7253afe8-676f-4696-b8c0-60009b336ef9.tmp</t>
  </si>
  <si>
    <t>f85ba8a2-4e5c-47ec-9e56-7afa227b9a5b.tmp</t>
  </si>
  <si>
    <t>\\acsfs\profiles$\gabrielhca\Downloads\f85ba8a2-4e5c-47ec-9e56-7afa227b9a5b.tmp</t>
  </si>
  <si>
    <t>MOCHILAO_BOLIVIA_CHILE_PERU(2) (Salvo automaticamente).xlsx</t>
  </si>
  <si>
    <t>drive.google.com/drive/my-drive</t>
  </si>
  <si>
    <t>clients6.google.com/upload/drive/v2internal/files?uploadtype=multipart&amp;supportsteamdrives=true&amp;pinned=true&amp;convert=false&amp;fields=kind,modifieddate,hasvisitorpermissions,containsunsubscribedchildren,modifiedbymedate,lastviewedbymedate,filesize,owners(kind,permissionid,displayname,picture,emailaddress,domain,id),lastmodifyinguser(kind,permissionid,displayname,picture,emailaddress,id),ancestorhasaugmentedpermissions,hasthumbnail,thumbnailversion,title,id,shared,sharedwithmedate,userpermission(role),explicitlytrashed,mimetype,quotabytesused,shareable,copyable,subscribed,foldercolor,haschildfolders,fileextension,primarysyncparentid,sharinguser(kind,permissionid,displayname,picture,emailaddress,id),flaggedforabuse,folderfeatures,spaces,sourceappid,recency,recencyreason,version,actionitems,teamdriveid,hasaugmentedpermissions,createddate,primarydomainname,organizationdisplayname,passivelysubscribed,trashinguser(kind,permissionid,displayname,picture,emailaddress,id),trasheddate,parents(id),capabilities(canmoveitemintot</t>
  </si>
  <si>
    <t>ff864a1c-3f45-47bf-8624-84ca201b48c1.tmp</t>
  </si>
  <si>
    <t>\\acsfs\profiles$\adelvinsonle\Downloads\ff864a1c-3f45-47bf-8624-84ca201b48c1.tmp</t>
  </si>
  <si>
    <t>bc242eb9-1606-46c1-a0c0-938d7edf07cb.tmp</t>
  </si>
  <si>
    <t>\\acsfs\profiles$\adelvinsonle\Downloads\bc242eb9-1606-46c1-a0c0-938d7edf07cb.tmp</t>
  </si>
  <si>
    <t>7d1cbf56-835e-435c-886c-002739db4569.tmp</t>
  </si>
  <si>
    <t>\\acsfs\profiles$\vivianalds\Downloads\7d1cbf56-835e-435c-886c-002739db4569.tmp</t>
  </si>
  <si>
    <t>cfa64d5c-334c-4612-ab52-b3f35bf3813f.tmp</t>
  </si>
  <si>
    <t>\\acsfs\profiles$\luanarda\Downloads\cfa64d5c-334c-4612-ab52-b3f35bf3813f.tmp</t>
  </si>
  <si>
    <t>10.200.57.176</t>
  </si>
  <si>
    <t>FC-01-7C-B3-58-E3</t>
  </si>
  <si>
    <t>NB-WALESKAMM</t>
  </si>
  <si>
    <t>waleskamms</t>
  </si>
  <si>
    <t>0]l;1578606284518;229;457350315;[];[]]];false;null;true]";x7o7usfpgydokkvo-1ivbysukgbx6bysk6kip02wxrggpuv0dqdceo7-qgcglev5e26cy-21iaz2smsr-otk6njc88gsxebcucajmob1n7b6hkes_vl7eqihtlf-i7hu83jlrdsrlwu\";</t>
  </si>
  <si>
    <t>C:\Users\waleskamms\OneDrive - Grupo Algar\Gestão área\</t>
  </si>
  <si>
    <t>Proposta rateio Jurídico.xlsx</t>
  </si>
  <si>
    <t>0]l,1578606284518,229,457350315,[],[]]],false,null,true]",x7o7usfpgydokkvo-1ivbysukgbx6bysk6kip02wxrggpuv0dqdceo7-qgcglev5e26cy-21iaz2smsr-otk6njc88gsxebcucajmob1n7b6hkes_vl7eqihtlf-i7hu83jlrdsrlwu\"</t>
  </si>
  <si>
    <t>6ad3dbef-a0da-4ed4-9efc-95f645f82453.tmp</t>
  </si>
  <si>
    <t>\\acsfs\profiles$\lorraynevam\Downloads\6ad3dbef-a0da-4ed4-9efc-95f645f82453.tmp</t>
  </si>
  <si>
    <t>006234b2-1e96-4a4a-a833-abac33129e48.tmp</t>
  </si>
  <si>
    <t>\\acsfs\profiles$\quindaizaagds\Downloads\006234b2-1e96-4a4a-a833-abac33129e48.tmp</t>
  </si>
  <si>
    <t>d7841867-e602-464f-9f73-a06a06c6033b.tmp</t>
  </si>
  <si>
    <t>\\acsfs\profiles$\geovannasm\Downloads\d7841867-e602-464f-9f73-a06a06c6033b.tmp</t>
  </si>
  <si>
    <t>lu14992jo6km.tmp</t>
  </si>
  <si>
    <t>\\acsfs\profiles$\BRUNAAR\Numero\lu14992jo6km.tmp</t>
  </si>
  <si>
    <t>C:\Users\hugooc\Desktop\</t>
  </si>
  <si>
    <t>Chamados WDE Dezembro.xlsx</t>
  </si>
  <si>
    <t>e9746751-0455-4724-b236-a3e29dc47ff6.tmp</t>
  </si>
  <si>
    <t>\\acsfs\profiles$\nathaliarmr\Downloads\e9746751-0455-4724-b236-a3e29dc47ff6.tmp</t>
  </si>
  <si>
    <t>d8f13f7c-c37e-4f2f-9451-a89a6072ec06.tmp</t>
  </si>
  <si>
    <t>\\acsfs\profiles$\vivianalds\Downloads\d8f13f7c-c37e-4f2f-9451-a89a6072ec06.tmp</t>
  </si>
  <si>
    <t>1d289ca5-9011-4a00-8c1d-700b89bb8a26.tmp</t>
  </si>
  <si>
    <t>\\acsfs\profiles$\vivianalds\Downloads\1d289ca5-9011-4a00-8c1d-700b89bb8a26.tmp</t>
  </si>
  <si>
    <t>5b654e7b-17cc-4d40-820a-644b23c69d1c.tmp</t>
  </si>
  <si>
    <t>\\acsfs\profiles$\maxmillianosv\Downloads\5b654e7b-17cc-4d40-820a-644b23c69d1c.tmp</t>
  </si>
  <si>
    <t>42cff57f-f683-41b2-bdac-665ccab4377e.tmp</t>
  </si>
  <si>
    <t>\\acsfs\profiles$\lorraynevam\Downloads\42cff57f-f683-41b2-bdac-665ccab4377e.tmp</t>
  </si>
  <si>
    <t>a1c76be6-5544-4a2d-9054-57c3b622d073.tmp</t>
  </si>
  <si>
    <t>\\acsfs\profiles$\quindaizaagds\Downloads\a1c76be6-5544-4a2d-9054-57c3b622d073.tmp</t>
  </si>
  <si>
    <t>01641266-6446-4520-8cc5-42e1ec695039.tmp</t>
  </si>
  <si>
    <t>\\acsfs\profiles$\quindaizaagds\Downloads\01641266-6446-4520-8cc5-42e1ec695039.tmp</t>
  </si>
  <si>
    <t>a1ac4767-47f8-4832-83cb-8be32dbe77ed.tmp</t>
  </si>
  <si>
    <t>\\acsfs\profiles$\geovannasm\Downloads\a1ac4767-47f8-4832-83cb-8be32dbe77ed.tmp</t>
  </si>
  <si>
    <t>a010342d-f98c-41c8-a4dd-e52a3260b22e.tmp</t>
  </si>
  <si>
    <t>\\acsfs\profiles$\ayalabfi\Downloads\a010342d-f98c-41c8-a4dd-e52a3260b22e.tmp</t>
  </si>
  <si>
    <t>3066d8fd-2e58-40fa-b25a-ef2626d4fb27.tmp</t>
  </si>
  <si>
    <t>\\acsfs\profiles$\nathaliarmr\Downloads\3066d8fd-2e58-40fa-b25a-ef2626d4fb27.tmp</t>
  </si>
  <si>
    <t>d2467e5c-4c56-4a97-8a30-71320aff192b.tmp</t>
  </si>
  <si>
    <t>\\acsfs\profiles$\inarajst\Downloads\d2467e5c-4c56-4a97-8a30-71320aff192b.tmp</t>
  </si>
  <si>
    <t>ebe9bbd8-0695-4751-88fa-5ed866e0c019.tmp</t>
  </si>
  <si>
    <t>\\acsfs\profiles$\vivianealda\Downloads\ebe9bbd8-0695-4751-88fa-5ed866e0c019.tmp</t>
  </si>
  <si>
    <t>87170a67-dc36-4b14-afef-ed3cf2323817.tmp</t>
  </si>
  <si>
    <t>\\acsfs\profiles$\isabellegtds\Downloads\87170a67-dc36-4b14-afef-ed3cf2323817.tmp</t>
  </si>
  <si>
    <t>lu142764zi0g69.tmp</t>
  </si>
  <si>
    <t>\\acsfs\DEPTOS\Operacao\Banco_Votorantim\Supervisao\SUPERS BV CARTÕES\ANA VITORIA\APOIO\lu142764zi0g69.tmp</t>
  </si>
  <si>
    <t>\\acsfs\DEPTOS\Operacao\Banco_Votorantim\Supervisao\SUPERS BV CARTÕES\ANA VITORIA\APOIO\lu142764zi0g69.tmp\</t>
  </si>
  <si>
    <t>\\acsfs\DEPTOS\Operacao\Banco_Votorantim\Supervisao\SUPERS BV CARTÕES\ANA VITORIA\APOIO\lu142764zi0g69.tmp\META-INF\</t>
  </si>
  <si>
    <t>\\acsfs\DEPTOS\Operacao\Banco_Votorantim\Supervisao\SUPERS BV CARTÕES\ANA VITORIA\APOIO\lu142764zi0g69.tmp\Thumbnails\</t>
  </si>
  <si>
    <t>https://udpwfmniceap02/web/guest/home?p_auth=o5pv75gh&amp;p_p_id=58&amp;p_p_lifecycle=1&amp;p_p_state=maximized&amp;p_p_mode=view&amp;savelastpath=0&amp;_58_struts_action=/login/forgot_password</t>
  </si>
  <si>
    <t>C:\Users\viniciussg\OneDrive\Cursos\</t>
  </si>
  <si>
    <t>LINK DE CURSOS.xlsx</t>
  </si>
  <si>
    <t>e899839c-e430-46ed-8098-5bc7d2805d73.tmp</t>
  </si>
  <si>
    <t>\\acsfs\profiles$\isabellegtds\Downloads\e899839c-e430-46ed-8098-5bc7d2805d73.tmp</t>
  </si>
  <si>
    <t>andrelpsa@algartech.com;joaogvc@algartech.com;leonardoao@algartech.com;marianadjc@algartech.com;maristelavodq@bv.algartech.com;paulacn@algartech.com;rafaelggs@algartech.com;ricardodfm@algartech.com.br;taysdss@algartech.com;viniciussg@algartech.com;</t>
  </si>
  <si>
    <t>andrelpsa@algartech.com,joaogvc@algartech.com,leonardoao@algartech.com,marianadjc@algartech.com,maristelavodq@bv.algartech.com,paulacn@algartech.com,rafaelggs@algartech.com,ricardodfm@algartech.com.br,taysdss@algartech.com,viniciussg@algartech.com</t>
  </si>
  <si>
    <t>7af13025-b65e-47d9-af75-ca9122b9d2e9.tmp</t>
  </si>
  <si>
    <t>\\acsfs\profiles$\THYAGOSP\Downloads\7af13025-b65e-47d9-af75-ca9122b9d2e9.tmp</t>
  </si>
  <si>
    <t>438ca91b-1c1a-4744-86ac-07df9079f036.tmp</t>
  </si>
  <si>
    <t>\\acsfs\profiles$\ERICALSR\Downloads\438ca91b-1c1a-4744-86ac-07df9079f036.tmp</t>
  </si>
  <si>
    <t>9dfc8930-0280-400c-82ff-da7fe5c94c2b.tmp</t>
  </si>
  <si>
    <t>\\acsfs\profiles$\leticiala\Downloads\9dfc8930-0280-400c-82ff-da7fe5c94c2b.tmp</t>
  </si>
  <si>
    <t>JESSICA FERREIRA CARVALHO (7).contact</t>
  </si>
  <si>
    <t>\\acsfs\profiles$\jessicafc\Contacts\JESSICA FERREIRA CARVALHO (7).contact</t>
  </si>
  <si>
    <t>\\acsfs\profiles$\jessicafc\Saved Games\</t>
  </si>
  <si>
    <t>\\acsfs\profiles$\JESSICAFC\Favorites\Links for Brasil\</t>
  </si>
  <si>
    <t>\\acsfs\profiles$\JESSICAFC\Favorites\Links for Brasil\desktop.ini</t>
  </si>
  <si>
    <t>\\acsfs\profiles$\JESSICAFC\Favorites\Links for Brasil\Microsoft Brasil.url</t>
  </si>
  <si>
    <t>\\acsfs\profiles$\JESSICAFC\Favorites\Links for Brasil\Windows Brasil.url</t>
  </si>
  <si>
    <t>\\acsfs\profiles$\JESSICAFC\Favorites\Links for Brasil\MSN Brasil.url</t>
  </si>
  <si>
    <t>f3e9a3d0-f274-4686-b810-c60ca1f76756.tmp</t>
  </si>
  <si>
    <t>\\acsfs\profiles$\cintiadcf\Downloads\f3e9a3d0-f274-4686-b810-c60ca1f76756.tmp</t>
  </si>
  <si>
    <t>thallitaqna</t>
  </si>
  <si>
    <t>\\acsfs\profiles$\thallitaqna\Downloads\</t>
  </si>
  <si>
    <t>312f5411-546b-4158-b83d-549202dd971e.tmp</t>
  </si>
  <si>
    <t>\\acsfs\profiles$\thallitaqna\Downloads\312f5411-546b-4158-b83d-549202dd971e.tmp</t>
  </si>
  <si>
    <t>Não confirmado 809802.crdownload</t>
  </si>
  <si>
    <t>\\acsfs\profiles$\thallitaqna\Downloads\Não confirmado 809802.crdownload</t>
  </si>
  <si>
    <t>97380c8c-f66b-4701-bcc8-1c4727eee053.tmp</t>
  </si>
  <si>
    <t>\\acsfs\profiles$\thallitaqna\Downloads\97380c8c-f66b-4701-bcc8-1c4727eee053.tmp</t>
  </si>
  <si>
    <t>Não confirmado 265040.crdownload</t>
  </si>
  <si>
    <t>\\acsfs\profiles$\thallitaqna\Downloads\Não confirmado 265040.crdownload</t>
  </si>
  <si>
    <t>id genesys.xlsx</t>
  </si>
  <si>
    <t>\\acsfs\DEPTOS\Operacao\PCP\5 - Comum\JUKA\id genesys.xlsx</t>
  </si>
  <si>
    <t>5b432092-d3c8-4c80-a338-d13cec136e97.tmp</t>
  </si>
  <si>
    <t>\\acsfs\profiles$\jhonatadss\Downloads\5b432092-d3c8-4c80-a338-d13cec136e97.tmp</t>
  </si>
  <si>
    <t>939639e8-f969-4c54-82cd-8e926299912c.tmp</t>
  </si>
  <si>
    <t>\\acsfs\profiles$\jhonatadss\Downloads\939639e8-f969-4c54-82cd-8e926299912c.tmp</t>
  </si>
  <si>
    <t>5cdbca07-e665-4646-ae2f-776ee92da298.tmp</t>
  </si>
  <si>
    <t>\\acsfs\profiles$\jhonatadss\Downloads\5cdbca07-e665-4646-ae2f-776ee92da298.tmp</t>
  </si>
  <si>
    <t>1aad07db-f9b7-4b2b-86e2-79c2d3acaa8e.tmp</t>
  </si>
  <si>
    <t>\\acsfs\profiles$\jhonatadss\Downloads\1aad07db-f9b7-4b2b-86e2-79c2d3acaa8e.tmp</t>
  </si>
  <si>
    <t>4018a31d-6c06-4907-aa7d-9739b1442bd6.tmp</t>
  </si>
  <si>
    <t>\\acsfs\profiles$\thallitaqna\Downloads\4018a31d-6c06-4907-aa7d-9739b1442bd6.tmp</t>
  </si>
  <si>
    <t>d1955a56-b007-48c9-a662-a2edf28f7eb2.tmp</t>
  </si>
  <si>
    <t>\\acsfs\profiles$\thallitaqna\Downloads\d1955a56-b007-48c9-a662-a2edf28f7eb2.tmp</t>
  </si>
  <si>
    <t>a87bdcf1-bb70-4cd7-add9-e35f541d1e1d.tmp</t>
  </si>
  <si>
    <t>\\acsfs\profiles$\thallitaqna\Downloads\a87bdcf1-bb70-4cd7-add9-e35f541d1e1d.tmp</t>
  </si>
  <si>
    <t>d3f66bc6-7813-41f8-993b-98d43aefa82d.tmp</t>
  </si>
  <si>
    <t>\\acsfs\profiles$\lorrainerdl\Downloads\d3f66bc6-7813-41f8-993b-98d43aefa82d.tmp</t>
  </si>
  <si>
    <t>b2e71c07-b7f9-49f3-a605-4cc850ec8b1d.tmp</t>
  </si>
  <si>
    <t>\\acsfs\profiles$\quindaizaagds\Downloads\b2e71c07-b7f9-49f3-a605-4cc850ec8b1d.tmp</t>
  </si>
  <si>
    <t>a813177f-8f68-4452-8a60-ce4b66eedbcf.tmp</t>
  </si>
  <si>
    <t>\\acsfs\profiles$\quindaizaagds\Downloads\a813177f-8f68-4452-8a60-ce4b66eedbcf.tmp</t>
  </si>
  <si>
    <t>0aa55a7e-e4d0-4d21-a0bb-8522b79eca71.tmp</t>
  </si>
  <si>
    <t>\\acsfs\profiles$\quindaizaagds\Downloads\0aa55a7e-e4d0-4d21-a0bb-8522b79eca71.tmp</t>
  </si>
  <si>
    <t>9d16b116-429d-4017-8c91-e7ddae242293.tmp</t>
  </si>
  <si>
    <t>\\acsfs\profiles$\gabrielsma\Downloads\9d16b116-429d-4017-8c91-e7ddae242293.tmp</t>
  </si>
  <si>
    <t>Não confirmado 515771.crdownload</t>
  </si>
  <si>
    <t>\\acsfs\ACS\Gabriel da Silva\Contemporânea\Erros Operacionais\Não confirmado 515771.crdownload</t>
  </si>
  <si>
    <t>78f472ad-70ec-470b-abff-2559e1285394.tmp</t>
  </si>
  <si>
    <t>\\acsfs\profiles$\LAISLG\Downloads\78f472ad-70ec-470b-abff-2559e1285394.tmp</t>
  </si>
  <si>
    <t>Rafale souza marques valim - 10-01-2020 produto AXA.docx</t>
  </si>
  <si>
    <t>\\acsfs\DEPTOS\Operacao\Banco_Votorantim\Qualidade\Anderson\Jose\Rafale souza marques valim - 10-01-2020 produto AXA.docx</t>
  </si>
  <si>
    <t>mail.google.com/sync/u/0/i/s?hl=pt-BR&amp;c=881</t>
  </si>
  <si>
    <t>mail.google.com/sync/u/0/i/s?hl=pt-BR&amp;c=890</t>
  </si>
  <si>
    <t>mail.google.com/sync/u/0/i/s?hl=pt-BR&amp;c=898</t>
  </si>
  <si>
    <t>1fc838cb-33a5-4263-bf41-99a1c639c4ea.tmp</t>
  </si>
  <si>
    <t>\\acsfs\profiles$\thallitaqna\Downloads\1fc838cb-33a5-4263-bf41-99a1c639c4ea.tmp</t>
  </si>
  <si>
    <t>a03fcccd-fc56-44f4-9984-b107afa467ec.tmp</t>
  </si>
  <si>
    <t>\\acsfs\profiles$\thallitaqna\Downloads\a03fcccd-fc56-44f4-9984-b107afa467ec.tmp</t>
  </si>
  <si>
    <t>11da73e0-4278-416a-82b4-ddbad7e5de18.tmp</t>
  </si>
  <si>
    <t>\\acsfs\profiles$\thallitaqna\Downloads\11da73e0-4278-416a-82b4-ddbad7e5de18.tmp</t>
  </si>
  <si>
    <t>2ffcc5de-9046-4790-8725-22a1166956aa.tmp</t>
  </si>
  <si>
    <t>\\acsfs\profiles$\maxmillianosv\Downloads\2ffcc5de-9046-4790-8725-22a1166956aa.tmp</t>
  </si>
  <si>
    <t>99b94597-a11d-4fdb-8d8a-e5f90c68df75.tmp</t>
  </si>
  <si>
    <t>\\acsfs\profiles$\maxmillianosv\Downloads\99b94597-a11d-4fdb-8d8a-e5f90c68df75.tmp</t>
  </si>
  <si>
    <t>bdc92ce1-94d6-45e6-a94f-6a979c16f94f.tmp</t>
  </si>
  <si>
    <t>\\acsfs\profiles$\maxmillianosv\Downloads\bdc92ce1-94d6-45e6-a94f-6a979c16f94f.tmp</t>
  </si>
  <si>
    <t>e29f5f65-e170-4e9b-82e9-3cf7a513ec7a.tmp</t>
  </si>
  <si>
    <t>\\acsfs\profiles$\mariajra\Downloads\e29f5f65-e170-4e9b-82e9-3cf7a513ec7a.tmp</t>
  </si>
  <si>
    <t>d8b13534-0b9b-48d0-9afd-e77e33906c24.tmp</t>
  </si>
  <si>
    <t>\\acsfs\profiles$\mariajra\Downloads\d8b13534-0b9b-48d0-9afd-e77e33906c24.tmp</t>
  </si>
  <si>
    <t>c39dc0a4-1362-4bcb-8ea4-44060ad3d366.tmp</t>
  </si>
  <si>
    <t>\\acsfs\profiles$\gabrielsma\Downloads\c39dc0a4-1362-4bcb-8ea4-44060ad3d366.tmp</t>
  </si>
  <si>
    <t>da0a7deb-d7c2-4c67-a98e-006af761ee37.tmp</t>
  </si>
  <si>
    <t>\\acsfs\profiles$\LAISLG\Downloads\da0a7deb-d7c2-4c67-a98e-006af761ee37.tmp</t>
  </si>
  <si>
    <t>ca1b2ae3-6c15-4c19-b392-6e98cbef0ba3.tmp</t>
  </si>
  <si>
    <t>\\acsfs\profiles$\nathaliarmr\Downloads\ca1b2ae3-6c15-4c19-b392-6e98cbef0ba3.tmp</t>
  </si>
  <si>
    <t>\\acsfs\DEPTOS\Operacao\Banco_Votorantim\Qualidade\Anderson\Jose\script.txt</t>
  </si>
  <si>
    <t>fa5063da-0a3a-488e-80bc-dcc2db63b5a5.tmp</t>
  </si>
  <si>
    <t>\\acsfs\profiles$\mariagsg\Downloads\fa5063da-0a3a-488e-80bc-dcc2db63b5a5.tmp</t>
  </si>
  <si>
    <t>e27cb6bb-5492-4d56-be3f-21481106a462.tmp</t>
  </si>
  <si>
    <t>\\acsfs\profiles$\mariagsg\Downloads\e27cb6bb-5492-4d56-be3f-21481106a462.tmp</t>
  </si>
  <si>
    <t>4da05f37-1afb-4e97-80ef-038a3138ae47.tmp</t>
  </si>
  <si>
    <t>\\acsfs\profiles$\mariagsg\Downloads\4da05f37-1afb-4e97-80ef-038a3138ae47.tmp</t>
  </si>
  <si>
    <t>mail.google.com/sync/u/0/i/s?hl=pt-BR&amp;c=922</t>
  </si>
  <si>
    <t>mail.google.com/sync/u/0/i/s?hl=pt-BR&amp;c=924</t>
  </si>
  <si>
    <t>mail.google.com/sync/u/0/i/s?hl=pt-BR&amp;c=926</t>
  </si>
  <si>
    <t>mail.google.com/sync/u/0/i/s?hl=pt-BR&amp;c=931</t>
  </si>
  <si>
    <t>mail.google.com/sync/u/0/i/s?hl=pt-BR&amp;c=933</t>
  </si>
  <si>
    <t>mail.google.com/sync/u/0/i/s?hl=pt-BR&amp;c=936</t>
  </si>
  <si>
    <t>mail.google.com/sync/u/0/i/s?hl=pt-BR&amp;c=939</t>
  </si>
  <si>
    <t>mail.google.com/sync/u/0/i/s?hl=pt-BR&amp;c=941</t>
  </si>
  <si>
    <t>0dc4c6a6-cdc9-4a7f-9023-de0f5cf3fb8b.tmp</t>
  </si>
  <si>
    <t>\\acsfs\profiles$\lorenabmc\Downloads\0dc4c6a6-cdc9-4a7f-9023-de0f5cf3fb8b.tmp</t>
  </si>
  <si>
    <t>\\acsfs\profiles$\danielpdl\Links\</t>
  </si>
  <si>
    <t>\\acsfs\profiles$\danielpdl\Links\link.txt</t>
  </si>
  <si>
    <t>51ba5ee4-28ba-4aae-84e4-e7fadfbcec48.tmp</t>
  </si>
  <si>
    <t>\\acsfs\profiles$\ALYNYA\Downloads\51ba5ee4-28ba-4aae-84e4-e7fadfbcec48.tmp</t>
  </si>
  <si>
    <t>e87240d8-a308-4d37-aa1d-e3395986c89e.tmp</t>
  </si>
  <si>
    <t>\\acsfs\profiles$\matheushds\Downloads\e87240d8-a308-4d37-aa1d-e3395986c89e.tmp</t>
  </si>
  <si>
    <t>7378d12c-383e-45a1-956d-ccdc9bfd1dde.tmp</t>
  </si>
  <si>
    <t>\\acsfs\profiles$\matheushds\Downloads\7378d12c-383e-45a1-956d-ccdc9bfd1dde.tmp</t>
  </si>
  <si>
    <t>45a6d90b-a207-45aa-87d2-cbad3feb9267.tmp</t>
  </si>
  <si>
    <t>\\acsfs\profiles$\matheushds\Downloads\45a6d90b-a207-45aa-87d2-cbad3feb9267.tmp</t>
  </si>
  <si>
    <t>fd2ebdc7-fba7-49e7-8f25-00a946f93a7b.tmp</t>
  </si>
  <si>
    <t>\\acsfs\profiles$\maxmillianosv\Downloads\fd2ebdc7-fba7-49e7-8f25-00a946f93a7b.tmp</t>
  </si>
  <si>
    <t>401e5d9d-9f36-48f3-ae9b-1f61c8452d48.tmp</t>
  </si>
  <si>
    <t>\\acsfs\profiles$\maxmillianosv\Downloads\401e5d9d-9f36-48f3-ae9b-1f61c8452d48.tmp</t>
  </si>
  <si>
    <t>a06ee32b-b540-42b0-b162-ef3fc6e595c1.tmp</t>
  </si>
  <si>
    <t>\\acsfs\profiles$\henriquehmdo\Downloads\a06ee32b-b540-42b0-b162-ef3fc6e595c1.tmp</t>
  </si>
  <si>
    <t>b4a43012-4697-4507-81c4-7a43c4452213.tmp</t>
  </si>
  <si>
    <t>\\acsfs\profiles$\milenaas\Downloads\b4a43012-4697-4507-81c4-7a43c4452213.tmp</t>
  </si>
  <si>
    <t>10.200.61.92</t>
  </si>
  <si>
    <t>20-04-0F-FD-B0-C6</t>
  </si>
  <si>
    <t>NB-LEANDROLDS</t>
  </si>
  <si>
    <t>leandrolds</t>
  </si>
  <si>
    <t>C:\Users\leandrolds\Documents\Bkp - Leandro Lopes\Objetivos\2020\</t>
  </si>
  <si>
    <t>Metas Individuais_1º Semestre 2020 - Torre Inst Financeiras.xlsx</t>
  </si>
  <si>
    <t>mail.google.com/_/upload?authuser=1&amp;dcp=asu-n&amp;upload_id=AEnB2Ur_YNKcsSCCYjal9rj5FeGLnoYjTbIn0HyXl65aHprUuvq6tozaF2Wqx8pbvEANxvHBdIzZCkxARsaCt7Khxrci5uGqSMvg7GJPF-2vUoJA5JRokxE&amp;upload_protocol=resumable</t>
  </si>
  <si>
    <t>ken=ac4w5vh4eytpvaorakgs50m85icabn-eoa:1578657015925&amp;buildlabel=drive.web-frontend_20191211.00_p1_x001D_;</t>
  </si>
  <si>
    <t>\\acsfs\DEPTOS\Operacao\PCP\5 - Comum\LUIZ ALFREDO\00 - WHIRLPOOL\01 - TLV COMPRA CERTA\2020\01 - JANEIRO\</t>
  </si>
  <si>
    <t>Vendas TLV JAN20.xlsx</t>
  </si>
  <si>
    <t>ken=ac4w5vh4eytpvaorakgs50m85icabn-eoa:1578657015925&amp;buildlabel=drive.web-frontend_20191211.00_p1_x001D_</t>
  </si>
  <si>
    <t>73120081-1e56-42f7-b8f1-3ee78d323d71.tmp</t>
  </si>
  <si>
    <t>\\acsfs\profiles$\lorenabmc\Downloads\73120081-1e56-42f7-b8f1-3ee78d323d71.tmp</t>
  </si>
  <si>
    <t>10.200.66.150</t>
  </si>
  <si>
    <t>2fbaa409-ebf2-4155-8a68-37dc66bb4441.tmp</t>
  </si>
  <si>
    <t>\\acsfs\profiles$\francislayneads\Downloads\2fbaa409-ebf2-4155-8a68-37dc66bb4441.tmp</t>
  </si>
  <si>
    <t>af6bd66b-ee71-4834-bf09-12936e770134.tmp</t>
  </si>
  <si>
    <t>\\acsfs\profiles$\francislayneads\Downloads\af6bd66b-ee71-4834-bf09-12936e770134.tmp</t>
  </si>
  <si>
    <t>mail.google.com/sync/u/0/i/s?hl=pt-BR&amp;c=950</t>
  </si>
  <si>
    <t>mail.google.com/sync/u/0/i/s?hl=pt-BR&amp;c=952</t>
  </si>
  <si>
    <t>mail.google.com/sync/u/0/i/s?hl=pt-BR&amp;c=963</t>
  </si>
  <si>
    <t>mail.google.com/sync/u/0/i/s?hl=pt-BR&amp;c=967</t>
  </si>
  <si>
    <t>8ed219a5-3ccf-4f63-87f7-eb5255ee5ee0.tmp</t>
  </si>
  <si>
    <t>\\acsfs\profiles$\gabrielafs\Downloads\8ed219a5-3ccf-4f63-87f7-eb5255ee5ee0.tmp</t>
  </si>
  <si>
    <t>1ec255eb-4680-4ca6-a960-f8afb9e1687c.tmp</t>
  </si>
  <si>
    <t>\\acsfs\profiles$\gabrielafs\Downloads\1ec255eb-4680-4ca6-a960-f8afb9e1687c.tmp</t>
  </si>
  <si>
    <t>4e2b1106-26a5-483b-9059-b46d2686dfd9.tmp</t>
  </si>
  <si>
    <t>\\acsfs\profiles$\gabrielafs\Downloads\4e2b1106-26a5-483b-9059-b46d2686dfd9.tmp</t>
  </si>
  <si>
    <t>dcefeae0-f393-48d6-b6cc-4473ad19740a.tmp</t>
  </si>
  <si>
    <t>\\acsfs\profiles$\gabrielafs\Downloads\dcefeae0-f393-48d6-b6cc-4473ad19740a.tmp</t>
  </si>
  <si>
    <t>eduardo.santana@bv.com.br;fernandaab@algartech.com;fernandorsju@algartech.com;lilianls@algartech.com;maria.silva3@dxc.com;marianeps@algartech.com;talmaiardo@algartech.com;thiagordu@algartech.com;</t>
  </si>
  <si>
    <t>eduardo.santana@bv.com.br,fernandaab@algartech.com,fernandorsju@algartech.com,lilianls@algartech.com,maria.silva3@dxc.com,marianeps@algartech.com,talmaiardo@algartech.com,thiagordu@algartech.com</t>
  </si>
  <si>
    <t>a9f95c62-67c8-4a9d-9949-25c63008fdb3.tmp</t>
  </si>
  <si>
    <t>\\acsfs\profiles$\lorrainerdl\Downloads\a9f95c62-67c8-4a9d-9949-25c63008fdb3.tmp</t>
  </si>
  <si>
    <t>XLOG_danielpdl_10012020_073421.log</t>
  </si>
  <si>
    <t>\\acsfs\profiles$\danielpdl\My Documents\xworkcenter\logs\XLOG_danielpdl_10012020_073421.log</t>
  </si>
  <si>
    <t>736e82de-458b-4396-b7c8-796f276d54cf.tmp</t>
  </si>
  <si>
    <t>\\acsfs\profiles$\matheushds\Downloads\736e82de-458b-4396-b7c8-796f276d54cf.tmp</t>
  </si>
  <si>
    <t>76eea379-830d-4bb5-9160-9c29441319ea.tmp</t>
  </si>
  <si>
    <t>\\acsfs\profiles$\henriquehmdo\Downloads\76eea379-830d-4bb5-9160-9c29441319ea.tmp</t>
  </si>
  <si>
    <t>lu14992jo6kq.tmp</t>
  </si>
  <si>
    <t>\\acsfs\profiles$\BRUNAAR\Numero\lu14992jo6kq.tmp</t>
  </si>
  <si>
    <t>lu14992jo6ku.tmp</t>
  </si>
  <si>
    <t>\\acsfs\profiles$\BRUNAAR\Numero\lu14992jo6ku.tmp</t>
  </si>
  <si>
    <t>outlook.office.com/owa/service.svc?action=CreateItem&amp;app=Mail&amp;n=146</t>
  </si>
  <si>
    <t>outlook.office.com/owa/service.svc?action=UpdateItem&amp;app=Mail&amp;n=177</t>
  </si>
  <si>
    <t>qualidadealgarbv@algartech.com</t>
  </si>
  <si>
    <t>56959c6f-d5a4-42cf-a915-b9d535c0743d.tmp</t>
  </si>
  <si>
    <t>\\acsfs\profiles$\maxmillianosv\Downloads\56959c6f-d5a4-42cf-a915-b9d535c0743d.tmp</t>
  </si>
  <si>
    <t>d5caa62f-b8a8-4a2d-97f0-94047421c95c.tmp</t>
  </si>
  <si>
    <t>\\acsfs\profiles$\maxmillianosv\Downloads\d5caa62f-b8a8-4a2d-97f0-94047421c95c.tmp</t>
  </si>
  <si>
    <t>9bf92f9f-660f-477a-8495-342a04ad1293.tmp</t>
  </si>
  <si>
    <t>\\acsfs\profiles$\jessicafc\Downloads\9bf92f9f-660f-477a-8495-342a04ad1293.tmp</t>
  </si>
  <si>
    <t>Rafale souza marques valim - 07-01-2020 produto AXA.docx</t>
  </si>
  <si>
    <t>\\acsfs\DEPTOS\Operacao\Banco_Votorantim\Qualidade\Anderson\Jose\Rafale souza marques valim - 07-01-2020 produto AXA.docx</t>
  </si>
  <si>
    <t>mail.google.com/_/upload?authuser=1&amp;dcp=asu-n&amp;upload_id=AEnB2Uok3qtOnaxbCbhq7tpO8cQ5kwJTu_R1eu92XKytr3LqaVi5u7_9EDwiSfhHUoYNzbB5LwWTy7qCvc6Atp-D-sXnd-sYeOujbxjsSpCGXZmYRsrU7aU&amp;upload_protocol=resumable</t>
  </si>
  <si>
    <t>Vendas TLV DEZ19.xlsx</t>
  </si>
  <si>
    <t>74c6c378-108e-45dc-a93b-d91b62e97c2a.tmp</t>
  </si>
  <si>
    <t>\\acsfs\profiles$\gabrielafs\Downloads\74c6c378-108e-45dc-a93b-d91b62e97c2a.tmp</t>
  </si>
  <si>
    <t>a849f22e-4c8d-48fe-9050-4f3919f534fd.tmp</t>
  </si>
  <si>
    <t>\\acsfs\profiles$\gabrielafs\Downloads\a849f22e-4c8d-48fe-9050-4f3919f534fd.tmp</t>
  </si>
  <si>
    <t>4d0c7d4f-4af8-4bb4-a09f-902b5302f270.tmp</t>
  </si>
  <si>
    <t>\\acsfs\profiles$\LUCASBS\Downloads\4d0c7d4f-4af8-4bb4-a09f-902b5302f270.tmp</t>
  </si>
  <si>
    <t>https://katia.cardoso@bv.com.br</t>
  </si>
  <si>
    <t>cc8f8ee8-52a2-4dac-b0a5-fd0294d521be.tmp</t>
  </si>
  <si>
    <t>\\acsfs\profiles$\larissaad\Downloads\cc8f8ee8-52a2-4dac-b0a5-fd0294d521be.tmp</t>
  </si>
  <si>
    <t>ace30c44-798c-4273-99de-30f597676031.tmp</t>
  </si>
  <si>
    <t>\\acsfs\profiles$\PEDROHAB\Downloads\ace30c44-798c-4273-99de-30f597676031.tmp</t>
  </si>
  <si>
    <t>c5e04447-fbbb-4c30-a271-f3d0dd382ca6.tmp</t>
  </si>
  <si>
    <t>\\acsfs\profiles$\PEDROHAB\Downloads\c5e04447-fbbb-4c30-a271-f3d0dd382ca6.tmp</t>
  </si>
  <si>
    <t>d35d9b1a-63f4-459c-bd51-6c34e06e6c33.tmp</t>
  </si>
  <si>
    <t>\\acsfs\profiles$\PEDROHAB\Downloads\d35d9b1a-63f4-459c-bd51-6c34e06e6c33.tmp</t>
  </si>
  <si>
    <t>d183b774-0c8e-45d6-a3c7-911a75631b47.tmp</t>
  </si>
  <si>
    <t>\\acsfs\profiles$\jessicafc\Downloads\d183b774-0c8e-45d6-a3c7-911a75631b47.tmp</t>
  </si>
  <si>
    <t>lu11602eiomu.tmp</t>
  </si>
  <si>
    <t>\\acsfs\profiles$\CLAUDIAJCA\lu11602eiomu.tmp</t>
  </si>
  <si>
    <t>\\acsfs\profiles$\CLAUDIAJCA\lu11602eiomu.tmp\</t>
  </si>
  <si>
    <t>\\acsfs\profiles$\CLAUDIAJCA\lu11602eiomu.tmp\META-INF\</t>
  </si>
  <si>
    <t>\\acsfs\profiles$\CLAUDIAJCA\lu11602eiomu.tmp\Thumbnails\</t>
  </si>
  <si>
    <t>4f9986a5-52df-4e86-9da5-58c608a2df86.tmp</t>
  </si>
  <si>
    <t>\\acsfs\profiles$\lorenabmc\Downloads\4f9986a5-52df-4e86-9da5-58c608a2df86.tmp</t>
  </si>
  <si>
    <t>7e3acb39-b1cf-47b6-9109-431a9210a694.tmp</t>
  </si>
  <si>
    <t>\\acsfs\profiles$\leticiala\Downloads\7e3acb39-b1cf-47b6-9109-431a9210a694.tmp</t>
  </si>
  <si>
    <t>joaogvc@algartech.com;marianadjc@algartech.com;planejamentodeoperacoesetrafego@bv.com.br;ricardodfm@algartech.com.br;taysdss@algartech.com;viniciussg@algartech.com;</t>
  </si>
  <si>
    <t>joaogvc@algartech.com,marianadjc@algartech.com,planejamentodeoperacoesetrafego@bv.com.br,ricardodfm@algartech.com.br,taysdss@algartech.com,viniciussg@algartech.com</t>
  </si>
  <si>
    <t>https://collectit.softwatch.com/collectit/windows/browsing_info3.php</t>
  </si>
  <si>
    <t>browsinginfo.zip</t>
  </si>
  <si>
    <t>browsinginfo.zip\</t>
  </si>
  <si>
    <t>browsing_info.dat</t>
  </si>
  <si>
    <t>4bdd2efe-410c-4a94-8bed-1167a9a7c1f7.tmp</t>
  </si>
  <si>
    <t>\\acsfs\profiles$\kamilamrc\Downloads\4bdd2efe-410c-4a94-8bed-1167a9a7c1f7.tmp</t>
  </si>
  <si>
    <t>\\acsfs\ACS\Gabriel da Silva\Contemporânea\NPS\Nova pasta\NPS SAC.xlsx\</t>
  </si>
  <si>
    <t>\\acsfs\ACS\Gabriel da Silva\Contemporânea\NPS\Histórico\NPS SAC.xlsx</t>
  </si>
  <si>
    <t>\\acsfs\ACS\Gabriel da Silva\Contemporânea\NPS\Histórico\NPS SAC.xlsx\</t>
  </si>
  <si>
    <t>\\acsfs\ACS\Gabriel da Silva\Contemporânea\NPS\Histórico\NPS SAC.xlsx\:Zone.Identifier:$DATA</t>
  </si>
  <si>
    <t>\\acsfs\ACS\Gabriel da Silva\Contemporânea\NPS\Nova pasta\NPS CHAT.xlsx\</t>
  </si>
  <si>
    <t>\\acsfs\ACS\Gabriel da Silva\Contemporânea\NPS\Histórico\NPS CHAT.xlsx</t>
  </si>
  <si>
    <t>NPS CHAT.xlsx</t>
  </si>
  <si>
    <t>\\acsfs\ACS\Gabriel da Silva\Contemporânea\NPS\Nova pasta\NPS CONSIGNADO.xlsx\</t>
  </si>
  <si>
    <t>\\acsfs\ACS\Gabriel da Silva\Contemporânea\NPS\Histórico\NPS CONSIGNADO.xlsx</t>
  </si>
  <si>
    <t>\\acsfs\ACS\Gabriel da Silva\Contemporânea\NPS\Histórico\NPS CONSIGNADO.xlsx\</t>
  </si>
  <si>
    <t>\\acsfs\ACS\Gabriel da Silva\Contemporânea\NPS\Histórico\NPS CONSIGNADO.xlsx\:Zone.Identifier:$DATA</t>
  </si>
  <si>
    <t>\\acsfs\ACS\Gabriel da Silva\Contemporânea\NPS\Nova pasta\NPS CRBV.xlsx\</t>
  </si>
  <si>
    <t>\\acsfs\ACS\Gabriel da Silva\Contemporânea\NPS\Histórico\NPS CRBV.xlsx</t>
  </si>
  <si>
    <t>\\acsfs\ACS\Gabriel da Silva\Contemporânea\NPS\Histórico\NPS CRBV.xlsx\</t>
  </si>
  <si>
    <t>\\acsfs\ACS\Gabriel da Silva\Contemporânea\NPS\Histórico\NPS CRBV.xlsx\:Zone.Identifier:$DATA</t>
  </si>
  <si>
    <t>34b7a638-6d67-4b44-96e6-830979f1a608.tmp</t>
  </si>
  <si>
    <t>\\acsfs\profiles$\jessicafc\Downloads\34b7a638-6d67-4b44-96e6-830979f1a608.tmp</t>
  </si>
  <si>
    <t>fe47b35c-95d1-42f6-949c-81dee8a79744;</t>
  </si>
  <si>
    <t>carmem.peres@bradesco.com.br;daniele.carvalho@bradesco.com.br;emerson.r.correia@bradesco.com.br;marina.yokogawa@bradesco.com.br;</t>
  </si>
  <si>
    <t>C:\Users\rodrigormc\Desktop\ABS - TO\</t>
  </si>
  <si>
    <t>Relatório de Turnover e Absenteísmo - Dezembro.xls</t>
  </si>
  <si>
    <t>carmem.peres@bradesco.com.br,daniele.carvalho@bradesco.com.br,emerson.r.correia@bradesco.com.br,marina.yokogawa@bradesco.com.br</t>
  </si>
  <si>
    <t>C:\Users\mariliafsc.ACS\Desktop\Fórum Caixa\</t>
  </si>
  <si>
    <t>Análise_PM - ano 2019 e 2018 comparativo (2).xlsx</t>
  </si>
  <si>
    <t>mail.google.com/sync/u/0/i/s?hl=pt-BR&amp;c=982</t>
  </si>
  <si>
    <t>mail.google.com/sync/u/0/i/s?hl=pt-BR&amp;c=984</t>
  </si>
  <si>
    <t>9ff33799-d3bc-4c24-82f3-41486582e01e.tmp</t>
  </si>
  <si>
    <t>\\acsfs\profiles$\quindaizaagds\Downloads\9ff33799-d3bc-4c24-82f3-41486582e01e.tmp</t>
  </si>
  <si>
    <t>65141411-1f26-4af7-bdb7-7f2c4beabcd1.tmp</t>
  </si>
  <si>
    <t>\\acsfs\profiles$\quindaizaagds\Downloads\65141411-1f26-4af7-bdb7-7f2c4beabcd1.tmp</t>
  </si>
  <si>
    <t>f129aded-9560-48a0-8449-9ce9d9fe3e38.tmp</t>
  </si>
  <si>
    <t>\\acsfs\profiles$\kamilamrc\Downloads\f129aded-9560-48a0-8449-9ce9d9fe3e38.tmp</t>
  </si>
  <si>
    <t>9f985716-7116-4de9-8175-b88e7f9d8048.tmp</t>
  </si>
  <si>
    <t>\\acsfs\profiles$\kamilamrc\Downloads\9f985716-7116-4de9-8175-b88e7f9d8048.tmp</t>
  </si>
  <si>
    <t>5889af32-3845-4aa3-b097-b9da0b1c0666.tmp</t>
  </si>
  <si>
    <t>\\acsfs\profiles$\kamilamrc\Downloads\5889af32-3845-4aa3-b097-b9da0b1c0666.tmp</t>
  </si>
  <si>
    <t>a76bc8e2-5e79-4416-a0aa-e2c88695277d.tmp</t>
  </si>
  <si>
    <t>\\acsfs\profiles$\kamilamrc\Downloads\a76bc8e2-5e79-4416-a0aa-e2c88695277d.tmp</t>
  </si>
  <si>
    <t>256ddbd0-b14d-4d76-b6ed-0e6614809d17.tmp</t>
  </si>
  <si>
    <t>\\acsfs\profiles$\kamilamrc\Downloads\256ddbd0-b14d-4d76-b6ed-0e6614809d17.tmp</t>
  </si>
  <si>
    <t>lu14992jo6ky.tmp</t>
  </si>
  <si>
    <t>\\acsfs\profiles$\BRUNAAR\Numero\lu14992jo6ky.tmp</t>
  </si>
  <si>
    <t>Rafaela souza marques valim - 07-01-2020 produto AXA.docx</t>
  </si>
  <si>
    <t>\\acsfs\DEPTOS\Operacao\Banco_Votorantim\Qualidade\Anderson\Jose\Rafaela souza marques valim - 07-01-2020 produto AXA.docx</t>
  </si>
  <si>
    <t>mail.google.com/sync/u/0/i/s?hl=pt-BR&amp;c=989</t>
  </si>
  <si>
    <t>0bf5009f-798b-4253-a3ec-717b30406c84.tmp</t>
  </si>
  <si>
    <t>\\acsfs\profiles$\lorrainerdl\Downloads\0bf5009f-798b-4253-a3ec-717b30406c84.tmp</t>
  </si>
  <si>
    <t>https://web.vortex.data.microsoft.com/collect/v1?$mscomcookies=false&amp;ext-javascript-msfpc='guid=55555aff07554478ad8dc5606199f742&amp;hash=5555&amp;lv=201907&amp;v=4&amp;lu=1563210375715'</t>
  </si>
  <si>
    <t>9a7363dc-60df-4967-bb3a-f719440fdf5f.tmp</t>
  </si>
  <si>
    <t>\\acsfs\profiles$\francislayneads\Downloads\9a7363dc-60df-4967-bb3a-f719440fdf5f.tmp</t>
  </si>
  <si>
    <t>c315d9d6-df46-4e5c-8b74-330140583dc2.tmp</t>
  </si>
  <si>
    <t>\\acsfs\profiles$\gabrielafs\Downloads\c315d9d6-df46-4e5c-8b74-330140583dc2.tmp</t>
  </si>
  <si>
    <t>a06acf97-9479-472a-a084-3901aaaf00a8.tmp</t>
  </si>
  <si>
    <t>\\acsfs\profiles$\kellzylenneasr\Downloads\a06acf97-9479-472a-a084-3901aaaf00a8.tmp</t>
  </si>
  <si>
    <t>133b7e15-037d-46c3-a1c6-0d6c0b558dae.tmp</t>
  </si>
  <si>
    <t>\\acsfs\profiles$\paulovadc\Downloads\133b7e15-037d-46c3-a1c6-0d6c0b558dae.tmp</t>
  </si>
  <si>
    <t>https://joaogvc@algartech.com,marianadjc@algartech.com,planejamentodeoperacoesetrafego@bv.com.br,ricardodfm@algartech.com.br,taysdss@algartech.com,viniciussg@algartech.com</t>
  </si>
  <si>
    <t>XLOG_leydianeamd_10012020_073906.log</t>
  </si>
  <si>
    <t>\\acsfs\profiles$\leydianeamd\My Documents\xworkcenter\logs\XLOG_leydianeamd_10012020_073906.log</t>
  </si>
  <si>
    <t>XLOG_leydianeamd_10012020_102301.log</t>
  </si>
  <si>
    <t>\\acsfs\profiles$\leydianeamd\My Documents\xworkcenter\logs\XLOG_leydianeamd_10012020_102301.log</t>
  </si>
  <si>
    <t>40819753-e7b9-4dfd-b88d-6ea24dcf629c.tmp</t>
  </si>
  <si>
    <t>\\acsfs\profiles$\mariajra\Downloads\40819753-e7b9-4dfd-b88d-6ea24dcf629c.tmp</t>
  </si>
  <si>
    <t>BaseDezembro.xlsx</t>
  </si>
  <si>
    <t>\\acsfs\ACS\Gabriel da Silva\Contemporânea\Comissão e Incentivo\BaseDezembro.xlsx</t>
  </si>
  <si>
    <t>lu11602eiomz.tmp</t>
  </si>
  <si>
    <t>\\acsfs\profiles$\CLAUDIAJCA\lu11602eiomz.tmp</t>
  </si>
  <si>
    <t>\\acsfs\profiles$\CLAUDIAJCA\lu11602eiomz.tmp\</t>
  </si>
  <si>
    <t>\\acsfs\profiles$\CLAUDIAJCA\lu11602eiomz.tmp\META-INF\</t>
  </si>
  <si>
    <t>\\acsfs\profiles$\CLAUDIAJCA\lu11602eiomz.tmp\Thumbnails\</t>
  </si>
  <si>
    <t>ad3c05d8-8a8a-43cd-9166-080a35876a2b.tmp</t>
  </si>
  <si>
    <t>\\acsfs\profiles$\THYAGOSP\Downloads\ad3c05d8-8a8a-43cd-9166-080a35876a2b.tmp</t>
  </si>
  <si>
    <t>d2b65b04-42d3-4736-9ca5-504b495ff8f4.tmp</t>
  </si>
  <si>
    <t>\\acsfs\profiles$\nathaliarmr\Downloads\d2b65b04-42d3-4736-9ca5-504b495ff8f4.tmp</t>
  </si>
  <si>
    <t>fda5a481-7ed8-4703-b127-e56768ce13cf.tmp</t>
  </si>
  <si>
    <t>\\acsfs\profiles$\cintiadcf\Downloads\fda5a481-7ed8-4703-b127-e56768ce13cf.tmp</t>
  </si>
  <si>
    <t>bb6796c2-b37c-49b5-87e9-4195bfb492da.tmp</t>
  </si>
  <si>
    <t>\\acsfs\profiles$\ALYNYA\Downloads\bb6796c2-b37c-49b5-87e9-4195bfb492da.tmp</t>
  </si>
  <si>
    <t>mail.google.com/sync/u/0/i/s?hl=pt-BR&amp;c=1011</t>
  </si>
  <si>
    <t>mail.google.com/sync/u/0/i/s?hl=pt-BR&amp;c=1013</t>
  </si>
  <si>
    <t>mail.google.com/sync/u/0/i/s?hl=pt-BR&amp;c=1018</t>
  </si>
  <si>
    <t>mail.google.com/sync/u/0/i/s?hl=pt-BR&amp;c=1025</t>
  </si>
  <si>
    <t>mail.google.com/sync/u/0/i/s?hl=pt-BR&amp;c=1029</t>
  </si>
  <si>
    <t>mail.google.com/sync/u/0/i/s?hl=pt-BR&amp;c=1037</t>
  </si>
  <si>
    <t>mail.google.com/sync/u/0/i/s?hl=pt-BR&amp;c=1039</t>
  </si>
  <si>
    <t>31bb8cfe-521d-4769-b17b-5dac59fb24ef.tmp</t>
  </si>
  <si>
    <t>\\acsfs\profiles$\milenaas\Downloads\31bb8cfe-521d-4769-b17b-5dac59fb24ef.tmp</t>
  </si>
  <si>
    <t>mail.google.com/sync/u/0/i/s?hl=pt-BR&amp;c=1041</t>
  </si>
  <si>
    <t>8bd22cb3-d266-429e-9e70-d9143853aa5e.tmp</t>
  </si>
  <si>
    <t>\\acsfs\profiles$\Flaviojmm\Downloads\8bd22cb3-d266-429e-9e70-d9143853aa5e.tmp</t>
  </si>
  <si>
    <t>Valor Prêmio por Operador Janeiro - até 09.01.pdf</t>
  </si>
  <si>
    <t>\\acsfs\DEPTOS\Operacao\Banco_Votorantim\Comum\00 - COMUM - BV CARTÕES\EQUIPE ADILSON\Vendas\Valor Prêmio por Operador Janeiro - até 09.01.pdf</t>
  </si>
  <si>
    <t>mail.google.com/sync/u/0/i/s?hl=pt-BR&amp;c=2472</t>
  </si>
  <si>
    <t>mail.google.com/sync/u/0/i/s?hl=pt-BR&amp;c=2475</t>
  </si>
  <si>
    <t>mail.google.com/sync/u/0/i/s?hl=pt-BR&amp;c=2478</t>
  </si>
  <si>
    <t>mail.google.com/sync/u/0/i/s?hl=pt-BR&amp;c=2480</t>
  </si>
  <si>
    <t>mail.google.com/sync/u/0/i/s?hl=pt-BR&amp;c=2482</t>
  </si>
  <si>
    <t>bvcartes-supervisores@algarnet.onmicrosoft.com;</t>
  </si>
  <si>
    <t>bvcartes-supervisores@algarnet.onmicrosoft.com</t>
  </si>
  <si>
    <t>mail.google.com/_/upload?authuser=0&amp;dcp=asu-n&amp;upload_id=AEnB2UrRLbcSY2k6VifZQIUo2ovEP0GcxNKbPdjv3ABx08DvS7fL_2-HMzmrgyKO31Vc0E32S-0oMfGNCDsvizu1P0Gst3jN7nXcNqC4mSu_bDiucuL141k&amp;upload_protocol=resumable</t>
  </si>
  <si>
    <t>mail.google.com/sync/u/0/i/s?hl=pt-BR&amp;c=2484</t>
  </si>
  <si>
    <t>mail.google.com/sync/u/0/i/s?hl=pt-BR&amp;c=2486</t>
  </si>
  <si>
    <t>29cd9bd6-0ef5-4b74-8235-72b09227e0a7.tmp</t>
  </si>
  <si>
    <t>\\acsfs\profiles$\leticiala\Downloads\29cd9bd6-0ef5-4b74-8235-72b09227e0a7.tmp</t>
  </si>
  <si>
    <t>c:\users\robsonams\desktop\</t>
  </si>
  <si>
    <t>sara - rescisão.pdf</t>
  </si>
  <si>
    <t>39940956-2f52-4cb6-b8d1-46a3a9f82300.tmp</t>
  </si>
  <si>
    <t>\\acsfs\profiles$\nayarasds\Downloads\39940956-2f52-4cb6-b8d1-46a3a9f82300.tmp</t>
  </si>
  <si>
    <t>8e418304-42e0-4eb5-b435-0c1a87c60b8b.tmp</t>
  </si>
  <si>
    <t>\\acsfs\profiles$\nathaliarmr\Downloads\8e418304-42e0-4eb5-b435-0c1a87c60b8b.tmp</t>
  </si>
  <si>
    <t>bb6a63dc-34e1-4bf9-bcbf-147ca0030ce3.tmp</t>
  </si>
  <si>
    <t>\\acsfs\profiles$\cintiadcf\Downloads\bb6a63dc-34e1-4bf9-bcbf-147ca0030ce3.tmp</t>
  </si>
  <si>
    <t>Alocação custos consultores - Farmers e Hunters Jan2020.xlsx</t>
  </si>
  <si>
    <t>RES: Consolidação de resultados - Apuração Objetivos</t>
  </si>
  <si>
    <t>ESTUDO INDICADORES.xlsx</t>
  </si>
  <si>
    <t>af4858ac-1aeb-4a08-81eb-2f8936054b84.tmp</t>
  </si>
  <si>
    <t>\\acsfs\profiles$\Flaviojmm\Downloads\af4858ac-1aeb-4a08-81eb-2f8936054b84.tmp</t>
  </si>
  <si>
    <t>mail.google.com/_/upload?authuser=0&amp;dcp=asu-n&amp;upload_id=AEnB2UrATZwgc-cbi3I1QEMd1EouXZhz-J_9N0PQRPgfuZxfQSVM3k3XSfU-bufBUkhnOUbF_T-aZUikcMDZbi6Aq56ymStrDB1r2GkE4LBMs1indnaLek8&amp;upload_protocol=resumable</t>
  </si>
  <si>
    <t>C:\INFORMAÇÕES CLIENTES SOLLERO\COMFRIO SOLUÇÕES LOGISTICAS SA\NEGOCIAÇÃO\</t>
  </si>
  <si>
    <t>Levantamento-Comfrio-09012020.xlsx</t>
  </si>
  <si>
    <t>kerllondst@algartech.com;mariliafsc@algartech.com;</t>
  </si>
  <si>
    <t>C:\Users\rodrigormc\AppData\Local\Temp\</t>
  </si>
  <si>
    <t>Cópia de TelaUnica_Tabela_de_Resultado_de_Finalizacao_De-Para.xlsx</t>
  </si>
  <si>
    <t>kerllondst@algartech.com,mariliafsc@algartech.com</t>
  </si>
  <si>
    <t>d1d6a753-8795-43ae-9bf6-9b5b1a3cebbe.tmp</t>
  </si>
  <si>
    <t>\\acsfs\profiles$\leonardobb\Downloads\d1d6a753-8795-43ae-9bf6-9b5b1a3cebbe.tmp</t>
  </si>
  <si>
    <t>7ccdeeae-5652-4b3e-9147-fd26c3487f5d.tmp</t>
  </si>
  <si>
    <t>\\acsfs\profiles$\leonardobb\Downloads\7ccdeeae-5652-4b3e-9147-fd26c3487f5d.tmp</t>
  </si>
  <si>
    <t>Relatorio de pontos..PNG</t>
  </si>
  <si>
    <t>\\acsfs\ACS\001 - Qualidade Lilian\PAULO\Pasta Tainara\Relatorio de pontos..PNG</t>
  </si>
  <si>
    <t>https://joaogvc@algartech.com,katia.cardoso@bv.com.br,marianadjc@algartech.com,rafaelggs@algartech.com,taysdss@algartech.com,viniciussg@algartech.com</t>
  </si>
  <si>
    <t>\\Acsfs\dsti\GAT\CIT - Coordenacao Inteligencia de TI\RELATORIOS FPW\Controle\SOBREAVISO\JANEIRO\sobre aviso 01_2020 Op. Santander Esfera.msg\s1\</t>
  </si>
  <si>
    <t>Santander Esfera Sobreaviso Janeiro 2020.xlsx</t>
  </si>
  <si>
    <t>e49d1f38-e7aa-407f-89bd-ca0e00da91e8.tmp</t>
  </si>
  <si>
    <t>\\acsfs\profiles$\laylaams\Downloads\e49d1f38-e7aa-407f-89bd-ca0e00da91e8.tmp</t>
  </si>
  <si>
    <t>94d52404-665d-4ba8-87b4-88f48110330c.tmp</t>
  </si>
  <si>
    <t>\\acsfs\profiles$\luanarda\Downloads\94d52404-665d-4ba8-87b4-88f48110330c.tmp</t>
  </si>
  <si>
    <t>1133555d-ac9d-469d-94ca-df625429f611.tmp</t>
  </si>
  <si>
    <t>\\acsfs\profiles$\leonardobb\Downloads\1133555d-ac9d-469d-94ca-df625429f611.tmp</t>
  </si>
  <si>
    <t>e52ba97d-977e-4fb4-9691-009717c918b3.tmp</t>
  </si>
  <si>
    <t>\\acsfs\profiles$\leonardobb\Downloads\e52ba97d-977e-4fb4-9691-009717c918b3.tmp</t>
  </si>
  <si>
    <t>5db6b77e-32df-45a2-bc8a-17bf8788c318.tmp</t>
  </si>
  <si>
    <t>\\acsfs\profiles$\LUCASBS\Downloads\5db6b77e-32df-45a2-bc8a-17bf8788c318.tmp</t>
  </si>
  <si>
    <t>05353930-8e3a-4fb7-b459-d1890936b997.tmp</t>
  </si>
  <si>
    <t>\\acsfs\profiles$\THYAGOSP\Downloads\05353930-8e3a-4fb7-b459-d1890936b997.tmp</t>
  </si>
  <si>
    <t>631aca32-be10-4e5f-b461-528978d8bcd7.tmp</t>
  </si>
  <si>
    <t>\\acsfs\profiles$\gabrielhca\Downloads\631aca32-be10-4e5f-b461-528978d8bcd7.tmp</t>
  </si>
  <si>
    <t>80f4454b-d70a-40d5-8691-0aad7404559e.tmp</t>
  </si>
  <si>
    <t>\\acsfs\profiles$\nayarasds\Downloads\80f4454b-d70a-40d5-8691-0aad7404559e.tmp</t>
  </si>
  <si>
    <t>bdedae20-2b33-4225-8ae8-093e7b04b66b.tmp</t>
  </si>
  <si>
    <t>\\acsfs\profiles$\maxmillianosv\Downloads\bdedae20-2b33-4225-8ae8-093e7b04b66b.tmp</t>
  </si>
  <si>
    <t>\\acsfs\engeset\FINANCEIRO_ULA\FATURAMENTO\23. Pré Faturamento\3.TI Infra e SD\TI -INFRA\2020\</t>
  </si>
  <si>
    <t>02.TI TEC Faturamento Fevereiro Sollero.xls</t>
  </si>
  <si>
    <t>mail.google.com/_/upload?authuser=0&amp;dcp=asu-n&amp;upload_id=AEnB2UopRNFa8s5aRY52uBoE9H7U8n3kFB5DDaRUHHLUeC6HOhJca8dws32BrMgTzp6b0mU88Nfmld1MBpD5YRti_aTaj-UZv6rjVgyQ3k15EZipeR3NJHw&amp;upload_protocol=resumable</t>
  </si>
  <si>
    <t>camilaammm@algartech.com;gustavoplo@algartech.com;</t>
  </si>
  <si>
    <t>\\acsfs\ACS\Consultoria de Qualidade\Uberlândia\1. Analistas\Fernando Rodrigues\4. Distribuição de Meta\2020\1. Telecom\0. Janeiro\</t>
  </si>
  <si>
    <t>Distribuição - 2ª Semana.xlsx</t>
  </si>
  <si>
    <t>camilaammm@algartech.com,gustavoplo@algartech.com</t>
  </si>
  <si>
    <t>4a08461e-5591-4939-b6bf-dc54d49dcbd7.tmp</t>
  </si>
  <si>
    <t>\\acsfs\profiles$\joselrb\Downloads\4a08461e-5591-4939-b6bf-dc54d49dcbd7.tmp</t>
  </si>
  <si>
    <t>4bcccdb3-1bf0-4f59-b352-b2d02f4e6872.tmp</t>
  </si>
  <si>
    <t>\\acsfs\profiles$\joselrb\Downloads\4bcccdb3-1bf0-4f59-b352-b2d02f4e6872.tmp</t>
  </si>
  <si>
    <t>kit_pre_deslig_ant_term_contrato_empregado_124267_sara cristine vieira dos santos.pdf</t>
  </si>
  <si>
    <t>9e88f99a-e486-472d-9b2a-fbbb43a464f3.tmp</t>
  </si>
  <si>
    <t>\\acsfs\profiles$\gabrielsma\Downloads\9e88f99a-e486-472d-9b2a-fbbb43a464f3.tmp</t>
  </si>
  <si>
    <t>Não confirmado 565590.crdownload</t>
  </si>
  <si>
    <t>\\acsfs\ACS\Gabriel da Silva\Contemporânea\Erros Operacionais\Não confirmado 565590.crdownload</t>
  </si>
  <si>
    <t>7cdb3f56-bb1a-4093-a9a9-f7bcadaf3b61.tmp</t>
  </si>
  <si>
    <t>\\acsfs\profiles$\leonardobb\Downloads\7cdb3f56-bb1a-4093-a9a9-f7bcadaf3b61.tmp</t>
  </si>
  <si>
    <t>50caeeef-6703-435c-b9c8-10af7953fc9c.tmp</t>
  </si>
  <si>
    <t>\\acsfs\profiles$\joselrb\Downloads\50caeeef-6703-435c-b9c8-10af7953fc9c.tmp</t>
  </si>
  <si>
    <t>XLOG_vanessacgs_10012020_085419.log</t>
  </si>
  <si>
    <t>\\acsfs\profiles$\vanessacgs\My Documents\xworkcenter\logs\XLOG_vanessacgs_10012020_085419.log</t>
  </si>
  <si>
    <t>e1307a34-d666-4871-af4b-2d2abb997585.tmp</t>
  </si>
  <si>
    <t>\\acsfs\profiles$\gabrielsma\Downloads\e1307a34-d666-4871-af4b-2d2abb997585.tmp</t>
  </si>
  <si>
    <t>9d74f114-1646-4069-bcbe-231b167f2ca8.tmp</t>
  </si>
  <si>
    <t>\\acsfs\profiles$\gabrielsma\Downloads\9d74f114-1646-4069-bcbe-231b167f2ca8.tmp</t>
  </si>
  <si>
    <t>Não confirmado 473119.crdownload</t>
  </si>
  <si>
    <t>\\acsfs\ACS\Gabriel da Silva\Contemporânea\Erros Operacionais\Não confirmado 473119.crdownload</t>
  </si>
  <si>
    <t>Encaminhado Operação Comissão Dezembro.xlsx</t>
  </si>
  <si>
    <t>\\acsfs\DEPTOS\Operacao\Banco_Votorantim\Supervisao\SUPERS BV CARTÕES\ADILSON\Vendas\Encaminhado Operação Comissão Dezembro.xlsx</t>
  </si>
  <si>
    <t>Comissão Dezembro - OFICIAL.pdf</t>
  </si>
  <si>
    <t>\\acsfs\DEPTOS\Operacao\Banco_Votorantim\Comum\00 - COMUM - BV CARTÕES\EQUIPE ADILSON\Vendas\Comissão Dezembro - OFICIAL.pdf</t>
  </si>
  <si>
    <t>65cf9933-676e-4608-8217-019e4373cf48.tmp</t>
  </si>
  <si>
    <t>\\acsfs\profiles$\lorrainerdl\Downloads\65cf9933-676e-4608-8217-019e4373cf48.tmp</t>
  </si>
  <si>
    <t>4bad4a12-03c1-4892-b127-c63458549edc.tmp</t>
  </si>
  <si>
    <t>\\acsfs\profiles$\ALYNYA\Downloads\4bad4a12-03c1-4892-b127-c63458549edc.tmp</t>
  </si>
  <si>
    <t>18255c68-3ee1-4b13-a677-02758d8863a6.tmp</t>
  </si>
  <si>
    <t>\\acsfs\profiles$\joselrb\Downloads\18255c68-3ee1-4b13-a677-02758d8863a6.tmp</t>
  </si>
  <si>
    <t>10.200.61.69</t>
  </si>
  <si>
    <t>mail.google.com/_/upload?authuser=3&amp;dcp=asu-n&amp;upload_id=AEnB2UqsoTrYe5mlh2FkeAW0O6mIDoVhys5NflRADG3QlUaCkIYO2cj-dVTCyEhIr5pBumxxHUQZnxY3Q9-qI2STaTLdL2Eh5AQkvcGwC10A64dJctItOGs&amp;upload_protocol=resumable</t>
  </si>
  <si>
    <t>\\acsfs\ACS\Gestão por Processos\Migração PJ\Bradesco\Migração PJ\Migração Full\</t>
  </si>
  <si>
    <t>Manuais Validados x Publicados.xlsx</t>
  </si>
  <si>
    <t>233b8e41-9dd8-4381-94c5-80494f2d4c1f.tmp</t>
  </si>
  <si>
    <t>\\acsfs\profiles$\quindaizaagds\Downloads\233b8e41-9dd8-4381-94c5-80494f2d4c1f.tmp</t>
  </si>
  <si>
    <t>lu14992jo6l2.tmp</t>
  </si>
  <si>
    <t>\\acsfs\profiles$\BRUNAAR\Numero\lu14992jo6l2.tmp</t>
  </si>
  <si>
    <t>Acompanhamento de Qualidade_BV-Financeira_Dezembro - Final.xlsx</t>
  </si>
  <si>
    <t>\\acsfs\ACS\Gabriel da Silva\Contemporânea\Erros Operacionais\Acompanhamento de Qualidade_BV-Financeira_Dezembro - Final.xlsx</t>
  </si>
  <si>
    <t>753311bf-24c4-43ff-b2d9-dfbe6df3d618.tmp</t>
  </si>
  <si>
    <t>\\acsfs\profiles$\nathaliarmr\Downloads\753311bf-24c4-43ff-b2d9-dfbe6df3d618.tmp</t>
  </si>
  <si>
    <t>mail.google.com/_/upload?authuser=1&amp;dcp=asu-n&amp;upload_id=AEnB2Ur_2UUcBIyzcDA_H_XBLcqKv8M4GrLswvnKmV6PVcRFWIPaohXLOs7-oOAeEM_5VNgkE8sYpvH1jU3g3SPRF_1pZRbhYA&amp;upload_protocol=resumable</t>
  </si>
  <si>
    <t>2117432b-8ea8-43ee-93bb-f5dc7c2c3497.tmp</t>
  </si>
  <si>
    <t>\\acsfs\profiles$\gabrielafs\Downloads\2117432b-8ea8-43ee-93bb-f5dc7c2c3497.tmp</t>
  </si>
  <si>
    <t>lu33281enhe.tmp</t>
  </si>
  <si>
    <t>\\acsfs\profiles$\ALEXANDREMM\lu33281enhe.tmp</t>
  </si>
  <si>
    <t>joaogvc@algartech.com;katia.cardoso@bv.com.br;marianadjc@algartech.com;planejamentodeoperacoesetrafego@bv.com.br;rafaelggs@algartech.com;ricardodfm@algartech.com.br;taysdss@algartech.com;viniciussg@algartech.com;</t>
  </si>
  <si>
    <t>joaogvc@algartech.com,katia.cardoso@bv.com.br,marianadjc@algartech.com,planejamentodeoperacoesetrafego@bv.com.br,rafaelggs@algartech.com,ricardodfm@algartech.com.br,taysdss@algartech.com,viniciussg@algartech.com</t>
  </si>
  <si>
    <t>Sara - rescisão.pdf</t>
  </si>
  <si>
    <t>\\acsfs\Deptos\Operacao\Banco_Votorantim\Supervisao\Maristela\CRBV vendas\Desligamento\Sara - rescisão.pdf</t>
  </si>
  <si>
    <t>891ddbaf-2941-410e-b08e-cbcc076cf2db.tmp</t>
  </si>
  <si>
    <t>\\acsfs\profiles$\gabrielsma\Downloads\891ddbaf-2941-410e-b08e-cbcc076cf2db.tmp</t>
  </si>
  <si>
    <t>Não confirmado 291912.crdownload</t>
  </si>
  <si>
    <t>\\acsfs\ACS\Gabriel da Silva\Contemporânea\VENDAS\Não confirmado 291912.crdownload</t>
  </si>
  <si>
    <t>eeeec058-611b-4e2a-88ea-a6e22e18de68.tmp</t>
  </si>
  <si>
    <t>\\acsfs\profiles$\gabrielsma\Downloads\eeeec058-611b-4e2a-88ea-a6e22e18de68.tmp</t>
  </si>
  <si>
    <t>Não confirmado 931479.crdownload</t>
  </si>
  <si>
    <t>\\acsfs\ACS\Gabriel da Silva\Contemporânea\VENDAS\Não confirmado 931479.crdownload</t>
  </si>
  <si>
    <t>ca4140b0-d098-4c2a-9ce5-e5a2aa4123ae.tmp</t>
  </si>
  <si>
    <t>\\acsfs\profiles$\LAISLG\Downloads\ca4140b0-d098-4c2a-9ce5-e5a2aa4123ae.tmp</t>
  </si>
  <si>
    <t>517d0eaf-ad2a-4978-b293-a78d713eaf30.tmp</t>
  </si>
  <si>
    <t>\\acsfs\profiles$\inarajst\Downloads\517d0eaf-ad2a-4978-b293-a78d713eaf30.tmp</t>
  </si>
  <si>
    <t>26adc0e1-bce5-4984-89c4-6630cfbbe969.tmp</t>
  </si>
  <si>
    <t>\\acsfs\profiles$\gabrielhca\Downloads\26adc0e1-bce5-4984-89c4-6630cfbbe969.tmp</t>
  </si>
  <si>
    <t>28b7e466-acf3-4d95-a5eb-3aece0214f11.tmp</t>
  </si>
  <si>
    <t>\\acsfs\profiles$\mariagsg\Downloads\28b7e466-acf3-4d95-a5eb-3aece0214f11.tmp</t>
  </si>
  <si>
    <t>\\acsfs\profiles$\ALEXANDREMM\lu33281enhe.tmp\</t>
  </si>
  <si>
    <t>\\acsfs\profiles$\ALEXANDREMM\lu33281enhe.tmp\META-INF\</t>
  </si>
  <si>
    <t>\\acsfs\profiles$\ALEXANDREMM\lu33281enhe.tmp\Thumbnails\</t>
  </si>
  <si>
    <t>583e5029-5165-4b5c-b7c0-175204259428.tmp</t>
  </si>
  <si>
    <t>\\acsfs\profiles$\lorrainerdl\Downloads\583e5029-5165-4b5c-b7c0-175204259428.tmp</t>
  </si>
  <si>
    <t>mail.google.com/_/upload?authuser=0&amp;dcp=asu-n&amp;upload_id=AEnB2UrKyg4lCc3FEfiiFpqNMq3wsw9SqrfhkyfK6HeqmMX38DEodk2E603GCKVc6BgiVIeSBlx-1cyujietcjeed9IQ-g5akN9Qd2d4_35sCjH5BlPfmk4&amp;upload_protocol=resumable</t>
  </si>
  <si>
    <t>Distribuição - 2ª Semana.xls</t>
  </si>
  <si>
    <t>\\acsfs\Deptos\EDUCACAO EMPRESARIAL\4 - Gestão de Educação\</t>
  </si>
  <si>
    <t>\\acsfs\Deptos\EDUCACAO EMPRESARIAL\4 - Gestão de Educação\Thumbs.db</t>
  </si>
  <si>
    <t>12a6212c-417c-4a7e-af3f-b3f91720e121.tmp</t>
  </si>
  <si>
    <t>\\acsfs\profiles$\joselrb\Downloads\12a6212c-417c-4a7e-af3f-b3f91720e121.tmp</t>
  </si>
  <si>
    <t>3e34a843-42a9-4586-bcfa-b9aa7971267e.tmp</t>
  </si>
  <si>
    <t>\\acsfs\profiles$\quindaizaagds\Downloads\3e34a843-42a9-4586-bcfa-b9aa7971267e.tmp</t>
  </si>
  <si>
    <t>f789ec39-4f2c-4823-9443-1647509d2647.tmp</t>
  </si>
  <si>
    <t>\\acsfs\profiles$\Flaviojmm\Downloads\f789ec39-4f2c-4823-9443-1647509d2647.tmp</t>
  </si>
  <si>
    <t>64eec737-e4d0-4069-bd40-a27a90d7a477.tmp</t>
  </si>
  <si>
    <t>\\acsfs\profiles$\adelvinsonle\Downloads\64eec737-e4d0-4069-bd40-a27a90d7a477.tmp</t>
  </si>
  <si>
    <t>0390a6c0-ffd8-411a-a386-8675a79f0d9a.tmp</t>
  </si>
  <si>
    <t>\\acsfs\profiles$\LAISLG\Downloads\0390a6c0-ffd8-411a-a386-8675a79f0d9a.tmp</t>
  </si>
  <si>
    <t>eeb7872b-0e1d-42f9-b6b4-2bd74dff5fed.tmp</t>
  </si>
  <si>
    <t>\\acsfs\profiles$\LAISLG\Downloads\eeb7872b-0e1d-42f9-b6b4-2bd74dff5fed.tmp</t>
  </si>
  <si>
    <t>aaa60a7d-35ba-4b86-8758-6503cfe03785.tmp</t>
  </si>
  <si>
    <t>\\acsfs\profiles$\jessicafc\Downloads\aaa60a7d-35ba-4b86-8758-6503cfe03785.tmp</t>
  </si>
  <si>
    <t>mail.google.com/_/upload?authuser=1&amp;dcp=asu-n&amp;upload_id=AEnB2UqtXmY9SOkpm5RD-X4B0wySi8n7hYi-0sti-a659KOpeFwUbPIUCbwYNxOl5QyyrUJcNixnVGfdXV-LmRH1fzbF2-QmJgWlLOjaks9VO6gsvVSE0ns&amp;upload_protocol=resumable</t>
  </si>
  <si>
    <t>Atndimentos D2C - 2019.xlsx</t>
  </si>
  <si>
    <t>ca8f8711-ea85-4348-9820-bac7b05f307d.tmp</t>
  </si>
  <si>
    <t>\\acsfs\profiles$\LUCASBS\Downloads\ca8f8711-ea85-4348-9820-bac7b05f307d.tmp</t>
  </si>
  <si>
    <t>6fa916b5-ebe7-4e87-b5ca-43c78dcf63bf.tmp</t>
  </si>
  <si>
    <t>\\acsfs\profiles$\henriquehmdo\Downloads\6fa916b5-ebe7-4e87-b5ca-43c78dcf63bf.tmp</t>
  </si>
  <si>
    <t>cf8a6790-13fc-4df4-aa82-a69d79ee7422.tmp</t>
  </si>
  <si>
    <t>\\acsfs\profiles$\ROZENCAM\Downloads\cf8a6790-13fc-4df4-aa82-a69d79ee7422.tmp</t>
  </si>
  <si>
    <t>equipefabi@algartech.com.br;</t>
  </si>
  <si>
    <t>Lista</t>
  </si>
  <si>
    <t>Cópia de SITES INTERNET PJ.xlsx</t>
  </si>
  <si>
    <t>equipefabi@algartech.com.br</t>
  </si>
  <si>
    <t>aa2d9c74-41ae-4fee-88b2-2d5169c24bc3.tmp</t>
  </si>
  <si>
    <t>\\acsfs\profiles$\francislayneads\Downloads\aa2d9c74-41ae-4fee-88b2-2d5169c24bc3.tmp</t>
  </si>
  <si>
    <t>alefl@algartech.com;alessandroam@algartech.com;andrelpsa@algartech.com;josemfs@algartech.com;marianesg@algartech.com;thiagordu@algartech.com;</t>
  </si>
  <si>
    <t>alefl@algartech.com,alessandroam@algartech.com,andrelpsa@algartech.com,josemfs@algartech.com,marianesg@algartech.com,thiagordu@algartech.com</t>
  </si>
  <si>
    <t>https://udpwfmniceap02/pt_br/web/guest/home?p_auth=l22mxkq7&amp;p_p_id=58&amp;p_p_lifecycle=1&amp;p_p_state=maximized&amp;p_p_mode=view&amp;savelastpath=0&amp;_58_struts_action=/login/forgot_password</t>
  </si>
  <si>
    <t>f8b9977c-78b8-4d97-9820-45cb8d30d749.tmp</t>
  </si>
  <si>
    <t>\\acsfs\profiles$\Flaviojmm\Downloads\f8b9977c-78b8-4d97-9820-45cb8d30d749.tmp</t>
  </si>
  <si>
    <t>10.200.66.144</t>
  </si>
  <si>
    <t>64-1C-67-9D-1E-33</t>
  </si>
  <si>
    <t>VOTORANT-LB015</t>
  </si>
  <si>
    <t>ROGERIO FONSECA DUARTE_1_6775035997256235636_1_32.wav</t>
  </si>
  <si>
    <t>\\acsfs\Deptos\EDUCACAO EMPRESARIAL\KÉSIA\Ligações 1º Ciclo - Janeiro 2020\ROGERIO FONSECA DUARTE_1_6775035997256235636_1_32.wav</t>
  </si>
  <si>
    <t>1a8b9b9c-a07d-453b-a01d-bab9c2eec8b0.tmp</t>
  </si>
  <si>
    <t>\\acsfs\profiles$\quindaizaagds\Downloads\1a8b9b9c-a07d-453b-a01d-bab9c2eec8b0.tmp</t>
  </si>
  <si>
    <t>66165673-b3c6-416b-8ea2-e78314582617.tmp</t>
  </si>
  <si>
    <t>\\acsfs\profiles$\nayarasds\Downloads\66165673-b3c6-416b-8ea2-e78314582617.tmp</t>
  </si>
  <si>
    <t>6ed0a9c1-1ae6-4564-bc3a-4c6e6133722d.tmp</t>
  </si>
  <si>
    <t>\\acsfs\profiles$\joselrb\Downloads\6ed0a9c1-1ae6-4564-bc3a-4c6e6133722d.tmp</t>
  </si>
  <si>
    <t>00354197-3581-47e4-a53a-15c77d8bdd53.tmp</t>
  </si>
  <si>
    <t>\\acsfs\profiles$\quindaizaagds\Downloads\00354197-3581-47e4-a53a-15c77d8bdd53.tmp</t>
  </si>
  <si>
    <t>b33a5662-9a6a-4f5a-9521-cead48f5da32.tmp</t>
  </si>
  <si>
    <t>\\acsfs\profiles$\KARENDSR\Downloads\b33a5662-9a6a-4f5a-9521-cead48f5da32.tmp</t>
  </si>
  <si>
    <t>NATANAEL LAURENCIO FURTADO (6749).contact</t>
  </si>
  <si>
    <t>\\acsfs\profiles$\NatanaelLF\Contacts\NATANAEL LAURENCIO FURTADO (6749).contact</t>
  </si>
  <si>
    <t>10.200.32.93</t>
  </si>
  <si>
    <t>54-BF-64-F5-7F-74</t>
  </si>
  <si>
    <t>ROSELIA MARIA DA CRUZ_1_6774838317091468536_1_32.wav</t>
  </si>
  <si>
    <t>\\acsfs\Deptos\EDUCACAO EMPRESARIAL\KÉSIA\Ligações 1º Ciclo - Janeiro 2020\ROSELIA MARIA DA CRUZ_1_6774838317091468536_1_32.wav</t>
  </si>
  <si>
    <t>1785d0d0-0821-4fc9-b793-c4be4718ffdf.tmp</t>
  </si>
  <si>
    <t>\\acsfs\profiles$\geovannasm\Downloads\1785d0d0-0821-4fc9-b793-c4be4718ffdf.tmp</t>
  </si>
  <si>
    <t>bf94582e-d219-4848-982b-8c145df905ca.tmp</t>
  </si>
  <si>
    <t>\\acsfs\profiles$\geovannasm\Downloads\bf94582e-d219-4848-982b-8c145df905ca.tmp</t>
  </si>
  <si>
    <t>lu14992jo6l6.tmp</t>
  </si>
  <si>
    <t>\\acsfs\profiles$\BRUNAAR\Numero\lu14992jo6l6.tmp</t>
  </si>
  <si>
    <t>50a9821b-d238-49df-9f71-f555878de5eb.tmp</t>
  </si>
  <si>
    <t>\\acsfs\profiles$\gabrielafs\Downloads\50a9821b-d238-49df-9f71-f555878de5eb.tmp</t>
  </si>
  <si>
    <t>f1e58bae-194d-467c-b3f0-a57732f8739b.tmp</t>
  </si>
  <si>
    <t>\\acsfs\profiles$\vivianalds\Downloads\f1e58bae-194d-467c-b3f0-a57732f8739b.tmp</t>
  </si>
  <si>
    <t>https://udpwfmniceap02/web/guest/home?p_auth=jzp6z5rr&amp;p_p_id=58&amp;p_p_lifecycle=1&amp;p_p_state=maximized&amp;p_p_mode=view&amp;savelastpath=0&amp;_58_struts_action=/login/forgot_password</t>
  </si>
  <si>
    <t>andrelpsa@algartech.com;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-48lpdnmzlhq25spv4dswg1l35e46hvmz9i5kv;flora.lira@bv.com.br;gabrielsma@algartech.com;mirianppb@algartech.com;tjqp_l9mdxfwlvdugwgjhp9s_lwapbsc5ag2ftywcvdfaimsgzdn0deohrylie8r0x_keva9todb4z4xqe64sxryw3_yqtq_sxmml_aj-eq-j_phxmsoiffolaattsluopzjkp8s2du5iutbdjn2uqhk4-5eeza6lioiqk9qqpe7urvfl_hbbc1c9zlujnok92akh5faqk235m0kqxg1jagnr9zlpunwiwlugagzrpxhejnteeredrdy_hcqwb3_nj9wqba;</t>
  </si>
  <si>
    <t>andrelpsa@algartech.com,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-48lpdnmzlhq25spv4dswg1l35e46hvmz9i5kv,flora.lira@bv.com.br,gabrielsma@algartech.com,mirianppb@algartech.com,tjqp_l9mdxfwlvdugwgjhp9s_lwapbsc5ag2ftywcvdfaimsgzdn0deohrylie8r0x_keva9todb4z4xqe64sxryw3_yqtq_sxmml_aj-eq-j_phxmsoiffolaattsluopzjkp8s2du5iutbdjn2uqhk4-5eeza6lioiqk9qqpe7urvfl_hbbc1c9zlujnok92akh5faqk235m0kqxg1jagnr9zlpunwiwlugagzrpxhejnteeredrdy_hcqwb3_nj9wqba</t>
  </si>
  <si>
    <t>mail.google.com/sync/u/0/i/s?hl=pt-BR&amp;c=1185</t>
  </si>
  <si>
    <t>andrelpsa@algartech.com;flora.lira@bv.com.br;gabrielsma@algartech.com;mirianppb@algartech.com;</t>
  </si>
  <si>
    <t>andrelpsa@algartech.com,flora.lira@bv.com.br,gabrielsma@algartech.com,mirianppb@algartech.com</t>
  </si>
  <si>
    <t>e1e1decf-90ee-470c-aadf-ca99709980e6.tmp</t>
  </si>
  <si>
    <t>\\acsfs\profiles$\francislayneads\Downloads\e1e1decf-90ee-470c-aadf-ca99709980e6.tmp</t>
  </si>
  <si>
    <t>Preco atual bradesco.xlsx</t>
  </si>
  <si>
    <t>\\Acsfs\dsti\GAT\CIT - Coordenacao Inteligencia de TI\RELATORIOS FPW\Controle\SOBREAVISO\JANEIRO\</t>
  </si>
  <si>
    <t>Equipe moises -Santander Esfera Sobreaviso Janeiro 2020.xlsx</t>
  </si>
  <si>
    <t>thaisbrs@algartech.com.br</t>
  </si>
  <si>
    <t>marcellarr@algartech.com.br;marcotvo@algartech.com;rafaelaas@algartech.com;rayannedg@algartech.com.br;suciellerr@algartech.com.br;</t>
  </si>
  <si>
    <t>Análise de Qualidade_OTJ Prime Vendas</t>
  </si>
  <si>
    <t>OTJ_Rafa.xlsx</t>
  </si>
  <si>
    <t>marcellarr@algartech.com.br,marcotvo@algartech.com,rafaelaas@algartech.com,rayannedg@algartech.com.br,suciellerr@algartech.com.br</t>
  </si>
  <si>
    <t>\\acsfs\Deptos\Operacao\Banco_Votorantim\Supervisao\Maristela\CRBV vendas\Desligamento\</t>
  </si>
  <si>
    <t>Movimentação de UG.txt</t>
  </si>
  <si>
    <t>\\acsfs\Deptos\Operacao\Banco_Votorantim\Supervisao\Maristela\CRBV vendas\Desligamento\Movimentação de UG.txt</t>
  </si>
  <si>
    <t>1e45ba10-3dba-4cad-9491-9611670b3883.tmp</t>
  </si>
  <si>
    <t>\\acsfs\profiles$\nayarasds\Downloads\1e45ba10-3dba-4cad-9491-9611670b3883.tmp</t>
  </si>
  <si>
    <t>540eb87a-6aeb-435c-a9f7-f078f1075bb8.tmp</t>
  </si>
  <si>
    <t>\\acsfs\profiles$\Flaviojmm\Downloads\540eb87a-6aeb-435c-a9f7-f078f1075bb8.tmp</t>
  </si>
  <si>
    <t>mail.google.com/sync/u/0/i/s?hl=pt-BR&amp;c=1192</t>
  </si>
  <si>
    <t>mail.google.com/sync/u/0/i/s?hl=pt-BR&amp;c=1194</t>
  </si>
  <si>
    <t>"condicaoquery":""};"mozilla/5.0 (windows nt 6.1) applewebkit/537.36 (khtml;"valor":"";"valortexto":"";0;1;100); padding-top: 1px; padding-right: 1px; padding-left: 1px; vertical-align: bottom; white-space: nowrap;\"&gt;matrícula&lt;/td&gt;\n &lt;/tr&gt;\n &lt;tr height=\"17\" style=\"height: 12.75pt;\"&gt;\n &lt;td height=\"17\" style=\"height: 12.75pt; border-top: none; color: black; font-size: 8pt; font-family: calibri; text-align: center; border-right: none; border-bottom: 0.5pt solid black; border-left: none; padding-top: 1px; padding-right: 1px; padding-left: 1px; vertical-align: bottom; white-space: nowrap;\"&gt;bv crbv -\n flavia constantina nogueira - 069919&lt;/td&gt;\n &lt;td style=\"border-top: none; color: black; font-size: 8pt; font-family: calibri; text-align: center; border-right: none; border-bottom: 0.5pt solid black; border-left: none; padding-top: 1px; padding-right: 1px; padding-left: 1px; vertical-align: bottom; white-space: nowrap;\"&gt;guilherme augusto bezerra santos&lt;/td&gt;\n &lt;td style=\"border-top: none; color: black; font-</t>
  </si>
  <si>
    <t>"condicaoquery":""},"mozilla/5.0 (windows nt 6.1) applewebkit/537.36 (khtml,"valor":"","valortexto":"",0,1,100); padding-top: 1px; padding-right: 1px; padding-left: 1px; vertical-align: bottom; white-space: nowrap;\"&gt;matrícula&lt;/td&gt;\n &lt;/tr&gt;\n &lt;tr height=\"17\" style=\"height: 12.75pt;\"&gt;\n &lt;td height=\"17\" style=\"height: 12.75pt; border-top: none; color: black; font-size: 8pt; font-family: calibri; text-align: center; border-right: none; border-bottom: 0.5pt solid black; border-left: none; padding-top: 1px; padding-right: 1px; padding-left: 1px; vertical-align: bottom; white-space: nowrap;\"&gt;bv crbv -\n flavia constantina nogueira - 069919&lt;/td&gt;\n &lt;td style=\"border-top: none; color: black; font-size: 8pt; font-family: calibri; text-align: center; border-right: none; border-bottom: 0.5pt solid black; border-left: none; padding-top: 1px; padding-right: 1px; padding-left: 1px; vertical-align: bottom; white-space: nowrap;\"&gt;guilherme augusto bezerra santos&lt;/td&gt;\n &lt;td style=\"border-top: none; color: black; font-</t>
  </si>
  <si>
    <t>"mozilla/5.0 (windows nt 6.1) applewebkit/537.36 (khtml;1;13;13700167;13700185;13700235;13700451;13700607;13700883;13700946;13700951;1370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5701393;[[13701214;andrelpsa@algartech.com;false];flora.lira@bv.com.br;gabrielsma@algartech.com;gampqtp7yn6iriu24ksnqvk-esmg4wwpxf";like gecko) chrome/79.0.3945.88 safari/537.36";mirianppb@algartech.com;null;pt-br;</t>
  </si>
  <si>
    <t>"mozilla/5.0 (windows nt 6.1) applewebkit/537.36 (khtml,1,13,13700167,13700185,13700235,13700451,13700607,13700883,13700946,13700951,1370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5701393,[[13701214,andrelpsa@algartech.com,false],flora.lira@bv.com.br,gabrielsma@algartech.com,gampqtp7yn6iriu24ksnqvk-esmg4wwpxf",like gecko) chrome/79.0.3945.88 safari/537.36",mirianppb@algartech.com,null,pt-br</t>
  </si>
  <si>
    <t>VIVIANA LEONEL DA SILVA_1_6773680140505393368_1_32.wav</t>
  </si>
  <si>
    <t>\\acsfs\Deptos\EDUCACAO EMPRESARIAL\KÉSIA\Ligações 1º Ciclo - Janeiro 2020\VIVIANA LEONEL DA SILVA_1_6773680140505393368_1_32.wav</t>
  </si>
  <si>
    <t>ec9b38ba-2fec-4427-9b91-c19d4d06d62e.tmp</t>
  </si>
  <si>
    <t>\\acsfs\profiles$\ROZENCAM\Downloads\ec9b38ba-2fec-4427-9b91-c19d4d06d62e.tmp</t>
  </si>
  <si>
    <t>d3f185e6-7706-4d3e-a29d-3e587398d28a.tmp</t>
  </si>
  <si>
    <t>\\acsfs\profiles$\ERICALSR\Downloads\d3f185e6-7706-4d3e-a29d-3e587398d28a.tmp</t>
  </si>
  <si>
    <t>5e498788-0ecc-4d6e-b6ed-45705f46abac.tmp</t>
  </si>
  <si>
    <t>\\acsfs\profiles$\lucasgpe\Downloads\5e498788-0ecc-4d6e-b6ed-45705f46abac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</t>
  </si>
  <si>
    <t>C:\Users\gustavodsil\Pictures\</t>
  </si>
  <si>
    <t>horario.JPG</t>
  </si>
  <si>
    <t>9595fcb3-5ec0-4889-bdb5-2f5a0386d6ca.tmp</t>
  </si>
  <si>
    <t>\\acsfs\profiles$\henriqueco\Downloads\9595fcb3-5ec0-4889-bdb5-2f5a0386d6ca.tmp</t>
  </si>
  <si>
    <t>alefl@algartech.com;alessandroam@algartech.com;andrelpsa@algartech.com;josemfs@algartech.com;marianesg@algartech.com;mirianppb@algartech.com;thiagordu@algartech.com;</t>
  </si>
  <si>
    <t>alefl@algartech.com,alessandroam@algartech.com,andrelpsa@algartech.com,josemfs@algartech.com,marianesg@algartech.com,mirianppb@algartech.com,thiagordu@algartech.com</t>
  </si>
  <si>
    <t>7b6392e2-61dd-4690-9414-eea683a37d84.tmp</t>
  </si>
  <si>
    <t>\\acsfs\profiles$\mariajra\Downloads\7b6392e2-61dd-4690-9414-eea683a37d84.tmp</t>
  </si>
  <si>
    <t>7007e430-5fb8-4f3f-9c9b-3bf58122a496.tmp</t>
  </si>
  <si>
    <t>\\acsfs\profiles$\ayalabfi\Downloads\7007e430-5fb8-4f3f-9c9b-3bf58122a496.tmp</t>
  </si>
  <si>
    <t>Dimensionamento_Janeiro Financeira 1º ciclo (4).xlsx</t>
  </si>
  <si>
    <t>\\acsfs\DEPTOS\Operacao\Banco_Votorantim\Qualidade\Anderson\Dimensionamento Elii kk\Dimensionamento_Janeiro Financeira 1º ciclo (4).xlsx</t>
  </si>
  <si>
    <t>\\acsfs\DEPTOS\Operacao\Banco_Votorantim\Qualidade\Anderson\Dimensionamento Elii kk\Dimensionamento_Janeiro Financeira 1º ciclo (4).xlsx\</t>
  </si>
  <si>
    <t>\\acsfs\DEPTOS\Operacao\Banco_Votorantim\Qualidade\Anderson\Dimensionamento Elii kk\Dimensionamento_Janeiro Financeira 1º ciclo (4).xlsx\:Zone.Identifier:$DATA</t>
  </si>
  <si>
    <t>180a467e-865e-4b37-bd32-4de447b82b28.tmp</t>
  </si>
  <si>
    <t>\\acsfs\profiles$\KARENDSR\Downloads\180a467e-865e-4b37-bd32-4de447b82b28.tmp</t>
  </si>
  <si>
    <t>9e763a38-2969-49a4-b140-0da9215e4a4f.tmp</t>
  </si>
  <si>
    <t>\\acsfs\profiles$\henriqueco\Downloads\9e763a38-2969-49a4-b140-0da9215e4a4f.tmp</t>
  </si>
  <si>
    <t>aa676a53-64a9-46c4-a307-15b5e7e756cc.tmp</t>
  </si>
  <si>
    <t>\\acsfs\profiles$\PEDROHAB\Downloads\aa676a53-64a9-46c4-a307-15b5e7e756cc.tmp</t>
  </si>
  <si>
    <t>bc624fec-a8a6-46b2-ad7f-4ff05b2a65c4.tmp</t>
  </si>
  <si>
    <t>\\acsfs\profiles$\regisedsj\Downloads\bc624fec-a8a6-46b2-ad7f-4ff05b2a65c4.tmp</t>
  </si>
  <si>
    <t>5bf0d97f-cbe1-4190-a161-1af8ed3b2ec9.tmp</t>
  </si>
  <si>
    <t>\\acsfs\profiles$\regisedsj\Downloads\5bf0d97f-cbe1-4190-a161-1af8ed3b2ec9.tmp</t>
  </si>
  <si>
    <t>9c4a0b7e-c1ad-496d-a321-7567300c1b2a.tmp</t>
  </si>
  <si>
    <t>\\acsfs\profiles$\geovannasm\Downloads\9c4a0b7e-c1ad-496d-a321-7567300c1b2a.tmp</t>
  </si>
  <si>
    <t>5aa4bc12-0ef4-4334-8075-b89bacef7003.tmp</t>
  </si>
  <si>
    <t>\\acsfs\profiles$\geovannasm\Downloads\5aa4bc12-0ef4-4334-8075-b89bacef7003.tmp</t>
  </si>
  <si>
    <t>lu14992jo6la.tmp</t>
  </si>
  <si>
    <t>\\acsfs\profiles$\BRUNAAR\Numero\lu14992jo6la.tmp</t>
  </si>
  <si>
    <t>eeb64e4a-068a-44ff-86cc-9a1f78962afe.tmp</t>
  </si>
  <si>
    <t>\\acsfs\profiles$\inarajst\Downloads\eeb64e4a-068a-44ff-86cc-9a1f78962afe.tmp</t>
  </si>
  <si>
    <t>fe50a800-b879-46be-87bc-2cf8ea2a3d99.tmp</t>
  </si>
  <si>
    <t>\\acsfs\profiles$\regisedsj\Downloads\fe50a800-b879-46be-87bc-2cf8ea2a3d99.tmp</t>
  </si>
  <si>
    <t>https://joaogvc@algartech.com,katia.cardoso@bv.com.br,marianadjc@algartech.com,planejamentodeoperacoesetrafego@bv.com.br,rafaelggs@algartech.com,ricardodfm@algartech.com.br,taysdss@algartech.com,viniciussg@algartech.com</t>
  </si>
  <si>
    <t>c5912b24-2f99-4311-bdeb-65fd8478ba1d.tmp</t>
  </si>
  <si>
    <t>\\acsfs\profiles$\LUISPLS\Downloads\c5912b24-2f99-4311-bdeb-65fd8478ba1d.tmp</t>
  </si>
  <si>
    <t>b15c9d62-19b6-4296-90a8-26ef69786f08.tmp</t>
  </si>
  <si>
    <t>\\acsfs\profiles$\LUISPLS\Downloads\b15c9d62-19b6-4296-90a8-26ef69786f08.tmp</t>
  </si>
  <si>
    <t>Rescisão Sara preenchido..pdf.7z</t>
  </si>
  <si>
    <t>C:\Users\robsonams\Desktop\Rescisão Sara preenchido..pdf.7z\</t>
  </si>
  <si>
    <t>RescisÃ£o Sara preenchido..pdf</t>
  </si>
  <si>
    <t>22c63a65-7035-44a1-a113-751dea177939.tmp</t>
  </si>
  <si>
    <t>\\acsfs\profiles$\ALYNYA\Downloads\22c63a65-7035-44a1-a113-751dea177939.tmp</t>
  </si>
  <si>
    <t>andreysda</t>
  </si>
  <si>
    <t>C:\SACBV\</t>
  </si>
  <si>
    <t>Copia-CPF-CNPJ-CLIENTE.txt</t>
  </si>
  <si>
    <t>C:\DNK\</t>
  </si>
  <si>
    <t>DNK DesktopAgent.lnk</t>
  </si>
  <si>
    <t>log4j.xml</t>
  </si>
  <si>
    <t>logoDNK52_52.ico</t>
  </si>
  <si>
    <t>logoDNK32_32.ico</t>
  </si>
  <si>
    <t>log4j-CTI.xml</t>
  </si>
  <si>
    <t>C:\Windows\assembly\</t>
  </si>
  <si>
    <t>C:\Windows\</t>
  </si>
  <si>
    <t>TSCCensus.exe</t>
  </si>
  <si>
    <t>https://algar.folhasinergyrh.com.br/rescisao/upload?id=0&amp;idsolicitacao=20092&amp;idprerescisao=0</t>
  </si>
  <si>
    <t>10/01/2020;</t>
  </si>
  <si>
    <t>https://10/01/2020</t>
  </si>
  <si>
    <t>lu14992jo6le.tmp</t>
  </si>
  <si>
    <t>\\acsfs\profiles$\BRUNAAR\Numero\lu14992jo6le.tmp</t>
  </si>
  <si>
    <t>6abc7ecb-4dfb-4a00-bd8f-22c04d9bcde6.tmp</t>
  </si>
  <si>
    <t>\\acsfs\profiles$\adelvinsonle\Downloads\6abc7ecb-4dfb-4a00-bd8f-22c04d9bcde6.tmp</t>
  </si>
  <si>
    <t>105db98e-bcbd-4314-bb81-6374553108fd.tmp</t>
  </si>
  <si>
    <t>\\acsfs\profiles$\cintiadcf\Downloads\105db98e-bcbd-4314-bb81-6374553108fd.tmp</t>
  </si>
  <si>
    <t>c1424aa5-a134-4acd-ba37-7cf8ea5c17b7.tmp</t>
  </si>
  <si>
    <t>\\acsfs\profiles$\cintiadcf\Downloads\c1424aa5-a134-4acd-ba37-7cf8ea5c17b7.tmp</t>
  </si>
  <si>
    <t>f5f0b0e0-5e7e-44ad-9161-2c1265ee77ff.tmp</t>
  </si>
  <si>
    <t>\\acsfs\profiles$\vivianalds\Downloads\f5f0b0e0-5e7e-44ad-9161-2c1265ee77ff.tmp</t>
  </si>
  <si>
    <t>d4f10dbb-98a6-4962-8ce6-794e87b30ae4.tmp</t>
  </si>
  <si>
    <t>\\acsfs\profiles$\paulovadc\Downloads\d4f10dbb-98a6-4962-8ce6-794e87b30ae4.tmp</t>
  </si>
  <si>
    <t>b983d163-6153-4ce3-b0be-32d9f7b9df27.tmp</t>
  </si>
  <si>
    <t>\\acsfs\profiles$\LUISPLS\Downloads\b983d163-6153-4ce3-b0be-32d9f7b9df27.tmp</t>
  </si>
  <si>
    <t>RELATORIO DE LOGIN - FINANCEIRA - 08-01 - Cópia.xlsm</t>
  </si>
  <si>
    <t>\\acsfs\DEPTOS\Operacao\PCP\5 - Comum\PLANEJAMENTO BV\14 - ACOMPANHAMENTO\1 - REPORT ACOMPANHAMENTO\2020\1 - JANEIRO\FINANCEIRA\Login Logout Financeira\RELATORIO DE LOGIN - FINANCEIRA - 08-01 - Cópia.xlsm</t>
  </si>
  <si>
    <t>\\acsfs\profiles$\Angelicacldr\Downloads\</t>
  </si>
  <si>
    <t>47eaae5c-dee3-4838-9ef0-9c57d74bfc4a.tmp</t>
  </si>
  <si>
    <t>\\acsfs\profiles$\Angelicacldr\Downloads\47eaae5c-dee3-4838-9ef0-9c57d74bfc4a.tmp</t>
  </si>
  <si>
    <t>Não confirmado 796666.crdownload</t>
  </si>
  <si>
    <t>\\acsfs\profiles$\Angelicacldr\Downloads\Não confirmado 796666.crdownload</t>
  </si>
  <si>
    <t>5fd99ce7-cc9e-4c3a-b7f1-cf34c4cd346b.tmp</t>
  </si>
  <si>
    <t>\\acsfs\profiles$\Angelicacldr\Downloads\5fd99ce7-cc9e-4c3a-b7f1-cf34c4cd346b.tmp</t>
  </si>
  <si>
    <t>Não confirmado 99777.crdownload</t>
  </si>
  <si>
    <t>\\acsfs\profiles$\Angelicacldr\Downloads\Não confirmado 99777.crdownload</t>
  </si>
  <si>
    <t>f2b2b6ce-cdc6-4a60-9b09-a74ac385cb4a.tmp</t>
  </si>
  <si>
    <t>\\acsfs\profiles$\Angelicacldr\Downloads\f2b2b6ce-cdc6-4a60-9b09-a74ac385cb4a.tmp</t>
  </si>
  <si>
    <t>b7e19472-998b-4e83-9030-f2ebf910bbc9.tmp</t>
  </si>
  <si>
    <t>\\acsfs\profiles$\inarajst\Downloads\b7e19472-998b-4e83-9030-f2ebf910bbc9.tmp</t>
  </si>
  <si>
    <t>3924c686-bc43-4d79-8b78-3529d1f7b32f.tmp</t>
  </si>
  <si>
    <t>\\acsfs\profiles$\paulovadc\Downloads\3924c686-bc43-4d79-8b78-3529d1f7b32f.tmp</t>
  </si>
  <si>
    <t>69bc5371-da9a-42de-9d8b-2cc81b40a3f0.tmp</t>
  </si>
  <si>
    <t>\\acsfs\profiles$\geovannasm\Downloads\69bc5371-da9a-42de-9d8b-2cc81b40a3f0.tmp</t>
  </si>
  <si>
    <t>lu14992jo6li.tmp</t>
  </si>
  <si>
    <t>\\acsfs\profiles$\BRUNAAR\Numero\lu14992jo6li.tmp</t>
  </si>
  <si>
    <t>3d2f3bf5-61c5-49e5-a38b-97883db2ed2f.tmp</t>
  </si>
  <si>
    <t>\\acsfs\profiles$\ayalabfi\Downloads\3d2f3bf5-61c5-49e5-a38b-97883db2ed2f.tmp</t>
  </si>
  <si>
    <t>d52a9ebe-8592-4dd3-8269-1c165abefc7a.tmp</t>
  </si>
  <si>
    <t>\\acsfs\profiles$\marcellewdl\Downloads\d52a9ebe-8592-4dd3-8269-1c165abefc7a.tmp</t>
  </si>
  <si>
    <t>MONITOR POR UM DIA.xlsx</t>
  </si>
  <si>
    <t>\\acsfs\DEPTOS\EDUCACAO EMPRESARIAL\2 - Operações\0 - BV\1 - TREINADORES\MONITOR POR UM DIA.xlsx</t>
  </si>
  <si>
    <t>49192b6d-005e-42a9-bad3-6c818649e087.tmp</t>
  </si>
  <si>
    <t>\\acsfs\profiles$\LUISPLS\Downloads\49192b6d-005e-42a9-bad3-6c818649e087.tmp</t>
  </si>
  <si>
    <t>b40a3307-dc00-4b12-aa53-43471e628640.tmp</t>
  </si>
  <si>
    <t>\\acsfs\profiles$\geovannasm\Downloads\b40a3307-dc00-4b12-aa53-43471e628640.tmp</t>
  </si>
  <si>
    <t>9d929518-568f-4dc8-9e16-4e377ceff522.tmp</t>
  </si>
  <si>
    <t>\\acsfs\profiles$\geovannasm\Downloads\9d929518-568f-4dc8-9e16-4e377ceff522.tmp</t>
  </si>
  <si>
    <t>4de1097e-0d2d-4fc5-af4c-5d6045e48b48.tmp</t>
  </si>
  <si>
    <t>\\acsfs\profiles$\ERICALSR\Downloads\4de1097e-0d2d-4fc5-af4c-5d6045e48b48.tmp</t>
  </si>
  <si>
    <t>8c3e9232-b696-4d6c-949f-e2eea76a3b1b.tmp</t>
  </si>
  <si>
    <t>\\acsfs\profiles$\marcosvnds\Downloads\8c3e9232-b696-4d6c-949f-e2eea76a3b1b.tmp</t>
  </si>
  <si>
    <t>6cea39b2-a3ba-4fed-aca8-39331882c1d8.tmp</t>
  </si>
  <si>
    <t>\\acsfs\profiles$\marcosvnds\Downloads\6cea39b2-a3ba-4fed-aca8-39331882c1d8.tmp</t>
  </si>
  <si>
    <t>d152be0c-7d89-474c-8c58-1b490c73333e.tmp</t>
  </si>
  <si>
    <t>\\acsfs\profiles$\marcosvnds\Downloads\d152be0c-7d89-474c-8c58-1b490c73333e.tmp</t>
  </si>
  <si>
    <t>62b43c5c-45f0-4fef-8be6-b97ae0227a34.tmp</t>
  </si>
  <si>
    <t>\\acsfs\profiles$\marcosvnds\Downloads\62b43c5c-45f0-4fef-8be6-b97ae0227a34.tmp</t>
  </si>
  <si>
    <t>b66d7ca7-9afc-48d1-94c5-a76cce885816.tmp</t>
  </si>
  <si>
    <t>\\acsfs\profiles$\marcosvnds\Downloads\b66d7ca7-9afc-48d1-94c5-a76cce885816.tmp</t>
  </si>
  <si>
    <t>RELATORIO DE LOGIN - FINANCEIRA - 09-01.xlsm</t>
  </si>
  <si>
    <t>\\acsfs\DEPTOS\Operacao\PCP\5 - Comum\PLANEJAMENTO BV\14 - ACOMPANHAMENTO\1 - REPORT ACOMPANHAMENTO\2020\1 - JANEIRO\FINANCEIRA\Login Logout Financeira\RELATORIO DE LOGIN - FINANCEIRA - 09-01.xlsm</t>
  </si>
  <si>
    <t>https://joaogvc@algartech.com,katia.cardoso@bv.com.br,marianadjc@algartech.com,planejamentodeoperacoesetrafego@bv.com.br,ricardodfm@algartech.com.br,taysdss@algartech.com,viniciussg@algartech.com</t>
  </si>
  <si>
    <t>6249b28f-eec8-49bd-8ec5-904c264e682a.tmp</t>
  </si>
  <si>
    <t>\\acsfs\profiles$\quindaizaagds\Downloads\6249b28f-eec8-49bd-8ec5-904c264e682a.tmp</t>
  </si>
  <si>
    <t>outlook.office.com/owa/service.svc?action=CreateItem&amp;app=Mail&amp;n=404</t>
  </si>
  <si>
    <t>andrelpsa@algartech.com;eliane.martins@bv.com.br;harunams@algartech.com;janaina.pereira@bv.com.br;laylladdps@bv.algartech.com;luizffn@algartech.com;mirianppb@algartech.com;qualidadealgarbv@algartech.com;</t>
  </si>
  <si>
    <t>andrelpsa@algartech.com,eliane.martins@bv.com.br,harunams@algartech.com,janaina.pereira@bv.com.br,laylladdps@bv.algartech.com,luizffn@algartech.com,mirianppb@algartech.com,qualidadealgarbv@algartech.com</t>
  </si>
  <si>
    <t>outlook.office.com/owa/service.svc?action=CreateItem&amp;app=Mail&amp;n=417</t>
  </si>
  <si>
    <t>ae2baaa8-fdda-4d5b-a6cd-3466e51c8fd0.tmp</t>
  </si>
  <si>
    <t>\\acsfs\profiles$\cintiadcf\Downloads\ae2baaa8-fdda-4d5b-a6cd-3466e51c8fd0.tmp</t>
  </si>
  <si>
    <t>7a4c981a-4b89-4674-91fc-2165ca909bc5.tmp</t>
  </si>
  <si>
    <t>\\acsfs\profiles$\leticiala\Downloads\7a4c981a-4b89-4674-91fc-2165ca909bc5.tmp</t>
  </si>
  <si>
    <t>f65aef5d-53c9-45cb-832f-47708eeeb0b7.tmp</t>
  </si>
  <si>
    <t>\\acsfs\profiles$\marcosvnds\Downloads\f65aef5d-53c9-45cb-832f-47708eeeb0b7.tmp</t>
  </si>
  <si>
    <t>dc765fa4-0b37-477f-a906-fb86f85bd262.tmp</t>
  </si>
  <si>
    <t>\\acsfs\profiles$\marcosvnds\Downloads\dc765fa4-0b37-477f-a906-fb86f85bd262.tmp</t>
  </si>
  <si>
    <t>8c5181ee-1945-4a03-8461-98ce004ea915.tmp</t>
  </si>
  <si>
    <t>\\acsfs\profiles$\marcosvnds\Downloads\8c5181ee-1945-4a03-8461-98ce004ea915.tmp</t>
  </si>
  <si>
    <t>9209f796-85ac-470d-9d37-1111e5ddcbb9.tmp</t>
  </si>
  <si>
    <t>\\acsfs\profiles$\marcosvnds\Downloads\9209f796-85ac-470d-9d37-1111e5ddcbb9.tmp</t>
  </si>
  <si>
    <t>andrelpsa@algartech.com;joaogvc@algartech.com;katia.cardoso@bv.com.br;leonardoao@algartech.com;paulacn@algartech.com;rafaelggs@algartech.com;robsonams@algartech.com;taysdss@algartech.com;viniciussg@algartech.com;</t>
  </si>
  <si>
    <t>andrelpsa@algartech.com,joaogvc@algartech.com,katia.cardoso@bv.com.br,leonardoao@algartech.com,paulacn@algartech.com,rafaelggs@algartech.com,robsonams@algartech.com,taysdss@algartech.com,viniciussg@algartech.com</t>
  </si>
  <si>
    <t>andrelpsa@algartech.com;joaogvc@algartech.com;katia.cardoso@bv.com.br;leonardoao@algartech.com;paulacn@algartech.com;rafaelggs@algartech.com;robsonams@algartech.com;supervisaobancovotorantim@algartech.com;taysdss@algartech.com;viniciussg@algartech.com;</t>
  </si>
  <si>
    <t>andrelpsa@algartech.com,joaogvc@algartech.com,katia.cardoso@bv.com.br,leonardoao@algartech.com,paulacn@algartech.com,rafaelggs@algartech.com,robsonams@algartech.com,supervisaobancovotorantim@algartech.com,taysdss@algartech.com,viniciussg@algartech.com</t>
  </si>
  <si>
    <t>andrelpsa@algartech.com;joaogvc@algartech.com;leonardoao@algartech.com;marianadjc@algartech.com;paulacn@algartech.com;rafaelggs@algartech.com;robsonams@algartech.com;supervisaobancovotorantim@algartech.com;taysdss@algartech.com;viniciussg@algartech.com;</t>
  </si>
  <si>
    <t>andrelpsa@algartech.com,joaogvc@algartech.com,leonardoao@algartech.com,marianadjc@algartech.com,paulacn@algartech.com,rafaelggs@algartech.com,robsonams@algartech.com,supervisaobancovotorantim@algartech.com,taysdss@algartech.com,viniciussg@algartech.com</t>
  </si>
  <si>
    <t>joaogvc@algartech.com;leonardoao@algartech.com;paulacn@algartech.com;rafaelggs@algartech.com;ricardodfm@algartech.com.br;robsonams@algartech.com;taysdss@algartech.com;viniciussg@algartech.com;</t>
  </si>
  <si>
    <t>joaogvc@algartech.com,leonardoao@algartech.com,paulacn@algartech.com,rafaelggs@algartech.com,ricardodfm@algartech.com.br,robsonams@algartech.com,taysdss@algartech.com,viniciussg@algartech.com</t>
  </si>
  <si>
    <t>andrelpsa@algartech.com;joaogvc@algartech.com;leonardoao@algartech.com;marianadjc@algartech.com;maristelavodq@bv.algartech.com;paulacn@algartech.com;rafaelggs@algartech.com;ricardodfm@algartech.com.br;robsonams@algartech.com;taysdss@algartech.com;viniciussg@algartech.com;</t>
  </si>
  <si>
    <t>andrelpsa@algartech.com,joaogvc@algartech.com,leonardoao@algartech.com,marianadjc@algartech.com,maristelavodq@bv.algartech.com,paulacn@algartech.com,rafaelggs@algartech.com,ricardodfm@algartech.com.br,robsonams@algartech.com,taysdss@algartech.com,viniciussg@algartech.com</t>
  </si>
  <si>
    <t>230594b2-ca94-4363-89f7-df23c1a3f4e1.tmp</t>
  </si>
  <si>
    <t>\\acsfs\profiles$\quindaizaagds\Downloads\230594b2-ca94-4363-89f7-df23c1a3f4e1.tmp</t>
  </si>
  <si>
    <t>\\acsfs\ACS\Gabriel da Silva\Contemporânea\BDBV\EABF48A.tmp\</t>
  </si>
  <si>
    <t>\\acsfs\ACS\Gabriel da Silva\Contemporânea\BDBV\EABF48A.tmp\:Zone.Identifier:$DATA</t>
  </si>
  <si>
    <t>6e99bf34-8788-4ec9-8a39-3af73a39974f.tmp</t>
  </si>
  <si>
    <t>\\acsfs\profiles$\luanarda\Downloads\6e99bf34-8788-4ec9-8a39-3af73a39974f.tmp</t>
  </si>
  <si>
    <t>64bb286d-7314-4b03-8bfb-3e5ea306aca3.tmp</t>
  </si>
  <si>
    <t>\\acsfs\profiles$\marcosvnds\Downloads\64bb286d-7314-4b03-8bfb-3e5ea306aca3.tmp</t>
  </si>
  <si>
    <t>556f65e3-ef51-4917-abc3-a074d62f26ec.tmp</t>
  </si>
  <si>
    <t>\\acsfs\profiles$\marcosvnds\Downloads\556f65e3-ef51-4917-abc3-a074d62f26ec.tmp</t>
  </si>
  <si>
    <t>d1c7fcf8-838f-4edd-99a5-141a943fd876.tmp</t>
  </si>
  <si>
    <t>\\acsfs\profiles$\marcosvnds\Downloads\d1c7fcf8-838f-4edd-99a5-141a943fd876.tmp</t>
  </si>
  <si>
    <t>31/06/1966;__/__/____;</t>
  </si>
  <si>
    <t>https://31/06/1966,__/__/____</t>
  </si>
  <si>
    <t>andrelpsa@algartech.com;joaogvc@algartech.com;leonardoao@algartech.com;marianadjc@algartech.com;paulacn@algartech.com;rafaelggs@algartech.com;ricardodfm@algartech.com.br;robsonams@algartech.com;supervisaobancovotorantim@algartech.com;taysdss@algartech.com;viniciussg@algartech.com;</t>
  </si>
  <si>
    <t>andrelpsa@algartech.com,joaogvc@algartech.com,leonardoao@algartech.com,marianadjc@algartech.com,paulacn@algartech.com,rafaelggs@algartech.com,ricardodfm@algartech.com.br,robsonams@algartech.com,supervisaobancovotorantim@algartech.com,taysdss@algartech.com,viniciussg@algartech.com</t>
  </si>
  <si>
    <t>joaogvc@algartech.com;leonardoao@algartech.com;paulacn@algartech.com;ricardodfm@algartech.com.br;robsonams@algartech.com;taysdss@algartech.com;viniciussg@algartech.com;</t>
  </si>
  <si>
    <t>joaogvc@algartech.com,leonardoao@algartech.com,paulacn@algartech.com,ricardodfm@algartech.com.br,robsonams@algartech.com,taysdss@algartech.com,viniciussg@algartech.com</t>
  </si>
  <si>
    <t>andrelpsa@algartech.com;joaogvc@algartech.com;katia.cardoso@bv.com.br;leonardoao@algartech.com;paulacn@algartech.com;rafaelggs@algartech.com;ricardodfm@algartech.com.br;robsonams@algartech.com;supervisaobancovotorantim@algartech.com;taysdss@algartech.com;viniciussg@algartech.com;</t>
  </si>
  <si>
    <t>andrelpsa@algartech.com,joaogvc@algartech.com,katia.cardoso@bv.com.br,leonardoao@algartech.com,paulacn@algartech.com,rafaelggs@algartech.com,ricardodfm@algartech.com.br,robsonams@algartech.com,supervisaobancovotorantim@algartech.com,taysdss@algartech.com,viniciussg@algartech.com</t>
  </si>
  <si>
    <t>joaogvc@algartech.com;leonardoao@algartech.com;marianadjc@algartech.com;paulacn@algartech.com;planejamentodeoperacoesetrafego@bv.com.br;ricardodfm@algartech.com.br;robsonams@algartech.com;taysdss@algartech.com;viniciussg@algartech.com;</t>
  </si>
  <si>
    <t>joaogvc@algartech.com,leonardoao@algartech.com,marianadjc@algartech.com,paulacn@algartech.com,planejamentodeoperacoesetrafego@bv.com.br,ricardodfm@algartech.com.br,robsonams@algartech.com,taysdss@algartech.com,viniciussg@algartech.com</t>
  </si>
  <si>
    <t>72ba5597-4ac4-462b-a661-911e4c15e08c.tmp</t>
  </si>
  <si>
    <t>\\acsfs\profiles$\geovannasm\Downloads\72ba5597-4ac4-462b-a661-911e4c15e08c.tmp</t>
  </si>
  <si>
    <t>Desligados ALGAR - 03_01 a 09_01.xlsx</t>
  </si>
  <si>
    <t>\\acsfs\ACS\Gabriel da Silva\Contemporânea\BDBV\Desligados ALGAR - 03_01 a 09_01.xlsx</t>
  </si>
  <si>
    <t>outlook.office.com/owa/service.svc?action=CreateItem&amp;app=Mail&amp;n=463</t>
  </si>
  <si>
    <t>algartechcpcbv@algartech.com;andrelpsa@algartech.com;eliane.martins@bv.com.br;flora.lira@bv.com.br;gabrielsma@bv.algartech.com;harunams@algartech.com;janaina.pereira@bv.com.br;jose.gomes@bv.com.br;laylladdps@bv.algartech.com;leonardoao@algartech.com;luizffn@algartech.com;mirianppb@algartech.com;qualidadealgarbv@algartech.com;robsonams@algartech.com;</t>
  </si>
  <si>
    <t>algartechcpcbv@algartech.com,andrelpsa@algartech.com,eliane.martins@bv.com.br,flora.lira@bv.com.br,gabrielsma@bv.algartech.com,harunams@algartech.com,janaina.pereira@bv.com.br,jose.gomes@bv.com.br,laylladdps@bv.algartech.com,leonardoao@algartech.com,luizffn@algartech.com,mirianppb@algartech.com,qualidadealgarbv@algartech.com,robsonams@algartech.com</t>
  </si>
  <si>
    <t>outlook.office.com/owa/service.svc?action=UpdateItem&amp;app=Mail&amp;n=481</t>
  </si>
  <si>
    <t>outlook.office.com/owa/service.svc?action=UpdateItem&amp;app=Mail&amp;n=496</t>
  </si>
  <si>
    <t>outlook.office.com/owa/service.svc?action=CreateItem&amp;app=Mail&amp;n=540</t>
  </si>
  <si>
    <t>algartechcpcbv@algartech.com;andrelpsa@algartech.com;eliane.martins@bv.com.br;flora.lira@bv.com.br;gabrielsma@bv.algartech.com;harunams@algartech.com;janaina.pereira@bv.com.br;jose.gomes@bv.com.br;laylladdps@bv.algartech.com;leonardoao@algartech.com;luanaca@algartech.com;luizffn@algartech.com;mirianppb@algartech.com;qualidadealgarbv@algartech.com;robsonams@algartech.com;</t>
  </si>
  <si>
    <t>algartechcpcbv@algartech.com,andrelpsa@algartech.com,eliane.martins@bv.com.br,flora.lira@bv.com.br,gabrielsma@bv.algartech.com,harunams@algartech.com,janaina.pereira@bv.com.br,jose.gomes@bv.com.br,laylladdps@bv.algartech.com,leonardoao@algartech.com,luanaca@algartech.com,luizffn@algartech.com,mirianppb@algartech.com,qualidadealgarbv@algartech.com,robsonams@algartech.com</t>
  </si>
  <si>
    <t>outlook.office.com/owa/service.svc?action=UpdateItem&amp;app=Mail&amp;n=553</t>
  </si>
  <si>
    <t>mail.google.com/_/upload?authuser=1&amp;dcp=asu-n&amp;upload_id=AEnB2Uqkx-Ywy_u_OWpO0XuDghVdHS8ZR8UQq-e9L07_mdPHj-Gm1_oVzyV0XUpMDUW6nqLCxFtj6bsAlvex0nGbYFro7Zim7sNaJ_LClmyPGT8n3wVYGI4&amp;upload_protocol=resumable</t>
  </si>
  <si>
    <t>C:\Users\brunop\Downloads\</t>
  </si>
  <si>
    <t>Árvore Categorização Whirlpool Ecohouse SAC 10_12 (version final) (1).xls</t>
  </si>
  <si>
    <t>mail.google.com/_/upload?authuser=1&amp;dcp=asu-n&amp;upload_id=AEnB2UqypWtDYFZT4E35l3opgjV3tIpiWMjlJJoRP6OMjzOH3e7FMXOMySBobIOOOwlJ2ilZKzCqlQJYejsCE9Wj7JoV4S5J-DQ8zEQ_Kabp3F1IB2GwWAQ&amp;upload_protocol=resumable</t>
  </si>
  <si>
    <t>CADASTRO TABULAÇÕES X CATEGORIAS (GENESYS) (1).xlsx</t>
  </si>
  <si>
    <t>c193d7e5-51eb-4351-b194-823544fbe47a.tmp</t>
  </si>
  <si>
    <t>\\acsfs\profiles$\marcosvnds\Downloads\c193d7e5-51eb-4351-b194-823544fbe47a.tmp</t>
  </si>
  <si>
    <t>b03b867f-82b5-4fa8-b027-7ba9c3bfcd53.tmp</t>
  </si>
  <si>
    <t>\\acsfs\profiles$\marcosvnds\Downloads\b03b867f-82b5-4fa8-b027-7ba9c3bfcd53.tmp</t>
  </si>
  <si>
    <t>10.211.2.126</t>
  </si>
  <si>
    <t>64-1C-67-9C-32-15</t>
  </si>
  <si>
    <t>C:\Users\leonardo.caetano\Desktop\Repasse Renata x Leonardo\KPMG\Proposta\</t>
  </si>
  <si>
    <t>TRANSACIONAIS KPMG.xlsx</t>
  </si>
  <si>
    <t>C:\Users\leonardo.caetano\Desktop\</t>
  </si>
  <si>
    <t>Senhas do Chrome.csv</t>
  </si>
  <si>
    <t>outlook.office.com/owa/service.svc?action=UpdateItem&amp;app=Mail&amp;n=555</t>
  </si>
  <si>
    <t>outlook.office.com/owa/service.svc?action=UpdateItem&amp;app=Mail&amp;n=557</t>
  </si>
  <si>
    <t>outlook.office.com/owa/service.svc?action=UpdateItem&amp;app=Mail&amp;n=559</t>
  </si>
  <si>
    <t>outlook.office.com/owa/service.svc?action=UpdateItem&amp;app=Mail&amp;n=561</t>
  </si>
  <si>
    <t>outlook.office.com/owa/service.svc?action=UpdateItem&amp;app=Mail&amp;n=563</t>
  </si>
  <si>
    <t>outlook.office.com/owa/service.svc?action=UpdateItem&amp;app=Mail&amp;n=565</t>
  </si>
  <si>
    <t>outlook.office.com/owa/service.svc?action=UpdateItem&amp;app=Mail&amp;n=567</t>
  </si>
  <si>
    <t>outlook.office.com/owa/service.svc?action=UpdateItem&amp;app=Mail&amp;n=570</t>
  </si>
  <si>
    <t>20650eba-bd2c-4798-abe2-743f9eca6aa0.tmp</t>
  </si>
  <si>
    <t>\\acsfs\profiles$\sarahbal\Downloads\20650eba-bd2c-4798-abe2-743f9eca6aa0.tmp</t>
  </si>
  <si>
    <t>micheless@algartech.com.br;misdonegocio@algartech.com.br;</t>
  </si>
  <si>
    <t>Estudo Indicadores</t>
  </si>
  <si>
    <t>micheless@algartech.com.br,misdonegocio@algartech.com.br</t>
  </si>
  <si>
    <t>outlook.office.com/owa/service.svc?action=UpdateItem&amp;app=Mail&amp;n=576</t>
  </si>
  <si>
    <t>5dd6cec1-8c89-4271-91f8-b13462e0dc50.tmp</t>
  </si>
  <si>
    <t>\\acsfs\profiles$\gabrielsma\Downloads\5dd6cec1-8c89-4271-91f8-b13462e0dc50.tmp</t>
  </si>
  <si>
    <t>5ebc6a59-7948-412a-bc4c-fad5d6613d10.tmp</t>
  </si>
  <si>
    <t>\\acsfs\profiles$\ayalabfi\Downloads\5ebc6a59-7948-412a-bc4c-fad5d6613d10.tmp</t>
  </si>
  <si>
    <t>21a4b721-ab96-4623-8d5e-45db29929de2.tmp</t>
  </si>
  <si>
    <t>\\acsfs\profiles$\eduardobb\Downloads\21a4b721-ab96-4623-8d5e-45db29929de2.tmp</t>
  </si>
  <si>
    <t>lu1704811udl3.tmp</t>
  </si>
  <si>
    <t>\\acsfs\profiles$\jonathanwap\lu1704811udl3.tmp</t>
  </si>
  <si>
    <t>\\acsfs\profiles$\jonathanwap\lu1704811udl3.tmp\</t>
  </si>
  <si>
    <t>\\acsfs\profiles$\jonathanwap\lu1704811udl3.tmp\META-INF\</t>
  </si>
  <si>
    <t>\\acsfs\profiles$\jonathanwap\lu1704811udl3.tmp\Thumbnails\</t>
  </si>
  <si>
    <t>c07f22d1-6f2d-47ed-b5e3-9d3fa5488a84.tmp</t>
  </si>
  <si>
    <t>\\acsfs\profiles$\gabrielsma\Downloads\c07f22d1-6f2d-47ed-b5e3-9d3fa5488a84.tmp</t>
  </si>
  <si>
    <t>65c9dfc0-4472-4131-8545-9ddfb7d793e3.tmp</t>
  </si>
  <si>
    <t>\\acsfs\profiles$\gabrielsma\Downloads\65c9dfc0-4472-4131-8545-9ddfb7d793e3.tmp</t>
  </si>
  <si>
    <t>mail.google.com/_/upload?authuser=0&amp;dcp=asu-n&amp;upload_id=AEnB2UouwGsjjVK-9ggRyviTqGBFEe63Pg6fF2fKpoEPIHvgj_Y7oqrvhJyddAb9cfmuV360Hf_Fs-8yrQ-Vzed1DzutERgAwUdSv9JZZc0Cf0gnVRjiMS0&amp;upload_protocol=resumable</t>
  </si>
  <si>
    <t>\\udpavonfs01\AVON\06. PCP\JOSÉ AFONSO DA SILVA NETO\DESKTOP\NOTEBOOK\Volumetria\</t>
  </si>
  <si>
    <t>Volumetria Cornerstone.xlsx</t>
  </si>
  <si>
    <t>73A6CBD2.tmp</t>
  </si>
  <si>
    <t>\\acsfs\ACS\Gabriel da Silva\Contemporânea\Erros Operacionais\73A6CBD2.tmp</t>
  </si>
  <si>
    <t>Ativos 2020.txt</t>
  </si>
  <si>
    <t>\\acsfs\profiles$\vivianealda\Downloads\Ativos 2020.txt</t>
  </si>
  <si>
    <t>92e41617-a96e-4ee0-b7ef-59fc06295aa7.tmp</t>
  </si>
  <si>
    <t>\\acsfs\profiles$\luizffn\Downloads\92e41617-a96e-4ee0-b7ef-59fc06295aa7.tmp</t>
  </si>
  <si>
    <t>Não confirmado 152227.crdownload</t>
  </si>
  <si>
    <t>\\acsfs\profiles$\luizffn\Downloads\Não confirmado 152227.crdownload</t>
  </si>
  <si>
    <t>image2020-01-10-130302.pdf:Zone.Identifier</t>
  </si>
  <si>
    <t>\\acsfs\profiles$\luizffn\Downloads\image2020-01-10-130302.pdf:Zone.Identifier</t>
  </si>
  <si>
    <t>image2020-01-10-130302.pdf</t>
  </si>
  <si>
    <t>\\acsfs\DEPTOS\EDUCACAO EMPRESARIAL\2 - Operações\0 - BV\.PROVAS E ARQUIVOS DE TREINAMENTO\Formação CDC Haruna 02-12\Provas\Prova 09 - CRBV\image2020-01-10-130302.pdf</t>
  </si>
  <si>
    <t>\\acsfs\DEPTOS\EDUCACAO EMPRESARIAL\2 - Operações\0 - BV\.PROVAS E ARQUIVOS DE TREINAMENTO\Formação CDC Haruna 02-12\Provas\Prova 09 - CRBV\image2020-01-10-130302.pdf\</t>
  </si>
  <si>
    <t>\\acsfs\DEPTOS\EDUCACAO EMPRESARIAL\2 - Operações\0 - BV\.PROVAS E ARQUIVOS DE TREINAMENTO\Formação CDC Haruna 02-12\Provas\Prova 09 - CRBV\image2020-01-10-130302.pdf\:Zone.Identifier:$DATA</t>
  </si>
  <si>
    <t>78-2B-CB-C1-06-E6</t>
  </si>
  <si>
    <t>VOTORANT-FB035</t>
  </si>
  <si>
    <t>\\acsfs\profiles$\thaianaads\Documents\</t>
  </si>
  <si>
    <t>\\acsfs\profiles$\thaianaads\Documents\bloco anotações.txt</t>
  </si>
  <si>
    <t>mail.google.com/sync/u/0/i/s?hl=pt-BR&amp;c=812</t>
  </si>
  <si>
    <t>mail.google.com/sync/u/0/i/s?hl=pt-BR&amp;c=816</t>
  </si>
  <si>
    <t>andrelpsa@algartech.com;joaogvc@algartech.com;leonardoao@algartech.com;marianadjc@algartech.com;paulacn@algartech.com;rafaelggs@algartech.com;ricardodfm@algartech.com.br;robsonams@algartech.com;sofiamses@algartech.com;taysdss@algartech.com;viniciussg@algartech.com;</t>
  </si>
  <si>
    <t>andrelpsa@algartech.com,joaogvc@algartech.com,leonardoao@algartech.com,marianadjc@algartech.com,paulacn@algartech.com,rafaelggs@algartech.com,ricardodfm@algartech.com.br,robsonams@algartech.com,sofiamses@algartech.com,taysdss@algartech.com,viniciussg@algartech.com</t>
  </si>
  <si>
    <t>andrelpsa@algartech.com;joaogvc@algartech.com;leonardoao@algartech.com;marianadjc@algartech.com;planejamentodeoperacoesetrafego@bv.com.br;ricardodfm@algartech.com.br;sofiamses@algartech.com;taysdss@algartech.com;viniciussg@algartech.com;</t>
  </si>
  <si>
    <t>andrelpsa@algartech.com,joaogvc@algartech.com,leonardoao@algartech.com,marianadjc@algartech.com,planejamentodeoperacoesetrafego@bv.com.br,ricardodfm@algartech.com.br,sofiamses@algartech.com,taysdss@algartech.com,viniciussg@algartech.com</t>
  </si>
  <si>
    <t>mail.google.com/sync/u/0/i/s?hl=pt-BR&amp;c=825</t>
  </si>
  <si>
    <t>\\acsfs\DEPTOS\Operacao\PCP\5 - Comum\JUKA\Quantidade de Login - Financeira.xlsx</t>
  </si>
  <si>
    <t>mail.google.com/_/upload?authuser=0&amp;dcp=asu-n&amp;upload_id=AEnB2Up5bpUFoAIJGxyqdOWg8qtUMLZ03PUtLCUpoLW51HMUNtZEoj_leYoG4QsFwBm3O0NrJk6JLWNJehZ5jsHJdJtSOUODrg&amp;upload_protocol=resumable</t>
  </si>
  <si>
    <t>andrelpsa@algartech.com;joaogvc@algartech.com;leonardoao@algartech.com;marianadjc@algartech.com;paulacn@algartech.com;ricardodfm@algartech.com.br;robsonams@algartech.com;sofiamses@algartech.com;taysdss@algartech.com;viniciussg@algartech.com;</t>
  </si>
  <si>
    <t>andrelpsa@algartech.com,joaogvc@algartech.com,leonardoao@algartech.com,marianadjc@algartech.com,paulacn@algartech.com,ricardodfm@algartech.com.br,robsonams@algartech.com,sofiamses@algartech.com,taysdss@algartech.com,viniciussg@algartech.com</t>
  </si>
  <si>
    <t>f06323b2-5afc-4d57-9fac-53478ed4cd3f.tmp</t>
  </si>
  <si>
    <t>\\acsfs\profiles$\LAISLG\Downloads\f06323b2-5afc-4d57-9fac-53478ed4cd3f.tmp</t>
  </si>
  <si>
    <t>5665c555-64ba-4ad8-b980-4d583aa6e4e7.tmp</t>
  </si>
  <si>
    <t>\\acsfs\profiles$\ERICALSR\Downloads\5665c555-64ba-4ad8-b980-4d583aa6e4e7.tmp</t>
  </si>
  <si>
    <t>Objetivos 1º S 2020.xlsx</t>
  </si>
  <si>
    <t>ancestorhasaugmentedpermissions,containsunsubscribedchildren,displayname,domain,emailaddress,explicitlytrashed,filesize,hasthumbnai,hasthumbnail,hasvisitorpermissions,id,id),items(kind,ken,lastmodifyinguser(kind,lastviewedbymedate,mimetype,modifiedbymedate,modifieddate,ontainsunsubscribedchildren,owners(kind,permissionid,picture,shared,sharedwithmedate,thumbnailversion,title,userpermission(role),workspaceids</t>
  </si>
  <si>
    <t>1d7a1bd4-3ef0-429b-8e7e-509bd01a2e92.tmp</t>
  </si>
  <si>
    <t>\\acsfs\profiles$\luizffn\Downloads\1d7a1bd4-3ef0-429b-8e7e-509bd01a2e92.tmp</t>
  </si>
  <si>
    <t>Não confirmado 162576.crdownload</t>
  </si>
  <si>
    <t>\\acsfs\profiles$\luizffn\Downloads\Não confirmado 162576.crdownload</t>
  </si>
  <si>
    <t>image2020-01-10-131454.pdf:Zone.Identifier</t>
  </si>
  <si>
    <t>\\acsfs\profiles$\luizffn\Downloads\image2020-01-10-131454.pdf:Zone.Identifier</t>
  </si>
  <si>
    <t>image2020-01-10-131454.pdf</t>
  </si>
  <si>
    <t>\\acsfs\DEPTOS\EDUCACAO EMPRESARIAL\2 - Operações\0 - BV\.PROVAS E ARQUIVOS DE TREINAMENTO\Formação CDC Haruna 02-12\Provas\Prova 09 - CRBV\image2020-01-10-131454.pdf</t>
  </si>
  <si>
    <t>\\acsfs\DEPTOS\EDUCACAO EMPRESARIAL\2 - Operações\0 - BV\.PROVAS E ARQUIVOS DE TREINAMENTO\Formação CDC Haruna 02-12\Provas\Prova 09 - CRBV\image2020-01-10-131454.pdf\</t>
  </si>
  <si>
    <t>\\acsfs\DEPTOS\EDUCACAO EMPRESARIAL\2 - Operações\0 - BV\.PROVAS E ARQUIVOS DE TREINAMENTO\Formação CDC Haruna 02-12\Provas\Prova 09 - CRBV\image2020-01-10-131454.pdf\:Zone.Identifier:$DATA</t>
  </si>
  <si>
    <t>\\acsfs\profiles$\thaianaads\Documents\Thumbs.db</t>
  </si>
  <si>
    <t>renatobrl@algartech.com;</t>
  </si>
  <si>
    <t>C:\Users\leonardocso\Downloads\</t>
  </si>
  <si>
    <t>Template_Sobreaviso.xlsx</t>
  </si>
  <si>
    <t>renatobrl@algartech.com</t>
  </si>
  <si>
    <t>4c3daf00-4e37-4ad2-9656-b7aa55b448a6.tmp</t>
  </si>
  <si>
    <t>\\acsfs\profiles$\sarahbal\Downloads\4c3daf00-4e37-4ad2-9656-b7aa55b448a6.tmp</t>
  </si>
  <si>
    <t>bb3bdab2-ba88-4cdd-bbaf-d6d970108ec9.tmp</t>
  </si>
  <si>
    <t>\\acsfs\profiles$\georgendsq\Downloads\bb3bdab2-ba88-4cdd-bbaf-d6d970108ec9.tmp</t>
  </si>
  <si>
    <t>7f0971ac-6c68-4de7-846f-2c1fd688db3f.tmp</t>
  </si>
  <si>
    <t>\\acsfs\profiles$\georgendsq\Downloads\7f0971ac-6c68-4de7-846f-2c1fd688db3f.tmp</t>
  </si>
  <si>
    <t>1cddd9fd-a1d9-4375-8060-a4b088d31b3f.tmp</t>
  </si>
  <si>
    <t>\\acsfs\profiles$\georgendsq\Downloads\1cddd9fd-a1d9-4375-8060-a4b088d31b3f.tmp</t>
  </si>
  <si>
    <t>d3139c05-6ef9-47ce-9653-3f40f93d0943.tmp</t>
  </si>
  <si>
    <t>\\acsfs\profiles$\gabrielafs\Downloads\d3139c05-6ef9-47ce-9653-3f40f93d0943.tmp</t>
  </si>
  <si>
    <t>04/10/1967;__/__/____;</t>
  </si>
  <si>
    <t>https://04/10/1967,__/__/____</t>
  </si>
  <si>
    <t>fa1d1473-c4c9-44bb-8416-14397f6b4a80.tmp</t>
  </si>
  <si>
    <t>\\acsfs\profiles$\andrezacapf\Downloads\fa1d1473-c4c9-44bb-8416-14397f6b4a80.tmp</t>
  </si>
  <si>
    <t>07ed9332-810f-4266-914a-b0af734c3091.tmp</t>
  </si>
  <si>
    <t>\\acsfs\profiles$\andrezacapf\Downloads\07ed9332-810f-4266-914a-b0af734c3091.tmp</t>
  </si>
  <si>
    <t>8f254aa7-a07b-406d-af81-0e3c128000d4.tmp</t>
  </si>
  <si>
    <t>\\acsfs\profiles$\andrezacapf\Downloads\8f254aa7-a07b-406d-af81-0e3c128000d4.tmp</t>
  </si>
  <si>
    <t>98cc8732-a6b2-4e3a-8db6-8b110882e132.tmp</t>
  </si>
  <si>
    <t>\\acsfs\profiles$\andrezacapf\Downloads\98cc8732-a6b2-4e3a-8db6-8b110882e132.tmp</t>
  </si>
  <si>
    <t>1f035653-0d75-4e1b-83fa-eb24c32755cb.tmp</t>
  </si>
  <si>
    <t>\\acsfs\profiles$\andrezacapf\Downloads\1f035653-0d75-4e1b-83fa-eb24c32755cb.tmp</t>
  </si>
  <si>
    <t>bf25ec2b-0613-4753-a5b7-ce77733d6180.tmp</t>
  </si>
  <si>
    <t>\\acsfs\profiles$\andrezacapf\Downloads\bf25ec2b-0613-4753-a5b7-ce77733d6180.tmp</t>
  </si>
  <si>
    <t>0fb85efb-5c27-49b5-bee8-93e77cff9b4a.tmp</t>
  </si>
  <si>
    <t>\\acsfs\profiles$\lorraynevam\Downloads\0fb85efb-5c27-49b5-bee8-93e77cff9b4a.tmp</t>
  </si>
  <si>
    <t>4ae816ad-e24f-4aee-9aae-4c8ae506a423.tmp</t>
  </si>
  <si>
    <t>\\acsfs\profiles$\quindaizaagds\Downloads\4ae816ad-e24f-4aee-9aae-4c8ae506a423.tmp</t>
  </si>
  <si>
    <t>eb87b04c-a526-4224-9b5c-ffefc3d29fee.tmp</t>
  </si>
  <si>
    <t>\\acsfs\profiles$\quindaizaagds\Downloads\eb87b04c-a526-4224-9b5c-ffefc3d29fee.tmp</t>
  </si>
  <si>
    <t>90adf49b-178f-486b-ba92-0c65a8ad9f82.tmp</t>
  </si>
  <si>
    <t>\\acsfs\profiles$\quindaizaagds\Downloads\90adf49b-178f-486b-ba92-0c65a8ad9f82.tmp</t>
  </si>
  <si>
    <t>579d9920-4168-4eb5-a9cc-98e7a4d4ce00.tmp</t>
  </si>
  <si>
    <t>\\acsfs\profiles$\quindaizaagds\Downloads\579d9920-4168-4eb5-a9cc-98e7a4d4ce00.tmp</t>
  </si>
  <si>
    <t>bcc65dd3-7098-4d79-8a30-ab468197f82e.tmp</t>
  </si>
  <si>
    <t>\\acsfs\profiles$\quindaizaagds\Downloads\bcc65dd3-7098-4d79-8a30-ab468197f82e.tmp</t>
  </si>
  <si>
    <t>3ad48b9e-a43c-4378-9a21-704b65fa18e4.tmp</t>
  </si>
  <si>
    <t>\\acsfs\profiles$\quindaizaagds\Downloads\3ad48b9e-a43c-4378-9a21-704b65fa18e4.tmp</t>
  </si>
  <si>
    <t>f4adf5e3-06b2-48d3-b527-a2c7841f5e89.tmp</t>
  </si>
  <si>
    <t>\\acsfs\profiles$\quindaizaagds\Downloads\f4adf5e3-06b2-48d3-b527-a2c7841f5e89.tmp</t>
  </si>
  <si>
    <t>df022036-e35b-4188-84c5-1c5f40212d87.tmp</t>
  </si>
  <si>
    <t>\\acsfs\profiles$\quindaizaagds\Downloads\df022036-e35b-4188-84c5-1c5f40212d87.tmp</t>
  </si>
  <si>
    <t>13c0c2ad-dc10-4261-a8cb-6a2b35b9748d.tmp</t>
  </si>
  <si>
    <t>\\acsfs\profiles$\quindaizaagds\Downloads\13c0c2ad-dc10-4261-a8cb-6a2b35b9748d.tmp</t>
  </si>
  <si>
    <t>6db0c7d5-b3c0-4132-bcb4-5c8cf63e6486.tmp</t>
  </si>
  <si>
    <t>\\acsfs\profiles$\quindaizaagds\Downloads\6db0c7d5-b3c0-4132-bcb4-5c8cf63e6486.tmp</t>
  </si>
  <si>
    <t>lu145166npw9.tmp</t>
  </si>
  <si>
    <t>\\acsfs\profiles$\VIVIANALDS\My Documents\lu145166npw9.tmp</t>
  </si>
  <si>
    <t>\\acsfs\profiles$\VIVIANALDS\My Documents\lu145166npw9.tmp\</t>
  </si>
  <si>
    <t>\\acsfs\profiles$\VIVIANALDS\My Documents\lu145166npw9.tmp\META-INF\</t>
  </si>
  <si>
    <t>\\acsfs\profiles$\VIVIANALDS\My Documents\lu145166npw9.tmp\Thumbnails\</t>
  </si>
  <si>
    <t>lu145166npwd.tmp</t>
  </si>
  <si>
    <t>\\acsfs\profiles$\VIVIANALDS\My Documents\lu145166npwd.tmp</t>
  </si>
  <si>
    <t>\\acsfs\profiles$\VIVIANALDS\My Documents\lu145166npwd.tmp\</t>
  </si>
  <si>
    <t>\\acsfs\profiles$\VIVIANALDS\My Documents\lu145166npwd.tmp\META-INF\</t>
  </si>
  <si>
    <t>\\acsfs\profiles$\VIVIANALDS\My Documents\lu145166npwd.tmp\Thumbnails\</t>
  </si>
  <si>
    <t>0ed07e78-7b2b-4578-9afc-62b90bfbe8e6.tmp</t>
  </si>
  <si>
    <t>\\acsfs\profiles$\georgendsq\Downloads\0ed07e78-7b2b-4578-9afc-62b90bfbe8e6.tmp</t>
  </si>
  <si>
    <t>2c12fd07-32de-496f-bb6a-c7a4a0a38962.tmp</t>
  </si>
  <si>
    <t>\\acsfs\profiles$\georgendsq\Downloads\2c12fd07-32de-496f-bb6a-c7a4a0a38962.tmp</t>
  </si>
  <si>
    <t>\\acsfs\profiles$\georgendsq\My Documents\xworkcenter\lex\</t>
  </si>
  <si>
    <t>\\acsfs\profiles$\georgendsq\My Documents\xworkcenter\lex\temp.tlx</t>
  </si>
  <si>
    <t>b83b1b14-0226-4ed4-9164-23f379135388.tmp</t>
  </si>
  <si>
    <t>\\acsfs\profiles$\georgendsq\Downloads\b83b1b14-0226-4ed4-9164-23f379135388.tmp</t>
  </si>
  <si>
    <t>3110f416-5f5b-4b55-8c1c-08e006b005bc.tmp</t>
  </si>
  <si>
    <t>\\acsfs\profiles$\KARENJSS\Downloads\3110f416-5f5b-4b55-8c1c-08e006b005bc.tmp</t>
  </si>
  <si>
    <t>bd2a09a4-9892-4853-ab88-f051cd672923.tmp</t>
  </si>
  <si>
    <t>\\acsfs\profiles$\KARENJSS\Downloads\bd2a09a4-9892-4853-ab88-f051cd672923.tmp</t>
  </si>
  <si>
    <t>736385b2-f6d5-414f-bb0f-3db6ec3f2b87.tmp</t>
  </si>
  <si>
    <t>\\acsfs\profiles$\regisadsa\Downloads\736385b2-f6d5-414f-bb0f-3db6ec3f2b87.tmp</t>
  </si>
  <si>
    <t>811b4394-36be-4d83-b0da-46df75ea2d7f.tmp</t>
  </si>
  <si>
    <t>\\acsfs\profiles$\andrezacapf\Downloads\811b4394-36be-4d83-b0da-46df75ea2d7f.tmp</t>
  </si>
  <si>
    <t>6d273cfd-cb72-4ecf-8711-1ba7fdda9727.tmp</t>
  </si>
  <si>
    <t>\\acsfs\profiles$\andrezacapf\Downloads\6d273cfd-cb72-4ecf-8711-1ba7fdda9727.tmp</t>
  </si>
  <si>
    <t>c5dba73c-0582-4e33-bd97-fe1cab874c2a.tmp</t>
  </si>
  <si>
    <t>\\acsfs\profiles$\andrezacapf\Downloads\c5dba73c-0582-4e33-bd97-fe1cab874c2a.tmp</t>
  </si>
  <si>
    <t>viniciusgt@algartech.com;</t>
  </si>
  <si>
    <t>Arquivo Produção</t>
  </si>
  <si>
    <t>SKILL_ID_NOME_ATENDIDAS_OUT_REALIZADAS_AHT (PRODUTIVIDADE)NOVO.xls</t>
  </si>
  <si>
    <t>viniciusgt@algartech.com</t>
  </si>
  <si>
    <t>lu11602eion4.tmp</t>
  </si>
  <si>
    <t>\\acsfs\profiles$\CLAUDIAJCA\lu11602eion4.tmp</t>
  </si>
  <si>
    <t>\\acsfs\profiles$\CLAUDIAJCA\lu11602eion4.tmp\</t>
  </si>
  <si>
    <t>\\acsfs\profiles$\CLAUDIAJCA\lu11602eion4.tmp\META-INF\</t>
  </si>
  <si>
    <t>\\acsfs\profiles$\CLAUDIAJCA\lu11602eion4.tmp\Thumbnails\</t>
  </si>
  <si>
    <t>mail.google.com/_/upload?authuser=0&amp;dcp=asu-n&amp;upload_id=AEnB2UpjuBgywtWMekOYKFPDTfugL1yUYxsMQHra6OW2H5eZD1HmkmJKdbDUmVwdTzXKYZRB52KGndCQVLg_XfHXLEFBZIe2SQ&amp;upload_protocol=resumable</t>
  </si>
  <si>
    <t>lu145166npwh.tmp</t>
  </si>
  <si>
    <t>\\acsfs\profiles$\VIVIANALDS\My Documents\lu145166npwh.tmp</t>
  </si>
  <si>
    <t>\\acsfs\profiles$\VIVIANALDS\My Documents\lu145166npwh.tmp\</t>
  </si>
  <si>
    <t>\\acsfs\profiles$\VIVIANALDS\My Documents\lu145166npwh.tmp\META-INF\</t>
  </si>
  <si>
    <t>\\acsfs\profiles$\VIVIANALDS\My Documents\lu145166npwh.tmp\Thumbnails\</t>
  </si>
  <si>
    <t>andrelpsa@algartech.com;joaogvc@algartech.com;josiascdsj@algartech.com;leonardoao@algartech.com;marianadjc@algartech.com;maristelavodq@bv.algartech.com;paulacn@algartech.com;qualidadealgarbv@algartech.com;ricardodfm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icardodfm@algartech.com,supervisaobancovotorantim@algartech.com,taysdss@algartech.com,thiagolrc@bv.algartech.com,viniciussg@algartech.com</t>
  </si>
  <si>
    <t>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53cf5ddd-98ec-45a1-bb6b-1e1b9b05d308.tmp</t>
  </si>
  <si>
    <t>\\acsfs\profiles$\luanarda\Downloads\53cf5ddd-98ec-45a1-bb6b-1e1b9b05d308.tmp</t>
  </si>
  <si>
    <t>8d40b15b-d288-40e9-9359-bb68a8c28afb.tmp</t>
  </si>
  <si>
    <t>\\acsfs\profiles$\luizffn\Downloads\8d40b15b-d288-40e9-9359-bb68a8c28afb.tmp</t>
  </si>
  <si>
    <t>Não confirmado 963762.crdownload</t>
  </si>
  <si>
    <t>\\acsfs\profiles$\luizffn\Downloads\Não confirmado 963762.crdownload</t>
  </si>
  <si>
    <t>image2020-01-10-133809.pdf:Zone.Identifier</t>
  </si>
  <si>
    <t>\\acsfs\profiles$\luizffn\Downloads\image2020-01-10-133809.pdf:Zone.Identifier</t>
  </si>
  <si>
    <t>image2020-01-10-133809.pdf</t>
  </si>
  <si>
    <t>\\acsfs\DEPTOS\EDUCACAO EMPRESARIAL\2 - Operações\0 - BV\.PROVAS E ARQUIVOS DE TREINAMENTO\Formação CDC Haruna 02-12\Provas\Prova 09 - CRBV\image2020-01-10-133809.pdf</t>
  </si>
  <si>
    <t>\\acsfs\DEPTOS\EDUCACAO EMPRESARIAL\2 - Operações\0 - BV\.PROVAS E ARQUIVOS DE TREINAMENTO\Formação CDC Haruna 02-12\Provas\Prova 09 - CRBV\image2020-01-10-133809.pdf\</t>
  </si>
  <si>
    <t>\\acsfs\DEPTOS\EDUCACAO EMPRESARIAL\2 - Operações\0 - BV\.PROVAS E ARQUIVOS DE TREINAMENTO\Formação CDC Haruna 02-12\Provas\Prova 09 - CRBV\image2020-01-10-133809.pdf\:Zone.Identifier:$DATA</t>
  </si>
  <si>
    <t>003f5904-218b-42db-bade-8bb603bef4fd.tmp</t>
  </si>
  <si>
    <t>\\acsfs\profiles$\luizffn\Downloads\003f5904-218b-42db-bade-8bb603bef4fd.tmp</t>
  </si>
  <si>
    <t>Não confirmado 343531.crdownload</t>
  </si>
  <si>
    <t>\\acsfs\profiles$\luizffn\Downloads\Não confirmado 343531.crdownload</t>
  </si>
  <si>
    <t>image2020-01-10-134013.pdf:Zone.Identifier</t>
  </si>
  <si>
    <t>\\acsfs\profiles$\luizffn\Downloads\image2020-01-10-134013.pdf:Zone.Identifier</t>
  </si>
  <si>
    <t>334d002e-7e58-4bd0-b42c-37120c765a45.tmp</t>
  </si>
  <si>
    <t>\\acsfs\profiles$\KARENJSS\Downloads\334d002e-7e58-4bd0-b42c-37120c765a45.tmp</t>
  </si>
  <si>
    <t>538ca253-4d41-44d4-a1f6-65e9a1408a44.tmp</t>
  </si>
  <si>
    <t>\\acsfs\profiles$\KARENJSS\Downloads\538ca253-4d41-44d4-a1f6-65e9a1408a44.tmp</t>
  </si>
  <si>
    <t>b1615ae3-2041-4558-b2e5-a6e074dbcfb0.tmp</t>
  </si>
  <si>
    <t>\\acsfs\profiles$\francislayneads\Downloads\b1615ae3-2041-4558-b2e5-a6e074dbcfb0.tmp</t>
  </si>
  <si>
    <t>mail.google.com/_/upload?authuser=2&amp;dcp=asu-n&amp;upload_id=AEnB2Urope0_CH1qH6b2KvBkD-5w-cH6vMKf3roe4vYIQIt1YXeYmNFCp64Zt_AQkrq-igDKofLW6IVMH0HH8d833_Qf29-GyNVPcHd2gqsnGFdy_x3oynE&amp;upload_protocol=resumable</t>
  </si>
  <si>
    <t>Protótipo - BP.xlsx</t>
  </si>
  <si>
    <t>0c5f996b-7ea0-4cde-9ae7-1fefa202bd21.tmp</t>
  </si>
  <si>
    <t>\\acsfs\profiles$\brunalas\Downloads\0c5f996b-7ea0-4cde-9ae7-1fefa202bd21.tmp</t>
  </si>
  <si>
    <t>472af975-e9b0-438a-af28-1e5f3afcd525.tmp</t>
  </si>
  <si>
    <t>\\acsfs\profiles$\brunalas\Downloads\472af975-e9b0-438a-af28-1e5f3afcd525.tmp</t>
  </si>
  <si>
    <t>525af45c-3936-4c55-91ee-8fcdf8859169.tmp</t>
  </si>
  <si>
    <t>\\acsfs\profiles$\regisadsa\Downloads\525af45c-3936-4c55-91ee-8fcdf8859169.tmp</t>
  </si>
  <si>
    <t>b2343920-2e81-48c1-897e-fe9761c44b65.tmp</t>
  </si>
  <si>
    <t>\\acsfs\profiles$\marcosvnds\Downloads\b2343920-2e81-48c1-897e-fe9761c44b65.tmp</t>
  </si>
  <si>
    <t>Dimensionamento_Dezembro_Cartões.xlsx</t>
  </si>
  <si>
    <t>8b427787-6fb9-4a29-9f92-bcaf5a3912f8.tmp</t>
  </si>
  <si>
    <t>\\acsfs\profiles$\mariajra\Downloads\8b427787-6fb9-4a29-9f92-bcaf5a3912f8.tmp</t>
  </si>
  <si>
    <t>089347e8-c786-418b-95c6-4d0b49ddb3c5.tmp</t>
  </si>
  <si>
    <t>\\acsfs\profiles$\regisadsa\Downloads\089347e8-c786-418b-95c6-4d0b49ddb3c5.tmp</t>
  </si>
  <si>
    <t>af651707-b9d4-451b-8835-92e7d7b4ed8d.tmp</t>
  </si>
  <si>
    <t>\\acsfs\profiles$\regisadsa\Downloads\af651707-b9d4-451b-8835-92e7d7b4ed8d.tmp</t>
  </si>
  <si>
    <t>7d71758d-4ada-4b05-8e13-dc5a86ae70d5.tmp</t>
  </si>
  <si>
    <t>\\acsfs\profiles$\fabianobmf\Downloads\7d71758d-4ada-4b05-8e13-dc5a86ae70d5.tmp</t>
  </si>
  <si>
    <t>b2637ca7-ebf2-4fcb-86ce-29365e583c5b.tmp</t>
  </si>
  <si>
    <t>\\acsfs\profiles$\fabianobmf\Downloads\b2637ca7-ebf2-4fcb-86ce-29365e583c5b.tmp</t>
  </si>
  <si>
    <t>ccba2585-2dde-4514-b3c5-bce0aaf2e354.tmp</t>
  </si>
  <si>
    <t>\\acsfs\profiles$\ERICALSR\Downloads\ccba2585-2dde-4514-b3c5-bce0aaf2e354.tmp</t>
  </si>
  <si>
    <t>100016016412308;</t>
  </si>
  <si>
    <t>https://100016016412308</t>
  </si>
  <si>
    <t>Desligamento Luana Aparecida.zip</t>
  </si>
  <si>
    <t>C:\Users\raicdf\Downloads\Desligamento Luana Aparecida.zip\</t>
  </si>
  <si>
    <t>Desligamento Luana Aparecida.pdf</t>
  </si>
  <si>
    <t>mail.google.com/sync/u/0/i/s?hl=pt-BR&amp;c=1292</t>
  </si>
  <si>
    <t>lu142764zi0g8i.tmp</t>
  </si>
  <si>
    <t>\\acsfs\DEPTOS\Operacao\Banco_Votorantim\Supervisao\SUPERS BV CARTÕES\ANA VITORIA\APOIO\lu142764zi0g8i.tmp</t>
  </si>
  <si>
    <t>d0424208-41c8-4048-9b87-a5e9bb7a0f4b.tmp</t>
  </si>
  <si>
    <t>\\acsfs\profiles$\matheusmax\Downloads\d0424208-41c8-4048-9b87-a5e9bb7a0f4b.tmp</t>
  </si>
  <si>
    <t>fd5e7a94-febf-4f53-a61c-62d331bb7bb3.tmp</t>
  </si>
  <si>
    <t>\\acsfs\profiles$\matheusmax\Downloads\fd5e7a94-febf-4f53-a61c-62d331bb7bb3.tmp</t>
  </si>
  <si>
    <t>1d1eb59e-cf51-42c8-b697-221e4cca1d92.tmp</t>
  </si>
  <si>
    <t>\\acsfs\profiles$\jalilebds\Downloads\1d1eb59e-cf51-42c8-b697-221e4cca1d92.tmp</t>
  </si>
  <si>
    <t>1a5c4aa5-fb8b-409a-809d-b68f864ffbfd.tmp</t>
  </si>
  <si>
    <t>\\acsfs\profiles$\geovannasm\Downloads\1a5c4aa5-fb8b-409a-809d-b68f864ffbfd.tmp</t>
  </si>
  <si>
    <t>10.200.57.70</t>
  </si>
  <si>
    <t>9C-30-5B-F7-E1-95</t>
  </si>
  <si>
    <t>mail.google.com/_/upload?authuser=0&amp;dcp=asu-n&amp;upload_id=AEnB2UoHab-LMtqNT2Rdjd9H27L4mzB9B6ALgJXadHry1tRUZd7IJdwUolcFfoDVfHvLpvCAbmHROQ3btiM483c0RGo1Ke-TEE1nKnV1hhcvndobI5B-_K4&amp;upload_protocol=resumable</t>
  </si>
  <si>
    <t>C:\Marcopaulo\10 BRADESCO\Inter\Visão Financeira Inter.pptx\</t>
  </si>
  <si>
    <t>aa607590-e27f-46a8-aeb1-7feb13882c1c.tmp</t>
  </si>
  <si>
    <t>\\acsfs\profiles$\LUCASBS\Downloads\aa607590-e27f-46a8-aeb1-7feb13882c1c.tmp</t>
  </si>
  <si>
    <t>lu1195368m9syb.tmp</t>
  </si>
  <si>
    <t>\\acsfs\profiles$\paulovadc\lu1195368m9syb.tmp</t>
  </si>
  <si>
    <t>\\acsfs\profiles$\paulovadc\lu1195368m9syb.tmp\</t>
  </si>
  <si>
    <t>\\acsfs\profiles$\paulovadc\lu1195368m9syb.tmp\META-INF\</t>
  </si>
  <si>
    <t>\\acsfs\profiles$\paulovadc\lu1195368m9syb.tmp\Thumbnails\</t>
  </si>
  <si>
    <t>37444;</t>
  </si>
  <si>
    <t>https://37444</t>
  </si>
  <si>
    <t>priscilacy@algartech.com;</t>
  </si>
  <si>
    <t>Painel de Acompanhamento</t>
  </si>
  <si>
    <t>priscilacy@algartech.com</t>
  </si>
  <si>
    <t>Modelo Planejamento</t>
  </si>
  <si>
    <t>Incentivo BV - CHAT.xlsx</t>
  </si>
  <si>
    <t>\\acsfs\ACS\Gabriel da Silva\Contemporânea\Comissão e Incentivo\Incentivo BV - CHAT.xlsx</t>
  </si>
  <si>
    <t>mail.google.com/_/upload?authuser=1&amp;dcp=asu-n&amp;upload_id=AEnB2UpCcpyaZ3CG21O6v6Z-RvCoP-I_jOFOJd2raJmrBH4NB1cXtCI4wXqFymWa02PC5nup4XhEApEXwMdo6ZoPjXigSDdnUCEciq5s8ssBYLrOh_2F-1Y&amp;upload_protocol=resumable</t>
  </si>
  <si>
    <t>https://algar.folhasinergyrh.com.br/rescisao/upload?id=0&amp;idsolicitacao=20119&amp;idprerescisao=0</t>
  </si>
  <si>
    <t>"mozilla/5.0 (windows nt 6.1) applewebkit/537.36 (khtml;1;10/01/2020;13;13700167;13700185;13700235;13700451;13700607;13700883;13700946;13700951;13701078;13701139;13701235;13701239;13701262;13701276;137014;13701422;13701486;13701506;13701510;13701534;13701573;13701609;13701614;13701653;13701657;13701693;13701709;13701749;13701825;13701901;13701906;13701909;13701921;13701945;13701949;13701953;13701957;13701969;13702064;13702068;13702091;5701393;[[13701214;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yy8lpdnwhwxqiilhcylawwkpfnu3fuonwfzcvf;false];gampqtp7yn6iriu24ksnqvk-esmg4wwpxf";like gecko) chrome/79.0.3945.88 safari/537.36";null;pt-br;tjqp_l9mdxfwlvdugwgjhp9s_lwapbsc5ag2ftywcvdfaimsgzdn0deohrylie8r0x_keva9todb4z4xqe64sxryw3_yqtq_sxmml_aj-eq-j_phxmsoiffolaattsl</t>
  </si>
  <si>
    <t>https://"mozilla/5.0 (windows nt 6.1) applewebkit/537.36 (khtml,1,10/01/2020,13,13700167,13700185,13700235,13700451,13700607,13700883,13700946,13700951,13701078,13701139,13701235,13701239,13701262,13701276,137014,13701422,13701486,13701506,13701510,13701534,13701573,13701609,13701614,13701653,13701657,13701693,13701709,13701749,13701825,13701901,13701906,13701909,13701921,13701945,13701949,13701953,13701957,13701969,13702064,13702068,13702091,5701393,[[13701214,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yy8lpdnwhwxqiilhcylawwkpfnu3fuonwfzcvf,false],gampqtp7yn6iriu24ksnqvk-esmg4wwpxf",like gecko) chrome/79.0.3945.88 safari/537.36",null,pt-br,tjqp_l9mdxfwlvdugwgjhp9s_lwapbsc5ag2ftywcvdfaimsgzdn0deohrylie8r0x_keva9todb4z4xqe64sxryw3_yqtq_sxmml_aj-eq-j_phxmsoiff</t>
  </si>
  <si>
    <t>lu1792411a2ew.tmp</t>
  </si>
  <si>
    <t>\\acsfs\profiles$\marcellewdl\My Documents\lu1792411a2ew.tmp</t>
  </si>
  <si>
    <t>\\acsfs\profiles$\marcellewdl\My Documents\lu1792411a2ew.tmp\</t>
  </si>
  <si>
    <t>\\acsfs\profiles$\marcellewdl\My Documents\lu1792411a2ew.tmp\META-INF\</t>
  </si>
  <si>
    <t>\\acsfs\profiles$\marcellewdl\My Documents\lu1792411a2ew.tmp\Thumbnails\</t>
  </si>
  <si>
    <t>vendas para ligar.txt</t>
  </si>
  <si>
    <t>\\acsfs\profiles$\websondsa\My Documents\vendas para ligar.txt</t>
  </si>
  <si>
    <t>de092aa8-09e1-4fe9-91fd-5c0fab089c24.tmp</t>
  </si>
  <si>
    <t>\\acsfs\profiles$\henriquehmdo\Downloads\de092aa8-09e1-4fe9-91fd-5c0fab089c24.tmp</t>
  </si>
  <si>
    <t>ENC: Volume Gerenciadas Amex e Visa - 10/01</t>
  </si>
  <si>
    <t>\\acsfs\Deptos\CAS - Coordenação de Arquitetura de Soluções\Projetos\2019\IBM\216427 - Globo Rollout 2020\1. Precificação\</t>
  </si>
  <si>
    <t>216427_IBM_Globo_Rollout_v2_(C017_B017).xlsb</t>
  </si>
  <si>
    <t>\\acsfs\Deptos\CAS - Coordenação de Arquitetura de Soluções\Projetos\2019\IBM\216427 - Globo Rollout 2020\1. Precificação\216427_IBM_Globo_Rollout_v2_(C017_B017).xlsb\</t>
  </si>
  <si>
    <t>\\acsfs\profiles$\erichds\My Documents\My Pictures\</t>
  </si>
  <si>
    <t>\\acsfs\profiles$\erichds\My Documents\My Videos\desktop.ini</t>
  </si>
  <si>
    <t>\\acsfs\profiles$\erichds\My Documents\My Videos\</t>
  </si>
  <si>
    <t>\\acsfs\profiles$\erichds\My Documents\My Music\</t>
  </si>
  <si>
    <t>\\acsfs\profiles$\erichds\My Documents\My Pictures\desktop.ini</t>
  </si>
  <si>
    <t>\\acsfs\profiles$\erichds\Contacts\</t>
  </si>
  <si>
    <t>\\acsfs\profiles$\erichds\Contacts\desktop.ini</t>
  </si>
  <si>
    <t>\\acsfs\profiles$\erichds\My Documents\</t>
  </si>
  <si>
    <t>\\acsfs\profiles$\erichds\Favorites\desktop.ini</t>
  </si>
  <si>
    <t>\\acsfs\profiles$\erichds\My Documents\My Music\desktop.ini</t>
  </si>
  <si>
    <t>\\acsfs\profiles$\erichds\Searches\</t>
  </si>
  <si>
    <t>\\acsfs\profiles$\erichds\Searches\desktop.ini</t>
  </si>
  <si>
    <t>\\acsfs\profiles$\erichds\Downloads\desktop.ini</t>
  </si>
  <si>
    <t>\\acsfs\profiles$\erichds\Favorites\</t>
  </si>
  <si>
    <t>\\acsfs\profiles$\erichds\My Documents\desktop.ini</t>
  </si>
  <si>
    <t>\\acsfs\profiles$\erichds\Saved Games\desktop.ini</t>
  </si>
  <si>
    <t>lu993211xrz3.tmp</t>
  </si>
  <si>
    <t>\\acsfs\profiles$\luanarda\lu993211xrz3.tmp</t>
  </si>
  <si>
    <t>\\acsfs\profiles$\luanarda\lu993211xrz3.tmp\</t>
  </si>
  <si>
    <t>\\acsfs\profiles$\luanarda\lu993211xrz3.tmp\META-INF\</t>
  </si>
  <si>
    <t>\\acsfs\profiles$\luanarda\lu993211xrz3.tmp\Thumbnails\</t>
  </si>
  <si>
    <t>4ace5da5-8abe-48f7-969b-5a47c123a21c.tmp</t>
  </si>
  <si>
    <t>\\acsfs\profiles$\philipegsf\Downloads\4ace5da5-8abe-48f7-969b-5a47c123a21c.tmp</t>
  </si>
  <si>
    <t>\\acsfs\profiles$\vivianealda\Downloads\$RECYCLE.BIN\</t>
  </si>
  <si>
    <t>$IVPY5S6.txt</t>
  </si>
  <si>
    <t>\\acsfs\profiles$\vivianealda\Downloads\$RECYCLE.BIN\$IVPY5S6.txt</t>
  </si>
  <si>
    <t>$I77FZGJ.txt</t>
  </si>
  <si>
    <t>\\acsfs\profiles$\vivianealda\Downloads\$RECYCLE.BIN\$I77FZGJ.txt</t>
  </si>
  <si>
    <t>$I2HJIKP.txt</t>
  </si>
  <si>
    <t>\\acsfs\profiles$\vivianealda\Downloads\$RECYCLE.BIN\$I2HJIKP.txt</t>
  </si>
  <si>
    <t>$I8XXABP.txt</t>
  </si>
  <si>
    <t>\\acsfs\profiles$\vivianealda\Downloads\$RECYCLE.BIN\$I8XXABP.txt</t>
  </si>
  <si>
    <t>$I20ENRL.xls</t>
  </si>
  <si>
    <t>\\acsfs\profiles$\vivianealda\Downloads\$RECYCLE.BIN\$I20ENRL.xls</t>
  </si>
  <si>
    <t>$I0F6ITA.txt</t>
  </si>
  <si>
    <t>\\acsfs\profiles$\vivianealda\Downloads\$RECYCLE.BIN\$I0F6ITA.txt</t>
  </si>
  <si>
    <t>$ISPCKA7.txt</t>
  </si>
  <si>
    <t>\\acsfs\profiles$\vivianealda\Downloads\$RECYCLE.BIN\$ISPCKA7.txt</t>
  </si>
  <si>
    <t>$IG7MSRX.txt</t>
  </si>
  <si>
    <t>\\acsfs\profiles$\vivianealda\Downloads\$RECYCLE.BIN\$IG7MSRX.txt</t>
  </si>
  <si>
    <t>$IRLD0VG.txt</t>
  </si>
  <si>
    <t>\\acsfs\profiles$\vivianealda\Downloads\$RECYCLE.BIN\$IRLD0VG.txt</t>
  </si>
  <si>
    <t>$I22ECF6.zip</t>
  </si>
  <si>
    <t>\\acsfs\profiles$\vivianealda\Downloads\$RECYCLE.BIN\$I22ECF6.zip</t>
  </si>
  <si>
    <t>$IH4VSU5.pptx</t>
  </si>
  <si>
    <t>\\acsfs\profiles$\vivianealda\Downloads\$RECYCLE.BIN\$IH4VSU5.pptx</t>
  </si>
  <si>
    <t>$I5TKA2Z.pdf</t>
  </si>
  <si>
    <t>\\acsfs\profiles$\vivianealda\Downloads\$RECYCLE.BIN\$I5TKA2Z.pdf</t>
  </si>
  <si>
    <t>$IM2R5PF.pdf</t>
  </si>
  <si>
    <t>\\acsfs\profiles$\vivianealda\Downloads\$RECYCLE.BIN\$IM2R5PF.pdf</t>
  </si>
  <si>
    <t>$IINSSMJ.pdf</t>
  </si>
  <si>
    <t>\\acsfs\profiles$\vivianealda\Downloads\$RECYCLE.BIN\$IINSSMJ.pdf</t>
  </si>
  <si>
    <t>$I45601J.zip</t>
  </si>
  <si>
    <t>\\acsfs\profiles$\vivianealda\Downloads\$RECYCLE.BIN\$I45601J.zip</t>
  </si>
  <si>
    <t>$I49DBJ3.txt</t>
  </si>
  <si>
    <t>\\acsfs\profiles$\vivianealda\Downloads\$RECYCLE.BIN\$I49DBJ3.txt</t>
  </si>
  <si>
    <t>$IT1I9FC.zip</t>
  </si>
  <si>
    <t>\\acsfs\profiles$\vivianealda\Downloads\$RECYCLE.BIN\$IT1I9FC.zip</t>
  </si>
  <si>
    <t>$IPWNLV2.txt</t>
  </si>
  <si>
    <t>\\acsfs\profiles$\vivianealda\Downloads\$RECYCLE.BIN\$IPWNLV2.txt</t>
  </si>
  <si>
    <t>$IYH43MC.xls</t>
  </si>
  <si>
    <t>\\acsfs\profiles$\vivianealda\Downloads\$RECYCLE.BIN\$IYH43MC.xls</t>
  </si>
  <si>
    <t>$IZ2OGCC.xls</t>
  </si>
  <si>
    <t>\\acsfs\profiles$\vivianealda\Downloads\$RECYCLE.BIN\$IZ2OGCC.xls</t>
  </si>
  <si>
    <t>$INQT6OX.ica</t>
  </si>
  <si>
    <t>\\acsfs\profiles$\vivianealda\Downloads\$RECYCLE.BIN\$INQT6OX.ica</t>
  </si>
  <si>
    <t>d6c4ffb7-cb26-45d4-b8f9-92a7f4a9414d.tmp</t>
  </si>
  <si>
    <t>\\acsfs\profiles$\victorgl\Downloads\d6c4ffb7-cb26-45d4-b8f9-92a7f4a9414d.tmp</t>
  </si>
  <si>
    <t>https://udpmailboxap01.acs.com.br:8443/h/search;jsessionid=ldfcpfbm9gi91wvmm5b1jqzmg?si=0&amp;so=0&amp;sc=69682&amp;st=conversation&amp;action=compose</t>
  </si>
  <si>
    <t>b5943399-463e-41ce-97bd-199e60adc527.tmp</t>
  </si>
  <si>
    <t>\\acsfs\profiles$\edicarlosdl\Downloads\b5943399-463e-41ce-97bd-199e60adc527.tmp</t>
  </si>
  <si>
    <t>michelede.oliveira@bradesco.com.br;</t>
  </si>
  <si>
    <t>ENC: SANTO ANTONIO ENERGIA - Problema Faturas EBTA 11/2019</t>
  </si>
  <si>
    <t>SANTO ANTONIO ENERGIA - Problema Faturas EBTA (771 KB).msg\s1\</t>
  </si>
  <si>
    <t>Antonia.xls</t>
  </si>
  <si>
    <t>michelede.oliveira@bradesco.com.br</t>
  </si>
  <si>
    <t>\\acsfs\comum$\Auto_Reparo\logs\</t>
  </si>
  <si>
    <t>arquivo.txt</t>
  </si>
  <si>
    <t>\\acsfs\comum$\Auto_Reparo\logs\arquivo.txt</t>
  </si>
  <si>
    <t>winrt--{S-1-5-21-602162358-764733703-839522115-358591}-.searchconnector-ms</t>
  </si>
  <si>
    <t>\\acsfs\profiles$\erichds\Searches\winrt--{S-1-5-21-602162358-764733703-839522115-358591}-.searchconnector-ms</t>
  </si>
  <si>
    <t>0476528c-cc3d-426d-bf95-869892628fb5.tmp</t>
  </si>
  <si>
    <t>\\acsfs\profiles$\erichds\Downloads\0476528c-cc3d-426d-bf95-869892628fb5.tmp</t>
  </si>
  <si>
    <t>9c14d69a-9e3a-45dd-8efd-035e30012ef4.tmp</t>
  </si>
  <si>
    <t>\\acsfs\profiles$\erichds\Downloads\9c14d69a-9e3a-45dd-8efd-035e30012ef4.tmp</t>
  </si>
  <si>
    <t>4d809a67-c084-4dc0-a7a8-02b7276bd26e.tmp</t>
  </si>
  <si>
    <t>\\acsfs\profiles$\erichds\Downloads\4d809a67-c084-4dc0-a7a8-02b7276bd26e.tmp</t>
  </si>
  <si>
    <t>cf3b6cb5-527d-410c-b9b0-9f2d9568cdc5.tmp</t>
  </si>
  <si>
    <t>\\acsfs\profiles$\LUCASNS\Downloads\cf3b6cb5-527d-410c-b9b0-9f2d9568cdc5.tmp</t>
  </si>
  <si>
    <t>7914d8c7-363f-4721-be97-321bf8a7738e.tmp</t>
  </si>
  <si>
    <t>\\acsfs\profiles$\philipegsf\Downloads\7914d8c7-363f-4721-be97-321bf8a7738e.tmp</t>
  </si>
  <si>
    <t>d1244932-8afd-42ef-aff2-70b1daf91694.tmp</t>
  </si>
  <si>
    <t>\\acsfs\profiles$\fabianobmf\Downloads\d1244932-8afd-42ef-aff2-70b1daf91694.tmp</t>
  </si>
  <si>
    <t>f7c2661c-7d94-44ad-a7a8-a78a10cadb8f.tmp</t>
  </si>
  <si>
    <t>\\acsfs\profiles$\cintiadjl\Downloads\f7c2661c-7d94-44ad-a7a8-a78a10cadb8f.tmp</t>
  </si>
  <si>
    <t>a8f0e495-508d-4dba-85f4-1f22601c4f9d.tmp</t>
  </si>
  <si>
    <t>\\acsfs\profiles$\cintiadjl\Downloads\a8f0e495-508d-4dba-85f4-1f22601c4f9d.tmp</t>
  </si>
  <si>
    <t>lu142764zi0g8x.tmp</t>
  </si>
  <si>
    <t>\\acsfs\DEPTOS\Operacao\Banco_Votorantim\Supervisao\SUPERS BV CARTÕES\ANA VITORIA\APOIO\lu142764zi0g8x.tmp</t>
  </si>
  <si>
    <t>0662e2f1-804c-4da9-95c6-edf0c3100f31.tmp</t>
  </si>
  <si>
    <t>\\acsfs\profiles$\edicarlosdl\Downloads\0662e2f1-804c-4da9-95c6-edf0c3100f31.tmp</t>
  </si>
  <si>
    <t>\\acsfs\DEPTOS\Operacao\PCP\5 - Comum\ACOMPANHAMENTO AMEX\10- Acompanhamento PF\BACKOFFICE PF\04-CONTROLES INTERNOS\03 - PAINEL PRODUTIVIDADE\Painel\2020\</t>
  </si>
  <si>
    <t>Painel de Produtividade - Controles Internos - Janeiro - Parcial até 09.xlsx</t>
  </si>
  <si>
    <t>~$Reneg CRBV - v2 (005).pptx</t>
  </si>
  <si>
    <t>\\acsfs\Deptos\Operacao\Banco_Votorantim\Supervisao\Rai Carlos\~$Reneg CRBV - v2 (005).pptx</t>
  </si>
  <si>
    <t>Incentivo BV - Consignado.xlsx</t>
  </si>
  <si>
    <t>\\acsfs\ACS\Gabriel da Silva\Contemporânea\Comissão e Incentivo\Incentivo BV - Consignado.xlsx</t>
  </si>
  <si>
    <t>4dcb5bad-0ecb-494c-bd68-d5350d79e385.tmp</t>
  </si>
  <si>
    <t>\\acsfs\profiles$\alinepp\Downloads\4dcb5bad-0ecb-494c-bd68-d5350d79e385.tmp</t>
  </si>
  <si>
    <t>\\acsfs\deptos\Operacao\PCP\5 - Comum\Mariana De Jesus\escala staff.xlsx</t>
  </si>
  <si>
    <t>be926d1c-073c-4e12-8841-271efe607665.tmp</t>
  </si>
  <si>
    <t>\\acsfs\profiles$\philipegsf\Downloads\be926d1c-073c-4e12-8841-271efe607665.tmp</t>
  </si>
  <si>
    <t>\\acsfs\Deptos\Operacao\Banco_Votorantim\Supervisao\Rai Carlos\Thumbs.db</t>
  </si>
  <si>
    <t>.~lock.fila 1725 inclusao dependente metlife.xlsx#</t>
  </si>
  <si>
    <t>\\acsfs\profiles$\jalilebds\Downloads\.~lock.fila 1725 inclusao dependente metlife.xlsx#</t>
  </si>
  <si>
    <t>lu39408721mle.tmp</t>
  </si>
  <si>
    <t>\\acsfs\profiles$\jalilebds\Downloads\lu39408721mle.tmp</t>
  </si>
  <si>
    <t>alefl@algartech.com;alessandroam@algartech.com;andrelps@algartech.com;andrelpsa@algartech.com;josemfs@algartech.com;marianesg@algartech.com;mirianppb@algartech.com;thiagordu@algartech.com;</t>
  </si>
  <si>
    <t>alefl@algartech.com,alessandroam@algartech.com,andrelps@algartech.com,andrelpsa@algartech.com,josemfs@algartech.com,marianesg@algartech.com,mirianppb@algartech.com,thiagordu@algartech.com</t>
  </si>
  <si>
    <t>\\acsfs\DEPTOS\Operacao\Banco_Votorantim\Qualidade\Anderson\Jose\anderson\</t>
  </si>
  <si>
    <t>PRINT INFO.png</t>
  </si>
  <si>
    <t>\\acsfs\DEPTOS\Operacao\Banco_Votorantim\Qualidade\Anderson\Jose\anderson\PRINT INFO.png</t>
  </si>
  <si>
    <t>3c907b5e-7150-4a24-a2ad-d68be56f5ec9.tmp</t>
  </si>
  <si>
    <t>\\acsfs\profiles$\cintiadjl\Downloads\3c907b5e-7150-4a24-a2ad-d68be56f5ec9.tmp</t>
  </si>
  <si>
    <t>e4729729-d501-46f6-a3dc-6a7bfdd587ca.tmp</t>
  </si>
  <si>
    <t>\\acsfs\profiles$\brendadsl\Downloads\e4729729-d501-46f6-a3dc-6a7bfdd587ca.tmp</t>
  </si>
  <si>
    <t>71e266a2-61f9-465b-b8b9-ac11a80618ad.tmp</t>
  </si>
  <si>
    <t>\\acsfs\profiles$\brendadsl\Downloads\71e266a2-61f9-465b-b8b9-ac11a80618ad.tmp</t>
  </si>
  <si>
    <t>a21c36ec-e27a-4359-89e5-eb624d5ff0a2.tmp</t>
  </si>
  <si>
    <t>\\acsfs\profiles$\brendadsl\Downloads\a21c36ec-e27a-4359-89e5-eb624d5ff0a2.tmp</t>
  </si>
  <si>
    <t>6bbece2f-52d5-448f-a448-635200830ec6.tmp</t>
  </si>
  <si>
    <t>\\acsfs\profiles$\brendadsl\Downloads\6bbece2f-52d5-448f-a448-635200830ec6.tmp</t>
  </si>
  <si>
    <t>6f6fffcd-51ce-41af-9cb2-8b4ac79b4f46.tmp</t>
  </si>
  <si>
    <t>\\acsfs\profiles$\brendadsl\Downloads\6f6fffcd-51ce-41af-9cb2-8b4ac79b4f46.tmp</t>
  </si>
  <si>
    <t>CAIXA CAPITALIZACAO</t>
  </si>
  <si>
    <t>10.201.30.31</t>
  </si>
  <si>
    <t>C8-3D-D4-7F-90-F1</t>
  </si>
  <si>
    <t>CPNB-DIEGOCDR</t>
  </si>
  <si>
    <t>diegocdr</t>
  </si>
  <si>
    <t>diegoc.rocha@gmail.com</t>
  </si>
  <si>
    <t>egasydms@algartech.com;gessycaam@algartech.com;mariliafsc@algartech.com;tawhammb@algartech.com;</t>
  </si>
  <si>
    <t>\\cppfs\cpdeptos\CPC\3 - Acompanhamento\IBI\</t>
  </si>
  <si>
    <t>Listas IBI.xlsx</t>
  </si>
  <si>
    <t>egasydms@algartech.com,gessycaam@algartech.com,mariliafsc@algartech.com,tawhammb@algartech.com</t>
  </si>
  <si>
    <t>\\acsfs\profiles$\geovannasm\My Documents\$RECYCLE.BIN\</t>
  </si>
  <si>
    <t>$IP6KKH8.pdf</t>
  </si>
  <si>
    <t>\\acsfs\profiles$\geovannasm\My Documents\$RECYCLE.BIN\$IP6KKH8.pdf</t>
  </si>
  <si>
    <t>$ITVBY7W.txt</t>
  </si>
  <si>
    <t>\\acsfs\profiles$\geovannasm\My Documents\$RECYCLE.BIN\$ITVBY7W.txt</t>
  </si>
  <si>
    <t>bcd0cf99-c4f0-4cca-a23f-55d3c681779b.tmp</t>
  </si>
  <si>
    <t>\\acsfs\profiles$\nathaliarmr\Downloads\bcd0cf99-c4f0-4cca-a23f-55d3c681779b.tmp</t>
  </si>
  <si>
    <t>PRINT ALERTA.png</t>
  </si>
  <si>
    <t>\\acsfs\DEPTOS\Operacao\Banco_Votorantim\Qualidade\Anderson\Jose\anderson\PRINT ALERTA.png</t>
  </si>
  <si>
    <t>13/10/1985;__/__/____;</t>
  </si>
  <si>
    <t>https://13/10/1985,__/__/____</t>
  </si>
  <si>
    <t>a734f4b8-56be-4575-b754-bc9cc3fad8db.tmp</t>
  </si>
  <si>
    <t>\\acsfs\profiles$\LUCASBS\Downloads\a734f4b8-56be-4575-b754-bc9cc3fad8db.tmp</t>
  </si>
  <si>
    <t>c:\users\kesiadof\desktop\</t>
  </si>
  <si>
    <t>vt.pdf</t>
  </si>
  <si>
    <t>mail.google.com/_/upload?authuser=0&amp;dcp=asu-n&amp;upload_id=AEnB2UrNYGQ-6anK6KUvcoGbRsWPPQ0IObmXTySjbOUHqIO6vY56WBDueaHyqIVc0Hg4c-ID8HDmnpXGwmIiHMzbOTkQ9SGJBg&amp;upload_protocol=resumable</t>
  </si>
  <si>
    <t>C:\Users\kesiadof\Desktop\</t>
  </si>
  <si>
    <t>outlook.office365.com/owa/service.svc?action=createitem&amp;app=mail&amp;n=101</t>
  </si>
  <si>
    <t>outlook.office365.com/owa/service.svc?action=updateitem&amp;app=mail&amp;n=154</t>
  </si>
  <si>
    <t>outlook.office365.com/owa/service.svc?action=updateitem&amp;app=mail&amp;n=171</t>
  </si>
  <si>
    <t>luizffn@algartech.com.br;</t>
  </si>
  <si>
    <t>luizffn@algartech.com.br</t>
  </si>
  <si>
    <t>outlook.office365.com/owa/service.svc?action=createitem&amp;app=mail&amp;n=188</t>
  </si>
  <si>
    <t>outlook.office365.com/owa/service.svc?action=updateitem&amp;app=mail&amp;n=251</t>
  </si>
  <si>
    <t>luizfn@algartech.com;</t>
  </si>
  <si>
    <t>luizfn@algartech.com</t>
  </si>
  <si>
    <t>3462c08f-e933-44f6-be06-df8a9856cc40.tmp</t>
  </si>
  <si>
    <t>\\acsfs\profiles$\brendadsl\Downloads\3462c08f-e933-44f6-be06-df8a9856cc40.tmp</t>
  </si>
  <si>
    <t>727440b9-37e7-40df-a555-9da6c6ad5e3e.tmp</t>
  </si>
  <si>
    <t>\\acsfs\profiles$\LUISPLS\Downloads\727440b9-37e7-40df-a555-9da6c6ad5e3e.tmp</t>
  </si>
  <si>
    <t>01347639-251e-48ba-b76f-1db8724cafb0.tmp</t>
  </si>
  <si>
    <t>\\acsfs\profiles$\gabrielamdp\Downloads\01347639-251e-48ba-b76f-1db8724cafb0.tmp</t>
  </si>
  <si>
    <t>734b99c7-6b24-4fd0-a35d-a81c38ed0a58.tmp</t>
  </si>
  <si>
    <t>\\acsfs\profiles$\gabrielamdp\Downloads\734b99c7-6b24-4fd0-a35d-a81c38ed0a58.tmp</t>
  </si>
  <si>
    <t>4733086f-2167-4e92-adc9-d98bbfe4fac1.tmp</t>
  </si>
  <si>
    <t>\\acsfs\profiles$\gabrielamdp\Downloads\4733086f-2167-4e92-adc9-d98bbfe4fac1.tmp</t>
  </si>
  <si>
    <t>4739e1dd-27f6-494c-9f60-480617296cf9.tmp</t>
  </si>
  <si>
    <t>\\acsfs\profiles$\gabrielamdp\Downloads\4739e1dd-27f6-494c-9f60-480617296cf9.tmp</t>
  </si>
  <si>
    <t>ENC: Inclusão Empresas na CRC Visa - 07/01</t>
  </si>
  <si>
    <t>19- CONSOLIDADO INCLUSÃO ALGAR -07.01.20.xlsx</t>
  </si>
  <si>
    <t>lu39408721mlh.tmp</t>
  </si>
  <si>
    <t>\\acsfs\profiles$\jalilebds\Downloads\lu39408721mlh.tmp</t>
  </si>
  <si>
    <t>lu39408721mlk.tmp</t>
  </si>
  <si>
    <t>\\acsfs\profiles$\jalilebds\Downloads\lu39408721mlk.tmp</t>
  </si>
  <si>
    <t>\\acsfs\profiles$\geovannasm\My Documents\My Pictures\$RECYCLE.BIN\</t>
  </si>
  <si>
    <t>$IZWZRX6.PNG</t>
  </si>
  <si>
    <t>\\acsfs\profiles$\geovannasm\My Documents\My Pictures\$RECYCLE.BIN\$IZWZRX6.PNG</t>
  </si>
  <si>
    <t>a351e3bd-2e66-4abf-8a53-1992d7679900.tmp</t>
  </si>
  <si>
    <t>\\acsfs\profiles$\geovannasm\Downloads\a351e3bd-2e66-4abf-8a53-1992d7679900.tmp</t>
  </si>
  <si>
    <t>36865028-08cb-4f5d-a057-8a4630eec08b.tmp</t>
  </si>
  <si>
    <t>\\acsfs\profiles$\ingridsm\Downloads\36865028-08cb-4f5d-a057-8a4630eec08b.tmp</t>
  </si>
  <si>
    <t>c30ea101-576b-49aa-8475-5ca5ddd9290a.tmp</t>
  </si>
  <si>
    <t>\\acsfs\profiles$\julianeas\Downloads\c30ea101-576b-49aa-8475-5ca5ddd9290a.tmp</t>
  </si>
  <si>
    <t>a1707700-6447-41db-9703-e2e94c1de7c4.tmp</t>
  </si>
  <si>
    <t>\\acsfs\profiles$\julianeas\Downloads\a1707700-6447-41db-9703-e2e94c1de7c4.tmp</t>
  </si>
  <si>
    <t>\\acsfs\DEPTOS\Operacao\Banco_Votorantim\Qualidade\Anderson\Jose\anderson\Thumbs.db</t>
  </si>
  <si>
    <t>\\acsfs\DEPTOS\Operacao\Banco_Votorantim\Qualidade\Anderson\Jose\anderson\Alerta.xlsx</t>
  </si>
  <si>
    <t>\\acsfs\DEPTOS\Operacao\Banco_Votorantim\Qualidade\Anderson\Jose\anderson\Alerta.xlsx\</t>
  </si>
  <si>
    <t>mail.google.com/_/upload?authuser=1&amp;dcp=asu-n&amp;upload_id=AEnB2UpduAG6G_BYrjq_pqbLTTVy5ErFQf_1JzToWDgNbY3u6JhbJNWQJe6wW8OjqkThhscgkiMxNU83gU9TQ-kmAwJyF2_hnQ&amp;upload_protocol=resumable</t>
  </si>
  <si>
    <t>Resultado Semanal D2C - Jan-20.xlsx</t>
  </si>
  <si>
    <t>C:\Users\hewertontr\Desktop\AVON\BP\</t>
  </si>
  <si>
    <t>190263 - Avon BKO - Rampa 06 meses.xlsb</t>
  </si>
  <si>
    <t>C:\Users\hewertontr\Desktop\AVON\BP\190263 - Avon BKO - Rampa 06 meses.xlsb\</t>
  </si>
  <si>
    <t>e2b8fc39-5033-4b1d-8544-c9ea7db0f0af.tmp</t>
  </si>
  <si>
    <t>\\acsfs\profiles$\brendadsl\Downloads\e2b8fc39-5033-4b1d-8544-c9ea7db0f0af.tmp</t>
  </si>
  <si>
    <t>67e59c49-581d-49c6-9887-fb8f90a552ea.tmp</t>
  </si>
  <si>
    <t>\\acsfs\profiles$\fernandofs\Downloads\67e59c49-581d-49c6-9887-fb8f90a552ea.tmp</t>
  </si>
  <si>
    <t>6fc95909-b632-48b8-9f67-af9d5100cfc1.tmp</t>
  </si>
  <si>
    <t>\\acsfs\profiles$\fernandofs\Downloads\6fc95909-b632-48b8-9f67-af9d5100cfc1.tmp</t>
  </si>
  <si>
    <t>lu39408721mln.tmp</t>
  </si>
  <si>
    <t>\\acsfs\profiles$\jalilebds\Downloads\lu39408721mln.tmp</t>
  </si>
  <si>
    <t>andrelps@algartech.com;marianesg@algartech.com;thiagordu@algartech.com;</t>
  </si>
  <si>
    <t>andrelps@algartech.com,marianesg@algartech.com,thiagordu@algartech.com</t>
  </si>
  <si>
    <t>ffe01f20-f433-4c63-b65e-f33907dae38d.tmp</t>
  </si>
  <si>
    <t>\\acsfs\profiles$\ingridsm\Downloads\ffe01f20-f433-4c63-b65e-f33907dae38d.tmp</t>
  </si>
  <si>
    <t>86042e51-1520-43bc-a195-c605615f9dc9.tmp</t>
  </si>
  <si>
    <t>\\acsfs\profiles$\ingridsm\Downloads\86042e51-1520-43bc-a195-c605615f9dc9.tmp</t>
  </si>
  <si>
    <t>83def8a5-fc88-44e0-aaae-27d4d2628cba.tmp</t>
  </si>
  <si>
    <t>\\acsfs\profiles$\julianeas\Downloads\83def8a5-fc88-44e0-aaae-27d4d2628cba.tmp</t>
  </si>
  <si>
    <t>7237c4c3-fd2f-4e7a-9c52-7a445bd3fa4f.tmp</t>
  </si>
  <si>
    <t>\\acsfs\profiles$\rafaelacdoc\Downloads\7237c4c3-fd2f-4e7a-9c52-7a445bd3fa4f.tmp</t>
  </si>
  <si>
    <t>ba4d22bd-8618-45bf-9280-b319f8293963.tmp</t>
  </si>
  <si>
    <t>\\acsfs\profiles$\rafaelacdoc\Downloads\ba4d22bd-8618-45bf-9280-b319f8293963.tmp</t>
  </si>
  <si>
    <t>mail.google.com/sync/u/0/i/s?hl=pt-BR&amp;c=2612</t>
  </si>
  <si>
    <t>mail.google.com/sync/u/0/i/s?hl=pt-BR&amp;c=2615</t>
  </si>
  <si>
    <t>mail.google.com/sync/u/0/i/s?hl=pt-BR&amp;c=2617</t>
  </si>
  <si>
    <t>mail.google.com/sync/u/0/i/s?hl=pt-BR&amp;c=2626</t>
  </si>
  <si>
    <t>mail.google.com/sync/u/0/i/s?hl=pt-BR&amp;c=2628</t>
  </si>
  <si>
    <t>e055d3a8-ec92-444e-a193-a455c2250ff8.tmp</t>
  </si>
  <si>
    <t>\\acsfs\profiles$\rosileiam\Downloads\e055d3a8-ec92-444e-a193-a455c2250ff8.tmp</t>
  </si>
  <si>
    <t>590e98f0-093b-4605-8d76-59a626fbf867.tmp</t>
  </si>
  <si>
    <t>\\acsfs\profiles$\rosileiam\Downloads\590e98f0-093b-4605-8d76-59a626fbf867.tmp</t>
  </si>
  <si>
    <t>7f33d4b5-de35-4de6-9d58-0fb05ba90bd8.tmp</t>
  </si>
  <si>
    <t>\\acsfs\profiles$\gabrielafs\Downloads\7f33d4b5-de35-4de6-9d58-0fb05ba90bd8.tmp</t>
  </si>
  <si>
    <t>lu142764zi0g93.tmp</t>
  </si>
  <si>
    <t>\\acsfs\DEPTOS\Operacao\Banco_Votorantim\Supervisao\SUPERS BV CARTÕES\ANA VITORIA\APOIO\lu142764zi0g93.tmp</t>
  </si>
  <si>
    <t>lu142764zi0g99.tmp</t>
  </si>
  <si>
    <t>\\acsfs\DEPTOS\Operacao\Banco_Votorantim\Supervisao\SUPERS BV CARTÕES\ANA VITORIA\APOIO\lu142764zi0g99.tmp</t>
  </si>
  <si>
    <t>\\acsfs\DEPTOS\Operacao\Banco_Votorantim\Supervisao\SUPERS BV CARTÕES\ANA VITORIA\APOIO\lu142764zi0g99.tmp\</t>
  </si>
  <si>
    <t>\\acsfs\DEPTOS\Operacao\Banco_Votorantim\Supervisao\SUPERS BV CARTÕES\ANA VITORIA\APOIO\lu142764zi0g99.tmp\META-INF\</t>
  </si>
  <si>
    <t>\\acsfs\DEPTOS\Operacao\Banco_Votorantim\Supervisao\SUPERS BV CARTÕES\ANA VITORIA\APOIO\lu142764zi0g99.tmp\Thumbnails\</t>
  </si>
  <si>
    <t>edbe90f9-7cc1-4887-bfd1-707f28b2f28d.tmp</t>
  </si>
  <si>
    <t>\\acsfs\profiles$\gabrielaff\Downloads\edbe90f9-7cc1-4887-bfd1-707f28b2f28d.tmp</t>
  </si>
  <si>
    <t>image2020-01-10-134013.pdf</t>
  </si>
  <si>
    <t>\\acsfs\DEPTOS\EDUCACAO EMPRESARIAL\2 - Operações\0 - BV\.PROVAS E ARQUIVOS DE TREINAMENTO\Formação CDC Haruna 02-12\Provas\Prova 09 - CRBV\image2020-01-10-134013.pdf</t>
  </si>
  <si>
    <t>\\acsfs\DEPTOS\EDUCACAO EMPRESARIAL\2 - Operações\0 - BV\.PROVAS E ARQUIVOS DE TREINAMENTO\Formação CDC Haruna 02-12\Provas\Prova 09 - CRBV\image2020-01-10-134013.pdf\</t>
  </si>
  <si>
    <t>\\acsfs\DEPTOS\EDUCACAO EMPRESARIAL\2 - Operações\0 - BV\.PROVAS E ARQUIVOS DE TREINAMENTO\Formação CDC Haruna 02-12\Provas\Prova 09 - CRBV\image2020-01-10-134013.pdf\:Zone.Identifier:$DATA</t>
  </si>
  <si>
    <t>mail.google.com/sync/u/0/i/s?hl=pt-BR&amp;c=2642</t>
  </si>
  <si>
    <t>mail.google.com/sync/u/0/i/s?hl=pt-BR&amp;c=2644</t>
  </si>
  <si>
    <t>mail.google.com/sync/u/0/i/s?hl=pt-BR&amp;c=2646</t>
  </si>
  <si>
    <t>bvcartes-supervisores@algarnet.onmicrosoft.com;bvs-centralcartoes@bv.com.br;</t>
  </si>
  <si>
    <t>bvcartes-supervisores@algarnet.onmicrosoft.com,bvs-centralcartoes@bv.com.br</t>
  </si>
  <si>
    <t>mail.google.com/sync/u/0/i/s?hl=pt-BR&amp;c=2650</t>
  </si>
  <si>
    <t>mail.google.com/sync/u/0/i/s?hl=pt-BR&amp;c=2652</t>
  </si>
  <si>
    <t>764bd5c3-229a-45bd-849e-ccbbe6b14fb8.tmp</t>
  </si>
  <si>
    <t>\\acsfs\profiles$\ERICALSR\Downloads\764bd5c3-229a-45bd-849e-ccbbe6b14fb8.tmp</t>
  </si>
  <si>
    <t>C:\Users\ythiakgm\Desktop\area\area 2019\Treinamento CIPA 17 18.pptx\</t>
  </si>
  <si>
    <t>Planilha_do_Microsoft_Excel_97-20031.xls</t>
  </si>
  <si>
    <t>if1zeudecgohqbldwartrepfvbuxf1tfvepmw1kbuek=</t>
  </si>
  <si>
    <t>b2aae21b-4945-4c33-94cf-a4e50ce8c56f.tmp</t>
  </si>
  <si>
    <t>\\acsfs\profiles$\KARENJSS\Downloads\b2aae21b-4945-4c33-94cf-a4e50ce8c56f.tmp</t>
  </si>
  <si>
    <t>5e024379-04a6-424e-8ceb-4d1161f6ee8f.tmp</t>
  </si>
  <si>
    <t>\\acsfs\profiles$\francislayneads\Downloads\5e024379-04a6-424e-8ceb-4d1161f6ee8f.tmp</t>
  </si>
  <si>
    <t>XLOG_ellencds_10012020_070400.log</t>
  </si>
  <si>
    <t>\\acsfs\profiles$\ellencds\My Documents\xworkcenter\logs\XLOG_ellencds_10012020_070400.log</t>
  </si>
  <si>
    <t>image2020-01-10-142655.pdf</t>
  </si>
  <si>
    <t>mail.google.com/sync/u/0/i/s?hl=pt-BR&amp;c=2656</t>
  </si>
  <si>
    <t>2e996b3a-0014-465e-b8bf-2ed927505ba9.tmp</t>
  </si>
  <si>
    <t>\\acsfs\profiles$\rosileiam\Downloads\2e996b3a-0014-465e-b8bf-2ed927505ba9.tmp</t>
  </si>
  <si>
    <t>Agent State Details 09.01.2020.xlsx</t>
  </si>
  <si>
    <t>\\acsfs\deptos\Operacao\PCP\5 - Comum\PLANEJAMENTO BV\23 - EXTRAÇÕES\Agent State Details\2020\JANEIRO\Agent State Details 09.01.2020.xlsx</t>
  </si>
  <si>
    <t>c:\users\flaviacno\downloads\</t>
  </si>
  <si>
    <t>formulário - aviso de 2ª advertência disciplinar.doc</t>
  </si>
  <si>
    <t>XLOG_gleycekos_10012020_075148.log</t>
  </si>
  <si>
    <t>\\acsfs\profiles$\gleycekos\My Documents\xworkcenter\logs\XLOG_gleycekos_10012020_075148.log</t>
  </si>
  <si>
    <t>\\acsfs\profiles$\flaviacdst\My Documents\My Pictures\</t>
  </si>
  <si>
    <t>\\acsfs\profiles$\flaviacdst\My Documents\My Videos\desktop.ini</t>
  </si>
  <si>
    <t>\\acsfs\profiles$\flaviacdst\My Documents\My Videos\</t>
  </si>
  <si>
    <t>\\acsfs\profiles$\flaviacdst\My Documents\My Music\</t>
  </si>
  <si>
    <t>\\acsfs\profiles$\flaviacdst\My Documents\My Pictures\desktop.ini</t>
  </si>
  <si>
    <t>\\acsfs\profiles$\flaviacdst\Contacts\</t>
  </si>
  <si>
    <t>\\acsfs\profiles$\flaviacdst\Contacts\desktop.ini</t>
  </si>
  <si>
    <t>\\acsfs\profiles$\flaviacdst\My Documents\</t>
  </si>
  <si>
    <t>\\acsfs\profiles$\flaviacdst\Favorites\desktop.ini</t>
  </si>
  <si>
    <t>\\acsfs\profiles$\flaviacdst\My Documents\My Music\desktop.ini</t>
  </si>
  <si>
    <t>\\acsfs\profiles$\flaviacdst\Searches\</t>
  </si>
  <si>
    <t>\\acsfs\profiles$\flaviacdst\Searches\desktop.ini</t>
  </si>
  <si>
    <t>a5285e51-caea-4eb7-b317-6cb3b8c4aedc.tmp</t>
  </si>
  <si>
    <t>\\acsfs\profiles$\paulohaf\Downloads\a5285e51-caea-4eb7-b317-6cb3b8c4aedc.tmp</t>
  </si>
  <si>
    <t>247ef68b-2c60-4183-af2b-1028977bd5a6.tmp</t>
  </si>
  <si>
    <t>\\acsfs\profiles$\paulohaf\Downloads\247ef68b-2c60-4183-af2b-1028977bd5a6.tmp</t>
  </si>
  <si>
    <t>a2365983-8de5-420f-a1c3-52e489c0586a.tmp</t>
  </si>
  <si>
    <t>\\acsfs\profiles$\paulohaf\Downloads\a2365983-8de5-420f-a1c3-52e489c0586a.tmp</t>
  </si>
  <si>
    <t>0a64b702-d7bd-4a22-b1fc-eda2ae6572c0.tmp</t>
  </si>
  <si>
    <t>\\acsfs\profiles$\paulohaf\Downloads\0a64b702-d7bd-4a22-b1fc-eda2ae6572c0.tmp</t>
  </si>
  <si>
    <t>XLOG_tiagosno_10012020_071253.log</t>
  </si>
  <si>
    <t>\\acsfs\profiles$\tiagosno\My Documents\xworkcenter\logs\XLOG_tiagosno_10012020_071253.log</t>
  </si>
  <si>
    <t>\\acsfs\ACS\Gabriel da Silva\Contemporânea\Comissão e Incentivo\24ABDC8A.tmp\</t>
  </si>
  <si>
    <t>\\acsfs\ACS\Gabriel da Silva\Contemporânea\Comissão e Incentivo\24ABDC8A.tmp\:Zone.Identifier:$DATA</t>
  </si>
  <si>
    <t>Incentivo BV - SAC.xlsx</t>
  </si>
  <si>
    <t>\\acsfs\ACS\Gabriel da Silva\Contemporânea\Comissão e Incentivo\Incentivo BV - SAC.xlsx</t>
  </si>
  <si>
    <t>mail.google.com/sync/u/0/i/s?hl=pt-BR&amp;c=2676</t>
  </si>
  <si>
    <t>Carteira Raquel.xlsx</t>
  </si>
  <si>
    <t>lu33281enht.tmp</t>
  </si>
  <si>
    <t>\\acsfs\profiles$\ALEXANDREMM\lu33281enht.tmp</t>
  </si>
  <si>
    <t>\\acsfs\profiles$\ALEXANDREMM\lu33281enht.tmp\</t>
  </si>
  <si>
    <t>\\acsfs\profiles$\ALEXANDREMM\lu33281enht.tmp\META-INF\</t>
  </si>
  <si>
    <t>\\acsfs\profiles$\ALEXANDREMM\lu33281enht.tmp\Thumbnails\</t>
  </si>
  <si>
    <t>lu33281enhx.tmp</t>
  </si>
  <si>
    <t>\\acsfs\profiles$\ALEXANDREMM\lu33281enhx.tmp</t>
  </si>
  <si>
    <t>\\acsfs\profiles$\ALEXANDREMM\lu33281enhx.tmp\</t>
  </si>
  <si>
    <t>\\acsfs\profiles$\ALEXANDREMM\lu33281enhx.tmp\META-INF\</t>
  </si>
  <si>
    <t>\\acsfs\profiles$\ALEXANDREMM\lu33281enhx.tmp\Thumbnails\</t>
  </si>
  <si>
    <t>6cfa4b1b-debc-4e45-9b01-b75d23bff76d.tmp</t>
  </si>
  <si>
    <t>\\acsfs\profiles$\cintiadjl\Downloads\6cfa4b1b-debc-4e45-9b01-b75d23bff76d.tmp</t>
  </si>
  <si>
    <t>\\acsfs\profiles$\flaviacdst\Downloads\</t>
  </si>
  <si>
    <t>\\acsfs\profiles$\flaviacdst\Downloads\desktop.ini</t>
  </si>
  <si>
    <t>\\acsfs\profiles$\flaviacdst\My Documents\desktop.ini</t>
  </si>
  <si>
    <t>6b074ac8-eb40-4d2b-8817-19c4329e7afa.tmp</t>
  </si>
  <si>
    <t>\\acsfs\profiles$\henriquehmdo\Downloads\6b074ac8-eb40-4d2b-8817-19c4329e7afa.tmp</t>
  </si>
  <si>
    <t>lu39408721mlu.tmp</t>
  </si>
  <si>
    <t>\\acsfs\profiles$\jalilebds\Downloads\lu39408721mlu.tmp</t>
  </si>
  <si>
    <t>\\acsfs\ACS\Gabriel da Silva\Contemporânea\Comissão e Incentivo\571F2C37.tmp\</t>
  </si>
  <si>
    <t>\\acsfs\ACS\Gabriel da Silva\Contemporânea\Comissão e Incentivo\571F2C37.tmp\:Zone.Identifier:$DATA</t>
  </si>
  <si>
    <t>e2333f76-a515-4f39-921f-8f4c31f3503f.tmp</t>
  </si>
  <si>
    <t>\\acsfs\profiles$\antoniosva\Downloads\e2333f76-a515-4f39-921f-8f4c31f3503f.tmp</t>
  </si>
  <si>
    <t>29d97ca8-2038-4bdc-80ee-584f882db18a.tmp</t>
  </si>
  <si>
    <t>\\acsfs\profiles$\ayalabfi\Downloads\29d97ca8-2038-4bdc-80ee-584f882db18a.tmp</t>
  </si>
  <si>
    <t>mail.google.com/sync/u/0/i/s?hl=pt-BR&amp;c=2683</t>
  </si>
  <si>
    <t>mail.google.com/sync/u/0/i/s?hl=pt-BR&amp;c=2686</t>
  </si>
  <si>
    <t>mail.google.com/sync/u/0/i/s?hl=pt-BR&amp;c=2688</t>
  </si>
  <si>
    <t>mail.google.com/sync/u/0/i/s?hl=pt-BR&amp;c=2690</t>
  </si>
  <si>
    <t>17/01/1968;</t>
  </si>
  <si>
    <t>https://17/01/1968</t>
  </si>
  <si>
    <t>e33e1446-73b8-403b-a433-7be9774628bf.tmp</t>
  </si>
  <si>
    <t>\\acsfs\profiles$\fabianafv\Downloads\e33e1446-73b8-403b-a433-7be9774628bf.tmp</t>
  </si>
  <si>
    <t>689eafd4-85ee-4842-be29-f4264f5ceebe.tmp</t>
  </si>
  <si>
    <t>\\acsfs\profiles$\fabianafv\Downloads\689eafd4-85ee-4842-be29-f4264f5ceebe.tmp</t>
  </si>
  <si>
    <t>58c3a853-e48d-4a18-9f52-4209b1f64f9b.tmp</t>
  </si>
  <si>
    <t>\\acsfs\profiles$\fabianafv\Downloads\58c3a853-e48d-4a18-9f52-4209b1f64f9b.tmp</t>
  </si>
  <si>
    <t>\\acsfs\ACS\Gabriel da Silva\Contemporânea\NPS\Histórico\C5CF93A7.tmp\</t>
  </si>
  <si>
    <t>\\acsfs\ACS\Gabriel da Silva\Contemporânea\NPS\Histórico\C5CF93A7.tmp\:Zone.Identifier:$DATA</t>
  </si>
  <si>
    <t>\\acsfs\ACS\Gabriel da Silva\Contemporânea\NPS\Histórico\NPS CONSIGNADO_Dezembro.19.xlsx\</t>
  </si>
  <si>
    <t>\\acsfs\ACS\Gabriel da Silva\Contemporânea\NPS\Histórico\NPS CONSIGNADO_Dezembro.19.xlsx</t>
  </si>
  <si>
    <t>\\acsfs\ACS\Gabriel da Silva\Contemporânea\NPS\Histórico\</t>
  </si>
  <si>
    <t>NPS CONSIGNADO_Dezembro.19.xlsx</t>
  </si>
  <si>
    <t>\\acsfs\ACS\Gabriel da Silva\Contemporânea\NPS\Histórico\C8581FE3.tmp\</t>
  </si>
  <si>
    <t>\\acsfs\ACS\Gabriel da Silva\Contemporânea\NPS\Histórico\C8581FE3.tmp\:Zone.Identifier:$DATA</t>
  </si>
  <si>
    <t>\\acsfs\profiles$\flaviacdst\Saved Games\desktop.ini</t>
  </si>
  <si>
    <t>356e4560-87cd-474f-b099-032e983b95b5.tmp</t>
  </si>
  <si>
    <t>\\acsfs\profiles$\inarajst\Downloads\356e4560-87cd-474f-b099-032e983b95b5.tmp</t>
  </si>
  <si>
    <t>https://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7796ac4-0c3d-4173-99e9-1a6b82969f3e.tmp</t>
  </si>
  <si>
    <t>\\acsfs\profiles$\brunalas\Downloads\07796ac4-0c3d-4173-99e9-1a6b82969f3e.tmp</t>
  </si>
  <si>
    <t>Dimensionamento_Janeiro Financeira (1).xlsx</t>
  </si>
  <si>
    <t>\\acsfs\DEPTOS\Operacao\Banco_Votorantim\Qualidade\Eliane\Dimensionamento_Janeiro Financeira (1).xlsx</t>
  </si>
  <si>
    <t>\\acsfs\DEPTOS\Operacao\Banco_Votorantim\Qualidade\Eliane\Dimensionamento_Janeiro Financeira (1).xlsx\</t>
  </si>
  <si>
    <t>\\acsfs\DEPTOS\Operacao\Banco_Votorantim\Qualidade\Eliane\Dimensionamento_Janeiro Financeira (1).xlsx\:Zone.Identifier:$DATA</t>
  </si>
  <si>
    <t>fa4374d5-469a-4fa1-978a-eafe56549f42.tmp</t>
  </si>
  <si>
    <t>\\acsfs\profiles$\laurandos\Downloads\fa4374d5-469a-4fa1-978a-eafe56549f42.tmp</t>
  </si>
  <si>
    <t>f337e990-3b18-4dcc-9699-711ee1a6b660.tmp</t>
  </si>
  <si>
    <t>\\acsfs\profiles$\laurandos\Downloads\f337e990-3b18-4dcc-9699-711ee1a6b660.tmp</t>
  </si>
  <si>
    <t>d03c4314-fe37-44dd-83bf-b9f9946daaa2.tmp</t>
  </si>
  <si>
    <t>\\acsfs\profiles$\laurandos\Downloads\d03c4314-fe37-44dd-83bf-b9f9946daaa2.tmp</t>
  </si>
  <si>
    <t>XLOG_anacdos_10012020_070356.log</t>
  </si>
  <si>
    <t>\\acsfs\profiles$\anacdos\My Documents\xworkcenter\logs\XLOG_anacdos_10012020_070356.log</t>
  </si>
  <si>
    <t>lu39408721mm0.tmp</t>
  </si>
  <si>
    <t>\\acsfs\profiles$\jalilebds\Downloads\lu39408721mm0.tmp</t>
  </si>
  <si>
    <t>1e4559b7-84c6-4787-9d44-0b21b9c73abe.tmp</t>
  </si>
  <si>
    <t>\\acsfs\profiles$\geovannasm\Downloads\1e4559b7-84c6-4787-9d44-0b21b9c73abe.tmp</t>
  </si>
  <si>
    <t>bcf5dcb2-ed6c-4cc6-8ab6-a1cddef4b10c.tmp</t>
  </si>
  <si>
    <t>\\acsfs\profiles$\geovannasm\Downloads\bcf5dcb2-ed6c-4cc6-8ab6-a1cddef4b10c.tmp</t>
  </si>
  <si>
    <t>c7e85339-037e-40b7-9b7c-1f32964af3a9.tmp</t>
  </si>
  <si>
    <t>\\acsfs\profiles$\Angelicacldr\Downloads\c7e85339-037e-40b7-9b7c-1f32964af3a9.tmp</t>
  </si>
  <si>
    <t>\\acsfs\ACS\Gabriel da Silva\Contemporânea\NPS\Histórico\2E0A8D61.tmp\</t>
  </si>
  <si>
    <t>\\acsfs\ACS\Gabriel da Silva\Contemporânea\NPS\Histórico\2E0A8D61.tmp\:Zone.Identifier:$DATA</t>
  </si>
  <si>
    <t>100016016412308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6016412308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AGENT LOGIN LOGOUT DETAILS REPORT 09.01.2020.xlsx</t>
  </si>
  <si>
    <t>\\acsfs\deptos\Operacao\PCP\5 - Comum\PLANEJAMENTO BV\23 - EXTRAÇÕES\Agente Login Logout details report\2020\JANEIRO\AGENT LOGIN LOGOUT DETAILS REPORT 09.01.2020.xlsx</t>
  </si>
  <si>
    <t>3eb6ba33-ebd8-4c49-8caf-266a65c9d9ba.tmp</t>
  </si>
  <si>
    <t>\\acsfs\profiles$\cintiadjl\Downloads\3eb6ba33-ebd8-4c49-8caf-266a65c9d9ba.tmp</t>
  </si>
  <si>
    <t>C:\Users\lilianeadb\Documents\ISOS\</t>
  </si>
  <si>
    <t>ISOs.xlsx</t>
  </si>
  <si>
    <t>837e04df-f799-45c5-9c81-fa93c3929df2.tmp</t>
  </si>
  <si>
    <t>\\acsfs\profiles$\sarahbal\Downloads\837e04df-f799-45c5-9c81-fa93c3929df2.tmp</t>
  </si>
  <si>
    <t>Mis Pesquisa de Satisfação - URA</t>
  </si>
  <si>
    <t>\\acsfs\deptos\Operacao\PCP\5 - Comum\PLANEJAMENTO BV\23 - EXTRAÇÕES\Queue Summary Report\2020\</t>
  </si>
  <si>
    <t>\\acsfs\deptos\Operacao\PCP\5 - Comum\PLANEJAMENTO BV\23 - EXTRAÇÕES\Queue Summary Report\2020\Queue Summary Report 01.01.20 a 07.01.2020.xlsx</t>
  </si>
  <si>
    <t>9120efdf-9886-4769-a3bb-b4f4a348e774.tmp</t>
  </si>
  <si>
    <t>\\acsfs\profiles$\KARENJSS\Downloads\9120efdf-9886-4769-a3bb-b4f4a348e774.tmp</t>
  </si>
  <si>
    <t>andressaps@algartech.com.br;fabiolacc@algartech.com;janainaaa@algartech.com.br;larissacsj@algartech.com.br;lilianbcr@algartech.com.br;marcotvo@algartech.com;marianaals@algartech.com.br;suciellerr@algartech.com.br;tamiresgp@algartech.com.br;</t>
  </si>
  <si>
    <t>Análise de Qualidade_OTJ CAC</t>
  </si>
  <si>
    <t>OTJ_Fabi.xlsx</t>
  </si>
  <si>
    <t>andressaps@algartech.com.br,fabiolacc@algartech.com,janainaaa@algartech.com.br,larissacsj@algartech.com.br,lilianbcr@algartech.com.br,marcotvo@algartech.com,marianaals@algartech.com.br,suciellerr@algartech.com.br,tamiresgp@algartech.com.br</t>
  </si>
  <si>
    <t>f8c73a43-f144-4711-932b-90d6448cfa3b.tmp</t>
  </si>
  <si>
    <t>\\acsfs\profiles$\laurandos\Downloads\f8c73a43-f144-4711-932b-90d6448cfa3b.tmp</t>
  </si>
  <si>
    <t>0cce64bc-2606-468a-abaf-f29cd661961b.tmp</t>
  </si>
  <si>
    <t>\\acsfs\profiles$\laurandos\Downloads\0cce64bc-2606-468a-abaf-f29cd661961b.tmp</t>
  </si>
  <si>
    <t>\\acsfs\Deptos\Comercial\LICITAÇÃO\DOCUMENTAÇÃO\</t>
  </si>
  <si>
    <t>Relação de Certificações de Associados_atualizadas_25.09.2019.xlsx</t>
  </si>
  <si>
    <t>b76b2427-12b2-4b06-90f2-13fcce09d64a.tmp</t>
  </si>
  <si>
    <t>\\acsfs\profiles$\gabrielaff\Downloads\b76b2427-12b2-4b06-90f2-13fcce09d64a.tmp</t>
  </si>
  <si>
    <t>e81e021e-9f36-4835-a1e5-a1b439d99594.tmp</t>
  </si>
  <si>
    <t>\\acsfs\profiles$\andreapdsg\Downloads\e81e021e-9f36-4835-a1e5-a1b439d99594.tmp</t>
  </si>
  <si>
    <t>115abef7-8d00-42dc-b1de-bb20f75e25da.tmp</t>
  </si>
  <si>
    <t>\\acsfs\profiles$\andreapdsg\Downloads\115abef7-8d00-42dc-b1de-bb20f75e25da.tmp</t>
  </si>
  <si>
    <t>C:\Users\rodrigormc\Desktop\Comissão\</t>
  </si>
  <si>
    <t>Comissão Fechamento Dez_2019.xlsx</t>
  </si>
  <si>
    <t>ee18bc22-2856-4ea8-9107-4c103bd70bed.tmp</t>
  </si>
  <si>
    <t>\\acsfs\profiles$\gabrielamdp\Downloads\ee18bc22-2856-4ea8-9107-4c103bd70bed.tmp</t>
  </si>
  <si>
    <t>https://udpmailboxap01.acs.com.br:8443/h/search?si=0&amp;so=0&amp;sc=69856&amp;sfi=2&amp;st=conversation&amp;action=compose</t>
  </si>
  <si>
    <t>fe7265f7-d333-47da-81d3-33f0d1f5bc1c.tmp</t>
  </si>
  <si>
    <t>\\acsfs\profiles$\anafsb\Downloads\fe7265f7-d333-47da-81d3-33f0d1f5bc1c.tmp</t>
  </si>
  <si>
    <t>mail.google.com/sync/u/0/i/s?hl=pt-BR&amp;c=2701</t>
  </si>
  <si>
    <t>mail.google.com/sync/u/0/i/s?hl=pt-BR&amp;c=2704</t>
  </si>
  <si>
    <t>Agent utilization 01.01.2020 a 08.01.2020.xlsx</t>
  </si>
  <si>
    <t>\\acsfs\deptos\Operacao\PCP\5 - Comum\PLANEJAMENTO BV\23 - EXTRAÇÕES\Agent utilization\2020\Agent utilization 01.01.2020 a 08.01.2020.xlsx</t>
  </si>
  <si>
    <t>eff57a6d-fe73-4be1-8812-516e634ca1f8.tmp</t>
  </si>
  <si>
    <t>\\acsfs\profiles$\edicarlosdl\Downloads\eff57a6d-fe73-4be1-8812-516e634ca1f8.tmp</t>
  </si>
  <si>
    <t>\\acsfs\ACS\Gabriel da Silva\Contemporânea\Comissão e Incentivo\95715236.tmp\</t>
  </si>
  <si>
    <t>\\acsfs\ACS\Gabriel da Silva\Contemporânea\Comissão e Incentivo\95715236.tmp\:Zone.Identifier:$DATA</t>
  </si>
  <si>
    <t>Incentivo BV - CRBV.xlsx</t>
  </si>
  <si>
    <t>\\acsfs\ACS\Gabriel da Silva\Contemporânea\Comissão e Incentivo\Incentivo BV - CRBV.xlsx</t>
  </si>
  <si>
    <t>\\acsfs\ACS\Gabriel da Silva\Contemporânea\Comissão e Incentivo\DAE2B825.tmp\</t>
  </si>
  <si>
    <t>\\acsfs\ACS\Gabriel da Silva\Contemporânea\Comissão e Incentivo\DAE2B825.tmp\:Zone.Identifier:$DATA</t>
  </si>
  <si>
    <t>\\acsfs\ACS\Gabriel da Silva\Contemporânea\Comissão e Incentivo\26056240.tmp\</t>
  </si>
  <si>
    <t>\\acsfs\ACS\Gabriel da Silva\Contemporânea\Comissão e Incentivo\26056240.tmp\:Zone.Identifier:$DATA</t>
  </si>
  <si>
    <t>120b3394-339c-41ad-aed4-1bbb9fbe1ff8.tmp</t>
  </si>
  <si>
    <t>\\acsfs\profiles$\anafsb\Downloads\120b3394-339c-41ad-aed4-1bbb9fbe1ff8.tmp</t>
  </si>
  <si>
    <t>a50a1668-2e82-49d3-9fc9-0ca285b5dd56.tmp</t>
  </si>
  <si>
    <t>\\acsfs\profiles$\anafsb\Downloads\a50a1668-2e82-49d3-9fc9-0ca285b5dd56.tmp</t>
  </si>
  <si>
    <t>ea3bc7de-ddec-4784-9bd1-1518a2d93c82.tmp</t>
  </si>
  <si>
    <t>\\acsfs\profiles$\anafsb\Downloads\ea3bc7de-ddec-4784-9bd1-1518a2d93c82.tmp</t>
  </si>
  <si>
    <t>b150ea4d-a034-4f60-9bf4-a8981bbf8d29.tmp</t>
  </si>
  <si>
    <t>\\acsfs\profiles$\ayalabfi\Downloads\b150ea4d-a034-4f60-9bf4-a8981bbf8d29.tmp</t>
  </si>
  <si>
    <t>e5e2882a-1abf-4f18-94f6-feb3672978d8.tmp</t>
  </si>
  <si>
    <t>\\acsfs\profiles$\gabrielhca\Downloads\e5e2882a-1abf-4f18-94f6-feb3672978d8.tmp</t>
  </si>
  <si>
    <t>548294fe-93b6-404a-86c9-f69fa8cbab74.tmp</t>
  </si>
  <si>
    <t>\\acsfs\profiles$\KARENDSR\Downloads\548294fe-93b6-404a-86c9-f69fa8cbab74.tmp</t>
  </si>
  <si>
    <t>a232829b-51c4-4fae-bd5f-acba17f0a282.tmp</t>
  </si>
  <si>
    <t>\\acsfs\profiles$\inarajst\Downloads\a232829b-51c4-4fae-bd5f-acba17f0a282.tmp</t>
  </si>
  <si>
    <t>nayaranao</t>
  </si>
  <si>
    <t>\\acsfs\profiles$\nayaranao\My Documents\My Pictures\</t>
  </si>
  <si>
    <t>\\acsfs\profiles$\nayaranao\My Documents\My Videos\desktop.ini</t>
  </si>
  <si>
    <t>\\acsfs\profiles$\nayaranao\My Documents\My Music\</t>
  </si>
  <si>
    <t>\\acsfs\profiles$\nayaranao\My Documents\My Pictures\desktop.ini</t>
  </si>
  <si>
    <t>\\acsfs\profiles$\nayaranao\Contacts\</t>
  </si>
  <si>
    <t>\\acsfs\profiles$\nayaranao\Contacts\desktop.ini</t>
  </si>
  <si>
    <t>\\acsfs\profiles$\nayaranao\Favorites\desktop.ini</t>
  </si>
  <si>
    <t>\\acsfs\profiles$\nayaranao\My Documents\My Music\desktop.ini</t>
  </si>
  <si>
    <t>\\acsfs\profiles$\nayaranao\Searches\</t>
  </si>
  <si>
    <t>\\acsfs\profiles$\nayaranao\Searches\desktop.ini</t>
  </si>
  <si>
    <t>\\acsfs\profiles$\nayaranao\Downloads\</t>
  </si>
  <si>
    <t>\\acsfs\profiles$\nayaranao\Downloads\desktop.ini</t>
  </si>
  <si>
    <t>\\acsfs\profiles$\nayaranao\Favorites\</t>
  </si>
  <si>
    <t>\\acsfs\profiles$\nayaranao\My Documents\desktop.ini</t>
  </si>
  <si>
    <t>\\acsfs\profiles$\nayaranao\Saved Games\desktop.ini</t>
  </si>
  <si>
    <t>\\acsfs\profiles$\nayaranao\Searches\winrt--{S-1-5-21-602162358-764733703-839522115-358573}-.searchconnector-ms</t>
  </si>
  <si>
    <t>lu39408721mmc.tmp</t>
  </si>
  <si>
    <t>\\acsfs\profiles$\jalilebds\Downloads\lu39408721mmc.tmp</t>
  </si>
  <si>
    <t>953ce8e0-1635-4e80-8d71-302ab21227a3.tmp</t>
  </si>
  <si>
    <t>\\acsfs\profiles$\myllenardl\Downloads\953ce8e0-1635-4e80-8d71-302ab21227a3.tmp</t>
  </si>
  <si>
    <t>55edb813-524c-4144-936a-73b5e6a418d0.tmp</t>
  </si>
  <si>
    <t>\\acsfs\profiles$\myllenardl\Downloads\55edb813-524c-4144-936a-73b5e6a418d0.tmp</t>
  </si>
  <si>
    <t>e9f3f606-d023-4d4b-8dda-c6a120452b17.tmp</t>
  </si>
  <si>
    <t>\\acsfs\profiles$\myllenardl\Downloads\e9f3f606-d023-4d4b-8dda-c6a120452b17.tmp</t>
  </si>
  <si>
    <t>\\acsfs\ACS\Gabriel da Silva\Contemporânea\Comissão e Incentivo\328A71F7.tmp\</t>
  </si>
  <si>
    <t>\\acsfs\ACS\Gabriel da Silva\Contemporânea\Comissão e Incentivo\328A71F7.tmp\:Zone.Identifier:$DATA</t>
  </si>
  <si>
    <t>\\acsfs\ACS\Gabriel da Silva\Contemporânea\Comissão e Incentivo\42C8BD7A.tmp\</t>
  </si>
  <si>
    <t>\\acsfs\ACS\Gabriel da Silva\Contemporânea\Comissão e Incentivo\42C8BD7A.tmp\:Zone.Identifier:$DATA</t>
  </si>
  <si>
    <t>Relatorio de Vendas - Auditoria BV Cartoes (Janeiro)...50 - Cópia - Cópia (2).xlsx</t>
  </si>
  <si>
    <t>\\acsfs\DEPTOS\Operacao\Banco_Votorantim\Qualidade\Anderson\Jose\Atualizado\Relatorio de Vendas - Auditoria BV Cartoes (Janeiro)...50 - Cópia - Cópia (2).xlsx</t>
  </si>
  <si>
    <t>5eaf9714-78cd-4d8b-89ff-fdf5a0a19a0c.tmp</t>
  </si>
  <si>
    <t>\\acsfs\profiles$\welidicdj\Downloads\5eaf9714-78cd-4d8b-89ff-fdf5a0a19a0c.tmp</t>
  </si>
  <si>
    <t>15/03/1960;</t>
  </si>
  <si>
    <t>https://15/03/1960</t>
  </si>
  <si>
    <t>chamados service desk.txt</t>
  </si>
  <si>
    <t>\\acsfs\Deptos\Operacao\Banco_Votorantim\Supervisao\Maristela\CRBV vendas\Desligamento\chamados service desk.txt</t>
  </si>
  <si>
    <t>\\acsfs\Deptos\Operacao\Banco_Votorantim\Supervisao\Maristela\CRBV vendas\</t>
  </si>
  <si>
    <t>\\acsfs\Deptos\Operacao\Banco_Votorantim\Supervisao\Maristela\CRBV vendas\Dados associados.xlsx</t>
  </si>
  <si>
    <t>794d77e9-a907-426d-906d-c2d443cb27c6.tmp</t>
  </si>
  <si>
    <t>\\acsfs\profiles$\henriquehmdo\Downloads\794d77e9-a907-426d-906d-c2d443cb27c6.tmp</t>
  </si>
  <si>
    <t>lu39408721mmf.tmp</t>
  </si>
  <si>
    <t>\\acsfs\profiles$\jalilebds\Downloads\lu39408721mmf.tmp</t>
  </si>
  <si>
    <t>Comunicado Alice OK.zip</t>
  </si>
  <si>
    <t>C:\Users\adilsonloj\Downloads\Comunicado Alice OK.zip\</t>
  </si>
  <si>
    <t>Carta Digitalizada.JPG</t>
  </si>
  <si>
    <t>image2019-12-24-163030.pdf</t>
  </si>
  <si>
    <t>https://algar.folhasinergyrh.com.br/rescisao/upload?id=0&amp;idsolicitacao=20160&amp;idprerescisao=0</t>
  </si>
  <si>
    <t>529343cd-81c1-4e12-9a5e-efc99c7ce27e.tmp</t>
  </si>
  <si>
    <t>\\acsfs\profiles$\andressamf\Downloads\529343cd-81c1-4e12-9a5e-efc99c7ce27e.tmp</t>
  </si>
  <si>
    <t>8b4ddcc6-32c4-4084-9edf-ee8d006d0b5e.tmp</t>
  </si>
  <si>
    <t>\\acsfs\profiles$\Adrieledgc\Downloads\8b4ddcc6-32c4-4084-9edf-ee8d006d0b5e.tmp</t>
  </si>
  <si>
    <t>lu142764zi0ga0.tmp</t>
  </si>
  <si>
    <t>\\acsfs\DEPTOS\Operacao\Banco_Votorantim\Supervisao\SUPERS BV CARTÕES\ANA VITORIA\APOIO\lu142764zi0ga0.tmp</t>
  </si>
  <si>
    <t>lu142764zi0ga3.tmp</t>
  </si>
  <si>
    <t>\\acsfs\DEPTOS\Operacao\Banco_Votorantim\Supervisao\SUPERS BV CARTÕES\ANA VITORIA\APOIO\lu142764zi0ga3.tmp</t>
  </si>
  <si>
    <t>\\acsfs\DEPTOS\Operacao\Banco_Votorantim\Supervisao\SUPERS BV CARTÕES\ANA VITORIA\APOIO\lu142764zi0ga3.tmp\</t>
  </si>
  <si>
    <t>\\acsfs\DEPTOS\Operacao\Banco_Votorantim\Supervisao\SUPERS BV CARTÕES\ANA VITORIA\APOIO\lu142764zi0ga3.tmp\META-INF\</t>
  </si>
  <si>
    <t>\\acsfs\DEPTOS\Operacao\Banco_Votorantim\Supervisao\SUPERS BV CARTÕES\ANA VITORIA\APOIO\lu142764zi0ga3.tmp\Thumbnails\</t>
  </si>
  <si>
    <t>498fee6c-b55f-4763-ab23-640f3f7cf3e8.tmp</t>
  </si>
  <si>
    <t>\\acsfs\profiles$\gabrielamdp\Downloads\498fee6c-b55f-4763-ab23-640f3f7cf3e8.tmp</t>
  </si>
  <si>
    <t>e4c27bea-094d-401e-8386-1d59c13a46e4.tmp</t>
  </si>
  <si>
    <t>\\acsfs\profiles$\inarajst\Downloads\e4c27bea-094d-401e-8386-1d59c13a46e4.tmp</t>
  </si>
  <si>
    <t>adc1fc4e-49d7-4a2b-989d-73eaf53b3b55.tmp</t>
  </si>
  <si>
    <t>\\acsfs\profiles$\inarajst\Downloads\adc1fc4e-49d7-4a2b-989d-73eaf53b3b55.tmp</t>
  </si>
  <si>
    <t>5c5032f5-091a-40d7-bf98-7c4db5fabd4e.tmp</t>
  </si>
  <si>
    <t>\\acsfs\profiles$\joycemmdl\Downloads\5c5032f5-091a-40d7-bf98-7c4db5fabd4e.tmp</t>
  </si>
  <si>
    <t>073bbc6a-d7a0-45e3-afed-cb0088f8670b.tmp</t>
  </si>
  <si>
    <t>\\acsfs\profiles$\joycemmdl\Downloads\073bbc6a-d7a0-45e3-afed-cb0088f8670b.tmp</t>
  </si>
  <si>
    <t>78cb23e3-ac69-4d5e-9a92-7fc6f38aa5dc.tmp</t>
  </si>
  <si>
    <t>\\acsfs\profiles$\Adrieledgc\Downloads\78cb23e3-ac69-4d5e-9a92-7fc6f38aa5dc.tmp</t>
  </si>
  <si>
    <t>RES: Estudo Indicadores</t>
  </si>
  <si>
    <t>ESTUDO_INDICADORES_FREDERICO.xlsx</t>
  </si>
  <si>
    <t>lu39408721mmi.tmp</t>
  </si>
  <si>
    <t>\\acsfs\profiles$\jalilebds\Downloads\lu39408721mmi.tmp</t>
  </si>
  <si>
    <t>0deca7b1-afdf-414b-9e97-cd212617f278.tmp</t>
  </si>
  <si>
    <t>\\acsfs\profiles$\andressamf\Downloads\0deca7b1-afdf-414b-9e97-cd212617f278.tmp</t>
  </si>
  <si>
    <t>lu39408721mml.tmp</t>
  </si>
  <si>
    <t>\\acsfs\profiles$\jalilebds\Downloads\lu39408721mml.tmp</t>
  </si>
  <si>
    <t>lu39408721mmo.tmp</t>
  </si>
  <si>
    <t>\\acsfs\profiles$\jalilebds\Downloads\lu39408721mmo.tmp</t>
  </si>
  <si>
    <t>25ba0bac-ef03-4d5f-bc02-98f67aa50586.tmp</t>
  </si>
  <si>
    <t>\\acsfs\profiles$\quindaizaagds\Downloads\25ba0bac-ef03-4d5f-bc02-98f67aa50586.tmp</t>
  </si>
  <si>
    <t>53f86b8a-1d05-467d-8326-95c2c900bc51.tmp</t>
  </si>
  <si>
    <t>\\acsfs\profiles$\quindaizaagds\Downloads\53f86b8a-1d05-467d-8326-95c2c900bc51.tmp</t>
  </si>
  <si>
    <t>9e07c1e1-d3a0-4659-8ce9-43f55d54331c.tmp</t>
  </si>
  <si>
    <t>\\acsfs\profiles$\quindaizaagds\Downloads\9e07c1e1-d3a0-4659-8ce9-43f55d54331c.tmp</t>
  </si>
  <si>
    <t>Relatorio de Vendas - Auditoria BV Cartoes (Janeiro)...50 - CLIENTE.xlsx</t>
  </si>
  <si>
    <t>\\acsfs\DEPTOS\Operacao\Banco_Votorantim\Qualidade\Anderson\Jose\Atualizado\Relatorio de Vendas - Auditoria BV Cartoes (Janeiro)...50 - CLIENTE.xlsx</t>
  </si>
  <si>
    <t>Relatorio de Vendas - Auditoria BV Cartoes (Janeiro)...50 - CLIENTE - Cópia.xlsx</t>
  </si>
  <si>
    <t>\\acsfs\DEPTOS\Operacao\Banco_Votorantim\Qualidade\Anderson\Jose\Atualizado\Relatorio de Vendas - Auditoria BV Cartoes (Janeiro)...50 - CLIENTE - Cópia.xlsx</t>
  </si>
  <si>
    <t>100016016412308;andrelpsa@algartech.com;joaogvc@algartech.com;josiascdsj@algartech.com;leonardoao@algartech.com;marianadjc@algartech.com;maristelavodq@bv.algartech.com;paulacn@algartech.com;qualidadealgarbv@algartech.com;ricardodfm@algartech.com;ricardodfm@algartech.com.br;supervisaobancovotorantim@algartech.com;taysdss@algartech.com;thiagolrc@bv.algartech.com;viniciussg@algartech.com;</t>
  </si>
  <si>
    <t>100016016412308,andrelpsa@algartech.com,joaogvc@algartech.com,josiascdsj@algartech.com,leonardoao@algartech.com,marianadjc@algartech.com,maristelavodq@bv.algartech.com,paulacn@algartech.com,qualidadealgarbv@algartech.com,ricardodfm@algartech.com,ricardodfm@algartech.com.br,supervisaobancovotorantim@algartech.com,taysdss@algartech.com,thiagolrc@bv.algartech.com,viniciussg@algartech.com</t>
  </si>
  <si>
    <t>09-01 RELATORIO DE LOGIN AVON - Cópia.xlsm</t>
  </si>
  <si>
    <t>\\acsfs\deptos\Operacao\PCP\5 - Comum\CONTROL DESK\2 - DAC2\Control Desk AVON\Relatorios\Status de login\2020\09-01 RELATORIO DE LOGIN AVON - Cópia.xlsm</t>
  </si>
  <si>
    <t>leandroal@algartech.com</t>
  </si>
  <si>
    <t>acompanhamentoaspect@algartech.com;telecom@algartech.com;</t>
  </si>
  <si>
    <t>C:\Users\leandroal.ACS\Documents\</t>
  </si>
  <si>
    <t>faveri ticket BV.xlsx</t>
  </si>
  <si>
    <t>acompanhamentoaspect@algartech.com,telecom@algartech.com</t>
  </si>
  <si>
    <t>6db04f4d-cd76-4990-9d4f-ae3fde0d4f7b.tmp</t>
  </si>
  <si>
    <t>\\acsfs\profiles$\laurandos\Downloads\6db04f4d-cd76-4990-9d4f-ae3fde0d4f7b.tmp</t>
  </si>
  <si>
    <t>0f267109-fac6-4913-b3df-6bee6ac01646.tmp</t>
  </si>
  <si>
    <t>\\acsfs\profiles$\gabrielamdp\Downloads\0f267109-fac6-4913-b3df-6bee6ac01646.tmp</t>
  </si>
  <si>
    <t>2b3acaea-4f8c-41b3-a5d8-7960b01d2238.tmp</t>
  </si>
  <si>
    <t>\\acsfs\profiles$\quindaizaagds\Downloads\2b3acaea-4f8c-41b3-a5d8-7960b01d2238.tmp</t>
  </si>
  <si>
    <t>3ee1dc69-7878-4b0f-ae21-f511b3d6a7c1.tmp</t>
  </si>
  <si>
    <t>\\acsfs\profiles$\quindaizaagds\Downloads\3ee1dc69-7878-4b0f-ae21-f511b3d6a7c1.tmp</t>
  </si>
  <si>
    <t>3980cde4-1e32-49e2-be2c-52b822088ff9.tmp</t>
  </si>
  <si>
    <t>\\acsfs\profiles$\quindaizaagds\Downloads\3980cde4-1e32-49e2-be2c-52b822088ff9.tmp</t>
  </si>
  <si>
    <t>11aac4cd-69e0-4a7a-83af-f2a9035f589e.tmp</t>
  </si>
  <si>
    <t>\\acsfs\profiles$\quindaizaagds\Downloads\11aac4cd-69e0-4a7a-83af-f2a9035f589e.tmp</t>
  </si>
  <si>
    <t>Relatorio de Vendas - Auditoria BV Cartoes (Janeiro)...50 - Supervisão.xlsx</t>
  </si>
  <si>
    <t>\\acsfs\DEPTOS\Operacao\Banco_Votorantim\Qualidade\Anderson\Jose\Atualizado\Relatorio de Vendas - Auditoria BV Cartoes (Janeiro)...50 - Supervisão.xlsx</t>
  </si>
  <si>
    <t>C:\ONE DRIVE ALGAR\algar\BU Financeira 2020\objetivos e metas\</t>
  </si>
  <si>
    <t>c4c1d7ba-f0f7-476e-9bac-1e599ef2bb8f.tmp</t>
  </si>
  <si>
    <t>\\acsfs\profiles$\laurandos\Downloads\c4c1d7ba-f0f7-476e-9bac-1e599ef2bb8f.tmp</t>
  </si>
  <si>
    <t>XLOG_vanessacgs_10012020_121237.log</t>
  </si>
  <si>
    <t>\\acsfs\profiles$\vanessacgs\My Documents\xworkcenter\logs\XLOG_vanessacgs_10012020_121237.log</t>
  </si>
  <si>
    <t>58fb618b-6f5e-49fc-8e37-5cda8b9f34dd.tmp</t>
  </si>
  <si>
    <t>\\acsfs\profiles$\welidicdj\Downloads\58fb618b-6f5e-49fc-8e37-5cda8b9f34dd.tmp</t>
  </si>
  <si>
    <t>48bc714f-782c-4067-a82f-1ed0b3ed9d45.tmp</t>
  </si>
  <si>
    <t>\\acsfs\profiles$\wenderbnm\Downloads\48bc714f-782c-4067-a82f-1ed0b3ed9d45.tmp</t>
  </si>
  <si>
    <t>864366f7-a55a-4bc2-b572-4691de7e90cc.tmp</t>
  </si>
  <si>
    <t>\\acsfs\profiles$\gabrielaff\Downloads\864366f7-a55a-4bc2-b572-4691de7e90cc.tmp</t>
  </si>
  <si>
    <t>457c953a-22ef-4420-923c-ae1d5e72298d.tmp</t>
  </si>
  <si>
    <t>\\acsfs\profiles$\gabrielaff\Downloads\457c953a-22ef-4420-923c-ae1d5e72298d.tmp</t>
  </si>
  <si>
    <t>0dade449-9e77-4805-93c7-d6ff09ceb82c.tmp</t>
  </si>
  <si>
    <t>\\acsfs\profiles$\andrezacapf\Downloads\0dade449-9e77-4805-93c7-d6ff09ceb82c.tmp</t>
  </si>
  <si>
    <t>46e2f13c-7f9b-4d92-ae22-67af3388e2c2.tmp</t>
  </si>
  <si>
    <t>\\acsfs\profiles$\geovannasm\Downloads\46e2f13c-7f9b-4d92-ae22-67af3388e2c2.tmp</t>
  </si>
  <si>
    <t>0117a368-4f1a-42af-8929-0d8a74bfc3e8.tmp</t>
  </si>
  <si>
    <t>\\acsfs\profiles$\geovannasm\Downloads\0117a368-4f1a-42af-8929-0d8a74bfc3e8.tmp</t>
  </si>
  <si>
    <t>568fc936-52b1-4ea0-8bee-0f9524161771.tmp</t>
  </si>
  <si>
    <t>\\acsfs\profiles$\gabrielsma\Downloads\568fc936-52b1-4ea0-8bee-0f9524161771.tmp</t>
  </si>
  <si>
    <t>\\acsfs\ACS\Gabriel da Silva\Contemporânea\Comissão e Incentivo\Histórico\</t>
  </si>
  <si>
    <t>Não confirmado 290151.crdownload</t>
  </si>
  <si>
    <t>\\acsfs\ACS\Gabriel da Silva\Contemporânea\Comissão e Incentivo\Histórico\Não confirmado 290151.crdownload</t>
  </si>
  <si>
    <t>a1b7bbd3-58a2-4144-a0d8-60be8648b3a3.tmp</t>
  </si>
  <si>
    <t>\\acsfs\profiles$\gabrielsma\Downloads\a1b7bbd3-58a2-4144-a0d8-60be8648b3a3.tmp</t>
  </si>
  <si>
    <t>10-01 RELATORIO DE LOGIN AVON -.xlsm</t>
  </si>
  <si>
    <t>\\acsfs\deptos\Operacao\PCP\5 - Comum\CONTROL DESK\2 - DAC2\Control Desk AVON\Relatorios\Status de login\2020\10-01 RELATORIO DE LOGIN AVON -.xlsm</t>
  </si>
  <si>
    <t>\\acsfs\profiles$\thamiresbds\My Documents\$RECYCLE.BIN\</t>
  </si>
  <si>
    <t>$I0VNYU8.txt</t>
  </si>
  <si>
    <t>\\acsfs\profiles$\thamiresbds\My Documents\$RECYCLE.BIN\$I0VNYU8.txt</t>
  </si>
  <si>
    <t>cabe7760-72a2-4d21-88ce-413a9dd62273.tmp</t>
  </si>
  <si>
    <t>\\acsfs\profiles$\Angelicacldr\Downloads\cabe7760-72a2-4d21-88ce-413a9dd62273.tmp</t>
  </si>
  <si>
    <t>88a458e4-46f4-4254-998f-0c70d68d792e.tmp</t>
  </si>
  <si>
    <t>\\acsfs\profiles$\Angelicacldr\Downloads\88a458e4-46f4-4254-998f-0c70d68d792e.tmp</t>
  </si>
  <si>
    <t>d5561424-dac7-44e2-a3af-25e3d0e7884f.tmp</t>
  </si>
  <si>
    <t>\\acsfs\profiles$\gabrielsma\Downloads\d5561424-dac7-44e2-a3af-25e3d0e7884f.tmp</t>
  </si>
  <si>
    <t>\\acsfs\profiles$\gabrielsma\Downloads\d5561424-dac7-44e2-a3af-25e3d0e7884f.tmp\xl\charts\</t>
  </si>
  <si>
    <t>chart1.xml</t>
  </si>
  <si>
    <t>chart10.xml</t>
  </si>
  <si>
    <t>chart11.xml</t>
  </si>
  <si>
    <t>chart12.xml</t>
  </si>
  <si>
    <t>chart13.xml</t>
  </si>
  <si>
    <t>chart14.xml</t>
  </si>
  <si>
    <t>chart15.xml</t>
  </si>
  <si>
    <t>chart16.xml</t>
  </si>
  <si>
    <t>chart17.xml</t>
  </si>
  <si>
    <t>chart18.xml</t>
  </si>
  <si>
    <t>chart19.xml</t>
  </si>
  <si>
    <t>chart2.xml</t>
  </si>
  <si>
    <t>chart20.xml</t>
  </si>
  <si>
    <t>chart21.xml</t>
  </si>
  <si>
    <t>0e192523-1b53-4182-9647-c05e7b255aa1.tmp</t>
  </si>
  <si>
    <t>\\acsfs\profiles$\adelvinsonle\Downloads\0e192523-1b53-4182-9647-c05e7b255aa1.tmp</t>
  </si>
  <si>
    <t>19bc16d7-43f8-4705-95a1-aa09ca567392.tmp</t>
  </si>
  <si>
    <t>\\acsfs\profiles$\adelvinsonle\Downloads\19bc16d7-43f8-4705-95a1-aa09ca567392.tmp</t>
  </si>
  <si>
    <t>chart22.xml</t>
  </si>
  <si>
    <t>chart3.xml</t>
  </si>
  <si>
    <t>chart4.xml</t>
  </si>
  <si>
    <t>chart5.xml</t>
  </si>
  <si>
    <t>chart6.xml</t>
  </si>
  <si>
    <t>chart7.xml</t>
  </si>
  <si>
    <t>chart8.xml</t>
  </si>
  <si>
    <t>chart9.xml</t>
  </si>
  <si>
    <t>colors1.xml</t>
  </si>
  <si>
    <t>colors10.xml</t>
  </si>
  <si>
    <t>colors11.xml</t>
  </si>
  <si>
    <t>colors12.xml</t>
  </si>
  <si>
    <t>colors13.xml</t>
  </si>
  <si>
    <t>colors14.xml</t>
  </si>
  <si>
    <t>colors15.xml</t>
  </si>
  <si>
    <t>colors16.xml</t>
  </si>
  <si>
    <t>colors17.xml</t>
  </si>
  <si>
    <t>colors18.xml</t>
  </si>
  <si>
    <t>colors19.xml</t>
  </si>
  <si>
    <t>colors2.xml</t>
  </si>
  <si>
    <t>colors20.xml</t>
  </si>
  <si>
    <t>colors21.xml</t>
  </si>
  <si>
    <t>colors22.xml</t>
  </si>
  <si>
    <t>colors3.xml</t>
  </si>
  <si>
    <t>colors4.xml</t>
  </si>
  <si>
    <t>colors5.xml</t>
  </si>
  <si>
    <t>colors6.xml</t>
  </si>
  <si>
    <t>colors7.xml</t>
  </si>
  <si>
    <t>colors8.xml</t>
  </si>
  <si>
    <t>colors9.xml</t>
  </si>
  <si>
    <t>style1.xml</t>
  </si>
  <si>
    <t>style10.xml</t>
  </si>
  <si>
    <t>style11.xml</t>
  </si>
  <si>
    <t>style12.xml</t>
  </si>
  <si>
    <t>style13.xml</t>
  </si>
  <si>
    <t>style14.xml</t>
  </si>
  <si>
    <t>style15.xml</t>
  </si>
  <si>
    <t>style16.xml</t>
  </si>
  <si>
    <t>style17.xml</t>
  </si>
  <si>
    <t>style18.xml</t>
  </si>
  <si>
    <t>style19.xml</t>
  </si>
  <si>
    <t>style2.xml</t>
  </si>
  <si>
    <t>style20.xml</t>
  </si>
  <si>
    <t>style21.xml</t>
  </si>
  <si>
    <t>style22.xml</t>
  </si>
  <si>
    <t>style3.xml</t>
  </si>
  <si>
    <t>style4.xml</t>
  </si>
  <si>
    <t>style5.xml</t>
  </si>
  <si>
    <t>style6.xml</t>
  </si>
  <si>
    <t>style7.xml</t>
  </si>
  <si>
    <t>style8.xml</t>
  </si>
  <si>
    <t>style9.xml</t>
  </si>
  <si>
    <t>\\acsfs\profiles$\gabrielsma\Downloads\d5561424-dac7-44e2-a3af-25e3d0e7884f.tmp\xl\charts\_rels\</t>
  </si>
  <si>
    <t>chart15.xml.rels</t>
  </si>
  <si>
    <t>chart24.xml.rels</t>
  </si>
  <si>
    <t>\\acsfs\profiles$\gabrielsma\Downloads\d5561424-dac7-44e2-a3af-25e3d0e7884f.tmp\xl\drawings\</t>
  </si>
  <si>
    <t>drawing1.xml</t>
  </si>
  <si>
    <t>drawing2.xml</t>
  </si>
  <si>
    <t>drawing3.xml</t>
  </si>
  <si>
    <t>drawing4.xml</t>
  </si>
  <si>
    <t>\\acsfs\profiles$\gabrielsma\Downloads\d5561424-dac7-44e2-a3af-25e3d0e7884f.tmp\xl\drawings\_rels\</t>
  </si>
  <si>
    <t>drawing10.xml.rels</t>
  </si>
  <si>
    <t>drawing11.xml.rels</t>
  </si>
  <si>
    <t>drawing12.xml.rels</t>
  </si>
  <si>
    <t>drawing13.xml.rels</t>
  </si>
  <si>
    <t>\\acsfs\profiles$\gabrielsma\Downloads\d5561424-dac7-44e2-a3af-25e3d0e7884f.tmp\xl\media\</t>
  </si>
  <si>
    <t>image2.png</t>
  </si>
  <si>
    <t>\\acsfs\profiles$\gabrielsma\Downloads\d5561424-dac7-44e2-a3af-25e3d0e7884f.tmp\xl\</t>
  </si>
  <si>
    <t>sharedStrings.xml</t>
  </si>
  <si>
    <t>\\acsfs\profiles$\gabrielsma\Downloads\d5561424-dac7-44e2-a3af-25e3d0e7884f.tmp\xl\slicerCaches\</t>
  </si>
  <si>
    <t>slicerCache1.xml</t>
  </si>
  <si>
    <t>slicerCache2.xml</t>
  </si>
  <si>
    <t>slicerCache3.xml</t>
  </si>
  <si>
    <t>slicerCache4.xml</t>
  </si>
  <si>
    <t>slicerCache5.xml</t>
  </si>
  <si>
    <t>\\acsfs\profiles$\gabrielsma\Downloads\d5561424-dac7-44e2-a3af-25e3d0e7884f.tmp\xl\slicers\</t>
  </si>
  <si>
    <t>slicer1.xml</t>
  </si>
  <si>
    <t>slicer2.xml</t>
  </si>
  <si>
    <t>\\acsfs\profiles$\gabrielsma\Downloads\d5561424-dac7-44e2-a3af-25e3d0e7884f.tmp\xl\theme\</t>
  </si>
  <si>
    <t>workbook.xml</t>
  </si>
  <si>
    <t>\\acsfs\profiles$\gabrielsma\Downloads\d5561424-dac7-44e2-a3af-25e3d0e7884f.tmp\xl\worksheets\</t>
  </si>
  <si>
    <t>sheet1.xml</t>
  </si>
  <si>
    <t>sheet10.xml</t>
  </si>
  <si>
    <t>sheet11.xml</t>
  </si>
  <si>
    <t>sheet12.xml</t>
  </si>
  <si>
    <t>sheet13.xml</t>
  </si>
  <si>
    <t>sheet14.xml</t>
  </si>
  <si>
    <t>sheet15.xml</t>
  </si>
  <si>
    <t>sheet16.xml</t>
  </si>
  <si>
    <t>sheet17.xml</t>
  </si>
  <si>
    <t>sheet18.xml</t>
  </si>
  <si>
    <t>sheet19.xml</t>
  </si>
  <si>
    <t>sheet2.xml</t>
  </si>
  <si>
    <t>sheet3.xml</t>
  </si>
  <si>
    <t>sheet4.xml</t>
  </si>
  <si>
    <t>sheet5.xml</t>
  </si>
  <si>
    <t>sheet6.xml</t>
  </si>
  <si>
    <t>sheet7.xml</t>
  </si>
  <si>
    <t>sheet8.xml</t>
  </si>
  <si>
    <t>sheet9.xml</t>
  </si>
  <si>
    <t>\\acsfs\profiles$\gabrielsma\Downloads\d5561424-dac7-44e2-a3af-25e3d0e7884f.tmp\xl\_rels\</t>
  </si>
  <si>
    <t>workbook.xml.rels</t>
  </si>
  <si>
    <t>\\acsfs\profiles$\gabrielsma\Downloads\d5561424-dac7-44e2-a3af-25e3d0e7884f.tmp\</t>
  </si>
  <si>
    <t>\\acsfs\profiles$\gabrielsma\Downloads\d5561424-dac7-44e2-a3af-25e3d0e7884f.tmp\_rels\</t>
  </si>
  <si>
    <t>Não confirmado 924035.crdownload</t>
  </si>
  <si>
    <t>\\acsfs\ACS\Gabriel da Silva\Contemporânea\Gen\Não confirmado 924035.crdownload</t>
  </si>
  <si>
    <t>\\acsfs\ACS\Gabriel da Silva\Contemporânea\Gen\Não confirmado 924035.crdownload\xl\charts\</t>
  </si>
  <si>
    <t>\\acsfs\ACS\Gabriel da Silva\Contemporânea\Gen\Não confirmado 924035.crdownload\xl\charts\_rels\</t>
  </si>
  <si>
    <t>\\acsfs\ACS\Gabriel da Silva\Contemporânea\Gen\Não confirmado 924035.crdownload\xl\drawings\</t>
  </si>
  <si>
    <t>\\acsfs\ACS\Gabriel da Silva\Contemporânea\Gen\Não confirmado 924035.crdownload\xl\drawings\_rels\</t>
  </si>
  <si>
    <t>\\acsfs\ACS\Gabriel da Silva\Contemporânea\Gen\Não confirmado 924035.crdownload\xl\media\</t>
  </si>
  <si>
    <t>\\acsfs\ACS\Gabriel da Silva\Contemporânea\Gen\Não confirmado 924035.crdownload\xl\</t>
  </si>
  <si>
    <t>\\acsfs\ACS\Gabriel da Silva\Contemporânea\Gen\Não confirmado 924035.crdownload\xl\slicerCaches\</t>
  </si>
  <si>
    <t>\\acsfs\ACS\Gabriel da Silva\Contemporânea\Gen\Não confirmado 924035.crdownload\xl\slicers\</t>
  </si>
  <si>
    <t>\\acsfs\ACS\Gabriel da Silva\Contemporânea\Gen\Não confirmado 924035.crdownload\xl\theme\</t>
  </si>
  <si>
    <t>\\acsfs\ACS\Gabriel da Silva\Contemporânea\Gen\Não confirmado 924035.crdownload\xl\worksheets\</t>
  </si>
  <si>
    <t>\\acsfs\ACS\Gabriel da Silva\Contemporânea\Gen\Não confirmado 924035.crdownload\xl\_rels\</t>
  </si>
  <si>
    <t>\\acsfs\ACS\Gabriel da Silva\Contemporânea\Gen\Não confirmado 924035.crdownload\</t>
  </si>
  <si>
    <t>\\acsfs\ACS\Gabriel da Silva\Contemporânea\Gen\Não confirmado 924035.crdownload\_rels\</t>
  </si>
  <si>
    <t>\\acsfs\ACS\Gabriel da Silva\Contemporânea\Comissão e Incentivo\Histórico\Thumbs.db</t>
  </si>
  <si>
    <t>\\acsfs\ACS\Gabriel da Silva\Contemporânea\Comissão e Incentivo\9E84F31.tmp\</t>
  </si>
  <si>
    <t>\\acsfs\ACS\Gabriel da Silva\Contemporânea\Comissão e Incentivo\9E84F31.tmp\:Zone.Identifier:$DATA</t>
  </si>
  <si>
    <t>outlook.office.com/owa/service.svc?action=CreateItem&amp;app=Mail&amp;n=111</t>
  </si>
  <si>
    <t>outlook.office.com/owa/service.svc?action=CreateItem&amp;app=Mail&amp;n=137</t>
  </si>
  <si>
    <t>outlook.office.com/owa/service.svc?action=CreateItem&amp;app=Mail&amp;n=152</t>
  </si>
  <si>
    <t>outlook.office.com/owa/service.svc?action=CreateItem&amp;app=Mail&amp;n=163</t>
  </si>
  <si>
    <t>ef22aefd-11fc-4cd7-b3ed-13f33506a951.tmp</t>
  </si>
  <si>
    <t>\\acsfs\profiles$\andreapdsg\Downloads\ef22aefd-11fc-4cd7-b3ed-13f33506a951.tmp</t>
  </si>
  <si>
    <t>378071c5-dfab-4c72-9553-dfdbdd2705de.tmp</t>
  </si>
  <si>
    <t>\\acsfs\profiles$\geovannasm\Downloads\378071c5-dfab-4c72-9553-dfdbdd2705de.tmp</t>
  </si>
  <si>
    <t>d4373135-73e4-4c39-b59c-44903ccca42e.tmp</t>
  </si>
  <si>
    <t>\\acsfs\profiles$\rafaelacdoc\Downloads\d4373135-73e4-4c39-b59c-44903ccca42e.tmp</t>
  </si>
  <si>
    <t>\\acsfs\profiles$\gabrielsma\Desktop\Meu Arquivo de Dados do Outlook(1).pst\</t>
  </si>
  <si>
    <t>[1] 1624-5e18d005000a9308.tmp.pst -] Root Folder_Início do arquivo de dados do Outlook_Contatos_IPM.Microsoft2a1723dad2d36f1d.msg</t>
  </si>
  <si>
    <t>[2] 1624-5e18d005000a9308.tmp.pst -] Root Folder_Início do arquivo de dados do Outlook_Contatos_IPM.Configurac494ec199c81525b.msg</t>
  </si>
  <si>
    <t>[3] 1624-5e18d005000a9308.tmp.pst -] Root Folder_Início do arquivo de dados do Outlook_Calendário_IPM.Configu3e79dbd26800e3b4.msg</t>
  </si>
  <si>
    <t>[4] 1624-5e18d005000a9308.tmp.pst -] Root Folder_Início do arquivo de dados do Outlook_Calendário_IPM.Configu14a463405c04c905.msg</t>
  </si>
  <si>
    <t>[5] 1624-5e18d005000a9308.tmp.pst -] Root Folder_Início do arquivo de dados do Outlook_Calendário_IPM.Configu9d9c5c603bf0c7cb.msg</t>
  </si>
  <si>
    <t>[6] 1624-5e18d005000a9308.tmp.pst -] Root Folder_Início do arquivo de dados do Outlook_Caixa de Entrada_IPM.Ca4897321d6f2502a.msg</t>
  </si>
  <si>
    <t>[7] 1624-5e18d005000a9308.tmp.pst -] Root Folder_Início do arquivo de dados do Outlook_Caixa de Entrada_IPM.C04167bc3cdf955c6.msg</t>
  </si>
  <si>
    <t>[8] 1624-5e18d005000a9308.tmp.pst -] Root Folder_Início do arquivo de dados do Outlook_Caixa de Entrada_IPM.C21c1bfb5d7ba9ee1.msg</t>
  </si>
  <si>
    <t>[9] 1624-5e18d005000a9308.tmp.pst -] Root Folder_Início do arquivo de dados do Outlook_Caixa de Entrada_IPM.C0da2e5631dd17d12.msg</t>
  </si>
  <si>
    <t>165dc22b-4b92-47b3-be7c-154ffcbf2af1.tmp</t>
  </si>
  <si>
    <t>\\acsfs\profiles$\gabrielsma\Downloads\165dc22b-4b92-47b3-be7c-154ffcbf2af1.tmp</t>
  </si>
  <si>
    <t>Não confirmado 647698.crdownload</t>
  </si>
  <si>
    <t>\\acsfs\ACS\Gabriel da Silva\Contemporânea\Comissão e Incentivo\Histórico\Não confirmado 647698.crdownload</t>
  </si>
  <si>
    <t>1efa0b33-b53d-4000-a6f5-0c1cf1545e3f.tmp</t>
  </si>
  <si>
    <t>\\acsfs\profiles$\gabrielsma\Downloads\1efa0b33-b53d-4000-a6f5-0c1cf1545e3f.tmp</t>
  </si>
  <si>
    <t>Não confirmado 873277.crdownload</t>
  </si>
  <si>
    <t>\\acsfs\ACS\Gabriel da Silva\Contemporânea\Comissão e Incentivo\Histórico\Não confirmado 873277.crdownload</t>
  </si>
  <si>
    <t>004351e0-5bf6-491d-852b-813d355eaf39.tmp</t>
  </si>
  <si>
    <t>\\acsfs\profiles$\gabrielsma\Downloads\004351e0-5bf6-491d-852b-813d355eaf39.tmp</t>
  </si>
  <si>
    <t>Não confirmado 540662.crdownload</t>
  </si>
  <si>
    <t>\\acsfs\ACS\Gabriel da Silva\Contemporânea\Comissão e Incentivo\Histórico\Não confirmado 540662.crdownload</t>
  </si>
  <si>
    <t>a26fc33e-572b-46e7-9c8c-0d06fba09ce3.tmp</t>
  </si>
  <si>
    <t>\\acsfs\profiles$\gabrielhca\Downloads\a26fc33e-572b-46e7-9c8c-0d06fba09ce3.tmp</t>
  </si>
  <si>
    <t>10001601641230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601641230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10001601641230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;ricardodfm@algartech.com.br;supervisaobancovotorantim@algartech.com;taysdss@algartech.com;thiagolrc@bv.algartech.com;viniciussg@algartech.com;</t>
  </si>
  <si>
    <t>10001601641230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,ricardodfm@algartech.com.br,supervisaobancovotorantim@algartech.com,taysdss@algartech.com,thiagolrc@bv.algartech.com,viniciussg@algartech.com</t>
  </si>
  <si>
    <t>100016016412308;cpc-controldeskavon@algartech.com;joseasn@algartech.com;</t>
  </si>
  <si>
    <t>100016016412308,cpc-controldeskavon@algartech.com,joseasn@algartech.com</t>
  </si>
  <si>
    <t>mail.google.com/_/upload?authuser=0&amp;dcp=asu-n&amp;upload_id=AEnB2Uo94izbrcXxmwZRmTAxY6tlepmEf3xdBD53HM4GA0LMBcXWirpxvIKavw5tNXB75I3NPA4CJURHj99LvKHAN1zLQkmUshdHq6QGQlfj454L83ys66U&amp;upload_protocol=resumable</t>
  </si>
  <si>
    <t>C:\Users\tiagorpf\Downloads\</t>
  </si>
  <si>
    <t>Acompanhamento AHT - PJ - Dezembro.xlsb</t>
  </si>
  <si>
    <t>lu39408721mmr.tmp</t>
  </si>
  <si>
    <t>\\acsfs\profiles$\jalilebds\Downloads\lu39408721mmr.tmp</t>
  </si>
  <si>
    <t>d5c043a9-909e-493e-8395-082aaf150526.tmp</t>
  </si>
  <si>
    <t>\\acsfs\profiles$\Angelicacldr\Downloads\d5c043a9-909e-493e-8395-082aaf150526.tmp</t>
  </si>
  <si>
    <t>c:\users\marianerdo\appdata\local\google\chrome\user data\default\file system\000\t\</t>
  </si>
  <si>
    <t>57e86eb4-5190-4f14-96af-15ef2c26a246.tmp</t>
  </si>
  <si>
    <t>\\acsfs\profiles$\ingridsm\Downloads\57e86eb4-5190-4f14-96af-15ef2c26a246.tmp</t>
  </si>
  <si>
    <t>bvcartes-supervisores@algarnet.onmicrosoft.com;thiagord@algartech.com;</t>
  </si>
  <si>
    <t>bvcartes-supervisores@algarnet.onmicrosoft.com,thiagord@algartech.com</t>
  </si>
  <si>
    <t>thiagord@algartech.com;</t>
  </si>
  <si>
    <t>thiagord@algartech.com</t>
  </si>
  <si>
    <t>Investimentos AVON 190263 - BKO APARTADO.xlsx</t>
  </si>
  <si>
    <t>Inclusão Metlife Dependente Dezembro.xlsx</t>
  </si>
  <si>
    <t>\\acsfs\DEPTOS\Operacao\Banco_Votorantim\Supervisao\SUPERS BV CARTÕES\ADILSON\Inclusão Metlife Dependente Dezembro.xlsx</t>
  </si>
  <si>
    <t>94741519-2c71-4e73-a110-099f2c853a62.tmp</t>
  </si>
  <si>
    <t>\\acsfs\profiles$\inarajst\Downloads\94741519-2c71-4e73-a110-099f2c853a62.tmp</t>
  </si>
  <si>
    <t>9205f837-4e06-4ae5-a6ae-67f2f3fdeab0.tmp</t>
  </si>
  <si>
    <t>\\acsfs\profiles$\larissaad\Downloads\9205f837-4e06-4ae5-a6ae-67f2f3fdeab0.tmp</t>
  </si>
  <si>
    <t>lu39408721mmu.tmp</t>
  </si>
  <si>
    <t>\\acsfs\profiles$\jalilebds\Downloads\lu39408721mmu.tmp</t>
  </si>
  <si>
    <t>434ba769-e56d-4dc7-99bb-1156001daab6.tmp</t>
  </si>
  <si>
    <t>\\acsfs\profiles$\Angelicacldr\Downloads\434ba769-e56d-4dc7-99bb-1156001daab6.tmp</t>
  </si>
  <si>
    <t>4eff7590-b5cd-4d6d-9cc0-7e2920413712.tmp</t>
  </si>
  <si>
    <t>\\acsfs\profiles$\alinepp\Downloads\4eff7590-b5cd-4d6d-9cc0-7e2920413712.tmp</t>
  </si>
  <si>
    <t>49bedc5b-7f58-42eb-bea6-791f94dbd3f1.tmp</t>
  </si>
  <si>
    <t>\\acsfs\profiles$\alinepp\Downloads\49bedc5b-7f58-42eb-bea6-791f94dbd3f1.tmp</t>
  </si>
  <si>
    <t>a2efeceb-6210-4bf3-9ce8-624cdbc8f4b9.tmp</t>
  </si>
  <si>
    <t>\\acsfs\profiles$\victorgl\Downloads\a2efeceb-6210-4bf3-9ce8-624cdbc8f4b9.tmp</t>
  </si>
  <si>
    <t>mail.google.com/_/upload?authuser=0&amp;dcp=asu-n&amp;upload_id=AEnB2Uq8tOZWxC0St-2nSIuhHU0l5tpecsASQ8ugrw4hy_9mN6bTZGibwx1-cNAzF8yEEss2oDe2KXH8l7XUoQq3KGp6_tsjQ4ez38FtO0PZjm8wBmq6ovA&amp;upload_protocol=resumable</t>
  </si>
  <si>
    <t>6a7ad8e6-a709-4d4e-aab7-ba777ab61ca1.tmp</t>
  </si>
  <si>
    <t>\\acsfs\profiles$\gabrielamdp\Downloads\6a7ad8e6-a709-4d4e-aab7-ba777ab61ca1.tmp</t>
  </si>
  <si>
    <t>lu94972ee4oin.tmp</t>
  </si>
  <si>
    <t>\\acsfs\profiles$\LORRAYNEVAM\lu94972ee4oin.tmp</t>
  </si>
  <si>
    <t>\\acsfs\profiles$\LORRAYNEVAM\lu94972ee4oin.tmp\</t>
  </si>
  <si>
    <t>\\acsfs\profiles$\LORRAYNEVAM\lu94972ee4oin.tmp\META-INF\</t>
  </si>
  <si>
    <t>\\acsfs\profiles$\LORRAYNEVAM\lu94972ee4oin.tmp\Thumbnails\</t>
  </si>
  <si>
    <t>f7637676-a02c-4a77-ae12-9eda71eea5d8.tmp</t>
  </si>
  <si>
    <t>\\acsfs\profiles$\Angelicacldr\Downloads\f7637676-a02c-4a77-ae12-9eda71eea5d8.tmp</t>
  </si>
  <si>
    <t>6e1f7712-a261-4b31-80ff-99c5cc090ca1.tmp</t>
  </si>
  <si>
    <t>\\acsfs\profiles$\ingridsm\Downloads\6e1f7712-a261-4b31-80ff-99c5cc090ca1.tmp</t>
  </si>
  <si>
    <t>80bed20b-3c35-478c-bb5d-17f6e443f699.tmp</t>
  </si>
  <si>
    <t>\\acsfs\profiles$\ingridsm\Downloads\80bed20b-3c35-478c-bb5d-17f6e443f699.tmp</t>
  </si>
  <si>
    <t>Ranking SAC.xlsx</t>
  </si>
  <si>
    <t>\\acsfs\ACS\Gabriel da Silva\Contemporânea\Gen\Ranking SAC.xlsx</t>
  </si>
  <si>
    <t>982c8287-7b9e-44ab-8579-a6e72d884eeb.tmp</t>
  </si>
  <si>
    <t>\\acsfs\profiles$\gabrielsma\Downloads\982c8287-7b9e-44ab-8579-a6e72d884eeb.tmp</t>
  </si>
  <si>
    <t>\\acsfs\ACS\Gabriel da Silva\Contemporânea\Comissão e Incentivo\Histórico\Q29udHJvbGxlci5BQ09NLVNvdUJWXzE-.ica.crdownload</t>
  </si>
  <si>
    <t>2ff1d43d-07f2-4b6d-a1d0-7adc8b79744c.tmp</t>
  </si>
  <si>
    <t>\\acsfs\profiles$\gabrielsma\Downloads\2ff1d43d-07f2-4b6d-a1d0-7adc8b79744c.tmp</t>
  </si>
  <si>
    <t>e986981a-de0b-4c63-a5c3-60a67e8ffc1f.tmp</t>
  </si>
  <si>
    <t>\\acsfs\profiles$\alinepp\Downloads\e986981a-de0b-4c63-a5c3-60a67e8ffc1f.tmp</t>
  </si>
  <si>
    <t>9946ade6-5d1d-4d7b-9d70-4ee3cef18105.tmp</t>
  </si>
  <si>
    <t>\\acsfs\profiles$\victorgl\Downloads\9946ade6-5d1d-4d7b-9d70-4ee3cef18105.tmp</t>
  </si>
  <si>
    <t>mail.google.com/_/upload?authuser=0&amp;dcp=asu-n&amp;upload_id=AEnB2Ur4HgT21WJF0eHC1lzNzwpP4ITMWGuJV97cF-MOztCNdCEcCD93wqWE3Liv_MDKN44LDr_w7HdtnKsHnry9zMAaEgyRogSBLUKzZeVdQ0emwF1uavI&amp;upload_protocol=resumable</t>
  </si>
  <si>
    <t>lu39408721mmx.tmp</t>
  </si>
  <si>
    <t>\\acsfs\profiles$\jalilebds\Downloads\lu39408721mmx.tmp</t>
  </si>
  <si>
    <t>XLOG_Angelicacldr_10012020_085135.log</t>
  </si>
  <si>
    <t>\\acsfs\profiles$\Angelicacldr\My Documents\xworkcenter\logs\XLOG_Angelicacldr_10012020_085135.log</t>
  </si>
  <si>
    <t>e5bae0bd-20f3-4f70-b275-eb08f0c3561f.tmp</t>
  </si>
  <si>
    <t>\\acsfs\profiles$\brunalas\Downloads\e5bae0bd-20f3-4f70-b275-eb08f0c3561f.tmp</t>
  </si>
  <si>
    <t>212f352a-1320-41e0-a9d6-2771c15fd4a2.tmp</t>
  </si>
  <si>
    <t>\\acsfs\profiles$\ingridsm\Downloads\212f352a-1320-41e0-a9d6-2771c15fd4a2.tmp</t>
  </si>
  <si>
    <t>safagfrwar.xlsx</t>
  </si>
  <si>
    <t>\\acsfs\ACS\Gabriel da Silva\Contemporânea\Acessos\safagfrwar.xlsx</t>
  </si>
  <si>
    <t>be406528-7abc-4642-876f-e916f4a13f7c.tmp</t>
  </si>
  <si>
    <t>\\acsfs\profiles$\gabrielsma\Downloads\be406528-7abc-4642-876f-e916f4a13f7c.tmp</t>
  </si>
  <si>
    <t>63a4bfd2-bcd1-483a-a73f-230ba050d4d6.tmp</t>
  </si>
  <si>
    <t>\\acsfs\profiles$\andreapdsg\Downloads\63a4bfd2-bcd1-483a-a73f-230ba050d4d6.tmp</t>
  </si>
  <si>
    <t>c63e4685-3280-4a9f-8670-310cf70bbbaa.tmp</t>
  </si>
  <si>
    <t>\\acsfs\profiles$\andreapdsg\Downloads\c63e4685-3280-4a9f-8670-310cf70bbbaa.tmp</t>
  </si>
  <si>
    <t>5597082a-f5bc-44fe-a4b5-fddf88a52bd6.tmp</t>
  </si>
  <si>
    <t>\\acsfs\profiles$\leonardobb\Downloads\5597082a-f5bc-44fe-a4b5-fddf88a52bd6.tmp</t>
  </si>
  <si>
    <t>f1b6f915-edaa-45db-96d1-9f7878358ecd.tmp</t>
  </si>
  <si>
    <t>\\acsfs\profiles$\leonardobb\Downloads\f1b6f915-edaa-45db-96d1-9f7878358ecd.tmp</t>
  </si>
  <si>
    <t>mail.google.com/_/upload?authuser=0&amp;dcp=asu-n&amp;upload_id=AEnB2UpeO3XBqNlYRYufjiGV-SiBYT1fef_z3QBXoe4jhqP0JWXcx1U7s4Lyr1VYZxjR3N0pK93QTxO97pseP_J8dWqzNzUxZA&amp;upload_protocol=resumable</t>
  </si>
  <si>
    <t>AlgarTechProtPrecificacao_v3.xltm</t>
  </si>
  <si>
    <t>ac18876e-213b-4b6d-a147-051148be6c5d.tmp</t>
  </si>
  <si>
    <t>\\acsfs\profiles$\anafaes\Downloads\ac18876e-213b-4b6d-a147-051148be6c5d.tmp</t>
  </si>
  <si>
    <t>bcdfd95b-86c6-4d77-a1ac-09fa8cbb6461.tmp</t>
  </si>
  <si>
    <t>\\acsfs\profiles$\anafaes\Downloads\bcdfd95b-86c6-4d77-a1ac-09fa8cbb6461.tmp</t>
  </si>
  <si>
    <t>c35a5a22-3279-4cfe-a930-908978309bd0.tmp</t>
  </si>
  <si>
    <t>\\acsfs\profiles$\anafaes\Downloads\c35a5a22-3279-4cfe-a930-908978309bd0.tmp</t>
  </si>
  <si>
    <t>160013c7-a361-43e1-b1af-a36dcd6e2fa2.tmp</t>
  </si>
  <si>
    <t>\\acsfs\profiles$\anafaes\Downloads\160013c7-a361-43e1-b1af-a36dcd6e2fa2.tmp</t>
  </si>
  <si>
    <t>3aad2498-4a62-407d-83b1-4901d24cd142.tmp</t>
  </si>
  <si>
    <t>\\acsfs\profiles$\alinepp\Downloads\3aad2498-4a62-407d-83b1-4901d24cd142.tmp</t>
  </si>
  <si>
    <t>7d97cb50-3692-406f-9b22-55341be3f0de.tmp</t>
  </si>
  <si>
    <t>\\acsfs\profiles$\alinepp\Downloads\7d97cb50-3692-406f-9b22-55341be3f0de.tmp</t>
  </si>
  <si>
    <t>6c5b884e-2514-4ddd-ad10-696889fce8b8.tmp</t>
  </si>
  <si>
    <t>\\acsfs\profiles$\alinepp\Downloads\6c5b884e-2514-4ddd-ad10-696889fce8b8.tmp</t>
  </si>
  <si>
    <t>f751f045-05ed-4ae3-bc6b-34acf0e43d73.tmp</t>
  </si>
  <si>
    <t>\\acsfs\profiles$\marcosvnds\Downloads\f751f045-05ed-4ae3-bc6b-34acf0e43d73.tmp</t>
  </si>
  <si>
    <t>faf2b220-54b4-4a8c-b7c2-fb858fac4e11.tmp</t>
  </si>
  <si>
    <t>\\acsfs\profiles$\edicarlosdl\Downloads\faf2b220-54b4-4a8c-b7c2-fb858fac4e11.tmp</t>
  </si>
  <si>
    <t>95b7d3e3-6418-4e5f-b829-1d7a3f3445b9.tmp</t>
  </si>
  <si>
    <t>\\acsfs\profiles$\ingridsm\Downloads\95b7d3e3-6418-4e5f-b829-1d7a3f3445b9.tmp</t>
  </si>
  <si>
    <t>d3cd3fd8-033c-4088-a180-4baa0f3eec72.tmp</t>
  </si>
  <si>
    <t>\\acsfs\profiles$\maxmillianosv\Downloads\d3cd3fd8-033c-4088-a180-4baa0f3eec72.tmp</t>
  </si>
  <si>
    <t>lu29016162sk2.tmp</t>
  </si>
  <si>
    <t>\\acsfs\profiles$\LUISPLS\My Documents\Nova pasta\lu29016162sk2.tmp</t>
  </si>
  <si>
    <t>\\acsfs\profiles$\LUISPLS\My Documents\Nova pasta\lu29016162sk2.tmp\</t>
  </si>
  <si>
    <t>\\acsfs\profiles$\LUISPLS\My Documents\Nova pasta\lu29016162sk2.tmp\META-INF\</t>
  </si>
  <si>
    <t>\\acsfs\profiles$\LUISPLS\My Documents\Nova pasta\lu29016162sk2.tmp\Thumbnails\</t>
  </si>
  <si>
    <t>6acbfa2b-2a30-4299-9d3e-6c86c18967cb.tmp</t>
  </si>
  <si>
    <t>\\acsfs\profiles$\alinepp\Downloads\6acbfa2b-2a30-4299-9d3e-6c86c18967cb.tmp</t>
  </si>
  <si>
    <t>4a93f7a6-2546-4ee3-898a-1d46661ccdcb.tmp</t>
  </si>
  <si>
    <t>\\acsfs\profiles$\alinepp\Downloads\4a93f7a6-2546-4ee3-898a-1d46661ccdcb.tmp</t>
  </si>
  <si>
    <t>e40d9369-677a-4cc6-b484-8b86b3d121f4.tmp</t>
  </si>
  <si>
    <t>\\acsfs\profiles$\nathaliaos\Downloads\e40d9369-677a-4cc6-b484-8b86b3d121f4.tmp</t>
  </si>
  <si>
    <t>lu27588187ua5.tmp</t>
  </si>
  <si>
    <t>\\acsfs\profiles$\LUISPLS\My Documents\Nova pasta\lu27588187ua5.tmp</t>
  </si>
  <si>
    <t>\\acsfs\profiles$\LUISPLS\My Documents\Nova pasta\lu27588187ua5.tmp\</t>
  </si>
  <si>
    <t>\\acsfs\profiles$\LUISPLS\My Documents\Nova pasta\lu27588187ua5.tmp\META-INF\</t>
  </si>
  <si>
    <t>\\acsfs\profiles$\LUISPLS\My Documents\Nova pasta\lu27588187ua5.tmp\Thumbnails\</t>
  </si>
  <si>
    <t>\\acsfs\Deptos\Operacao\Banco_Votorantim\Supervisao\Maristela\CRBV vendas\Desligamento\importante.txt</t>
  </si>
  <si>
    <t>lu39408721mn4.tmp</t>
  </si>
  <si>
    <t>\\acsfs\profiles$\jalilebds\Downloads\lu39408721mn4.tmp</t>
  </si>
  <si>
    <t>\\acsfs\profiles$\janaynatro\My Documents\My Pictures\</t>
  </si>
  <si>
    <t>\\acsfs\profiles$\janaynatro\My Documents\My Videos\desktop.ini</t>
  </si>
  <si>
    <t>\\acsfs\profiles$\janaynatro\My Documents\My Videos\</t>
  </si>
  <si>
    <t>f7cae6ee-6f7d-4696-8230-c16958c41274.tmp</t>
  </si>
  <si>
    <t>\\acsfs\profiles$\nathaliaos\Downloads\f7cae6ee-6f7d-4696-8230-c16958c41274.tmp</t>
  </si>
  <si>
    <t>\\acsfs\Deptos\CAS - Coordenação de Arquitetura de Soluções\Projetos\2019\A100\216376 - Cyberex SPOF\1. Precificação\</t>
  </si>
  <si>
    <t>Preco_216376_V1.xlsb</t>
  </si>
  <si>
    <t>8269d83e-6180-4554-8029-8430539242da.tmp</t>
  </si>
  <si>
    <t>\\acsfs\profiles$\marcosvnds\Downloads\8269d83e-6180-4554-8029-8430539242da.tmp</t>
  </si>
  <si>
    <t>df1dcb55-5ecc-4c35-b1f4-ad32df639b55.tmp</t>
  </si>
  <si>
    <t>\\acsfs\profiles$\marcosvnds\Downloads\df1dcb55-5ecc-4c35-b1f4-ad32df639b55.tmp</t>
  </si>
  <si>
    <t>\\Acsfs\dsti\GAT\CIT - Coordenacao Inteligencia de TI\RELATORIOS FPW\Controle\OCORRENCIAS\OCORRENCIAS_DEZEMBRO2019\01a3112 EMISSÃO 1001 TARDE\</t>
  </si>
  <si>
    <t>OCORRÊNCIAS 01 A 0901_028_029_033 EMISSÃO 1001.xlsm</t>
  </si>
  <si>
    <t>\\acsfs\profiles$\janaynatro\My Documents\My Music\</t>
  </si>
  <si>
    <t>\\acsfs\profiles$\janaynatro\My Documents\My Pictures\desktop.ini</t>
  </si>
  <si>
    <t>\\acsfs\profiles$\janaynatro\Contacts\</t>
  </si>
  <si>
    <t>\\acsfs\profiles$\janaynatro\Contacts\desktop.ini</t>
  </si>
  <si>
    <t>\\acsfs\profiles$\janaynatro\My Documents\</t>
  </si>
  <si>
    <t>\\acsfs\profiles$\janaynatro\Favorites\desktop.ini</t>
  </si>
  <si>
    <t>\\acsfs\profiles$\janaynatro\My Documents\My Music\desktop.ini</t>
  </si>
  <si>
    <t>\\acsfs\profiles$\janaynatro\Searches\</t>
  </si>
  <si>
    <t>\\acsfs\profiles$\janaynatro\Searches\desktop.ini</t>
  </si>
  <si>
    <t>\\acsfs\profiles$\janaynatro\Downloads\desktop.ini</t>
  </si>
  <si>
    <t>\\acsfs\profiles$\janaynatro\Favorites\</t>
  </si>
  <si>
    <t>\\acsfs\profiles$\janaynatro\My Documents\desktop.ini</t>
  </si>
  <si>
    <t>\\acsfs\profiles$\janaynatro\Saved Games\desktop.ini</t>
  </si>
  <si>
    <t>winrt--{S-1-5-21-602162358-764733703-839522115-358554}-.searchconnector-ms</t>
  </si>
  <si>
    <t>\\acsfs\profiles$\janaynatro\Searches\winrt--{S-1-5-21-602162358-764733703-839522115-358554}-.searchconnector-ms</t>
  </si>
  <si>
    <t>mail.google.com/_/upload?authuser=1&amp;dcp=asu-n&amp;upload_id=AEnB2UqVIAORfYjf1dgHYGexMkFiA-yGBjydoDWMhqpXYXUWFtuwJ2O7pL1rncPjykfcro4xH990dsVHXazP0McRfeVQuweT6t9zFApshf1e6kkUrocN2Gc&amp;upload_protocol=resumable</t>
  </si>
  <si>
    <t>CATEGORIZAÇÕES PA DIGITAL.xlsx</t>
  </si>
  <si>
    <t>ae6f79d0-cb4a-4ba7-9c54-fa757788abe9.tmp</t>
  </si>
  <si>
    <t>\\acsfs\profiles$\fabianobmf\Downloads\ae6f79d0-cb4a-4ba7-9c54-fa757788abe9.tmp</t>
  </si>
  <si>
    <t>\\acsfs\ACS\Gabriel da Silva\Contemporânea\Comissão e Incentivo\760EDEF8.tmp\</t>
  </si>
  <si>
    <t>\\acsfs\ACS\Gabriel da Silva\Contemporânea\Comissão e Incentivo\760EDEF8.tmp\:Zone.Identifier:$DATA</t>
  </si>
  <si>
    <t>100014122394468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https://100014122394468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dcf90e69-dd88-4782-b531-af0357d02aca.tmp</t>
  </si>
  <si>
    <t>\\acsfs\profiles$\KARENJSS\Downloads\dcf90e69-dd88-4782-b531-af0357d02aca.tmp</t>
  </si>
  <si>
    <t>10.200.57.59</t>
  </si>
  <si>
    <t>54-BF-64-F5-84-62</t>
  </si>
  <si>
    <t>NB-RONDINELESA</t>
  </si>
  <si>
    <t>rondinelesa</t>
  </si>
  <si>
    <t>C:\Users\rondinelesa\Desktop\</t>
  </si>
  <si>
    <t>ARVORE_TELEVENDAS_ATIVO.xlsx</t>
  </si>
  <si>
    <t>mail.google.com/_/upload?authuser=2&amp;dcp=asu-n&amp;upload_id=AEnB2UqxJpGq_pw98jI37WQFSDhXhMp2D6mJKTK6XMIxSd9_iGwYnhDYgpm_9-_75FwLV7dGdTUImLmv_NMLBI95I2nH-VSuGTad9orZj0x121rHxwJcvaM&amp;upload_protocol=resumable</t>
  </si>
  <si>
    <t>ARVORE_TELEVENDAS_RECEPTIVO.xlsx</t>
  </si>
  <si>
    <t>\\acsfs\ACS\Gabriel da Silva\Contemporânea\Comissão e Incentivo\2B70DFC4.tmp\</t>
  </si>
  <si>
    <t>\\acsfs\ACS\Gabriel da Silva\Contemporânea\Comissão e Incentivo\2B70DFC4.tmp\:Zone.Identifier:$DATA</t>
  </si>
  <si>
    <t>37a11c37-2557-4d5f-a216-a8b69ead45b6.tmp</t>
  </si>
  <si>
    <t>\\acsfs\profiles$\rosileiam\Downloads\37a11c37-2557-4d5f-a216-a8b69ead45b6.tmp</t>
  </si>
  <si>
    <t>5515f586-9225-4693-b73b-f2ee9994e3e6.tmp</t>
  </si>
  <si>
    <t>\\acsfs\profiles$\rosileiam\Downloads\5515f586-9225-4693-b73b-f2ee9994e3e6.tmp</t>
  </si>
  <si>
    <t>100014122394468;10001601641230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4122394468,10001601641230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c83e6d73-d088-4e73-badd-2bda86ae5eb1.tmp</t>
  </si>
  <si>
    <t>\\acsfs\profiles$\fabianobmf\Downloads\c83e6d73-d088-4e73-badd-2bda86ae5eb1.tmp</t>
  </si>
  <si>
    <t>824dc7de-6c34-4bd6-9d4b-772da3ef70dd.tmp</t>
  </si>
  <si>
    <t>\\acsfs\profiles$\leonardocb\Downloads\824dc7de-6c34-4bd6-9d4b-772da3ef70dd.tmp</t>
  </si>
  <si>
    <t>lu39408721mnb.tmp</t>
  </si>
  <si>
    <t>\\acsfs\profiles$\jalilebds\Downloads\lu39408721mnb.tmp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,viniciussg@algartech.com</t>
  </si>
  <si>
    <t>TAYLA ELIAS DE OLIVEIRA ALVES (16).contact</t>
  </si>
  <si>
    <t>\\acsfs\profiles$\taylaedoa\Contacts\TAYLA ELIAS DE OLIVEIRA ALVES (16).contact</t>
  </si>
  <si>
    <t>e1484e51-589d-4db8-9109-b2dfb77744c5.tmp</t>
  </si>
  <si>
    <t>\\acsfs\profiles$\taylaedoa\Downloads\e1484e51-589d-4db8-9109-b2dfb77744c5.tmp</t>
  </si>
  <si>
    <t>69efd2ca-f8fe-4db7-a9a4-a005d7050289.tmp</t>
  </si>
  <si>
    <t>\\acsfs\profiles$\rosileiam\Downloads\69efd2ca-f8fe-4db7-a9a4-a005d7050289.tmp</t>
  </si>
  <si>
    <t>603c4eb6-0314-4a30-b3d3-e197a06afcf0.tmp</t>
  </si>
  <si>
    <t>\\acsfs\profiles$\leonardocb\Downloads\603c4eb6-0314-4a30-b3d3-e197a06afcf0.tmp</t>
  </si>
  <si>
    <t>alessandroam@algartech.com;daniela.ribeiro@bv.com.br;eliane.martins@bv.com.br;flora.lira@bv.com.br;jose.gomes@bv.com.br;katia.lee@bv.com.br;maria.patrocinia@bv.com.br;marianesg@algartech.com;regis.costa@bv.com.br;samantha.cheque@bv.com.br;taysdss@algartech.com;thiagordu@algartech.com;</t>
  </si>
  <si>
    <t>alessandroam@algartech.com,daniela.ribeiro@bv.com.br,eliane.martins@bv.com.br,flora.lira@bv.com.br,jose.gomes@bv.com.br,katia.lee@bv.com.br,maria.patrocinia@bv.com.br,marianesg@algartech.com,regis.costa@bv.com.br,samantha.cheque@bv.com.br,taysdss@algartech.com,thiagordu@algartech.com</t>
  </si>
  <si>
    <t>mail.google.com/sync/u/0/i/s?hl=pt-BR&amp;c=597</t>
  </si>
  <si>
    <t>mail.google.com/sync/u/0/i/s?hl=pt-BR&amp;c=603</t>
  </si>
  <si>
    <t>f9beb988-cd63-4250-86b4-e60b7c592a51.tmp</t>
  </si>
  <si>
    <t>\\acsfs\profiles$\taylaedoa\Downloads\f9beb988-cd63-4250-86b4-e60b7c592a51.tmp</t>
  </si>
  <si>
    <t>5a55415b-3091-4f30-8f8f-6c5f9e6dc5bd.tmp</t>
  </si>
  <si>
    <t>\\acsfs\profiles$\edicarlosdl\Downloads\5a55415b-3091-4f30-8f8f-6c5f9e6dc5bd.tmp</t>
  </si>
  <si>
    <t>ceee8e0a-57c0-4030-95fa-9320e010c338.tmp</t>
  </si>
  <si>
    <t>\\acsfs\profiles$\rosileiam\Downloads\ceee8e0a-57c0-4030-95fa-9320e010c338.tmp</t>
  </si>
  <si>
    <t>63d07241-5b28-4fb7-8757-ec6305e28399.tmp</t>
  </si>
  <si>
    <t>\\acsfs\profiles$\rosileiam\Downloads\63d07241-5b28-4fb7-8757-ec6305e28399.tmp</t>
  </si>
  <si>
    <t>XLOG_kamilamrc_10012020_101505.log</t>
  </si>
  <si>
    <t>\\acsfs\profiles$\kamilamrc\My Documents\xworkcenter\logs\XLOG_kamilamrc_10012020_101505.log</t>
  </si>
  <si>
    <t>df6d45f9-e1e5-4f82-b3dd-1fd167381f02.tmp</t>
  </si>
  <si>
    <t>\\acsfs\profiles$\welidicdj\Downloads\df6d45f9-e1e5-4f82-b3dd-1fd167381f02.tmp</t>
  </si>
  <si>
    <t>86159b03-6ef5-4495-8795-f0331dae6866.tmp</t>
  </si>
  <si>
    <t>\\acsfs\profiles$\Adrieledgc\Downloads\86159b03-6ef5-4495-8795-f0331dae6866.tmp</t>
  </si>
  <si>
    <t>f83666ac-4467-413a-879b-1ca8211caa3d.tmp</t>
  </si>
  <si>
    <t>\\acsfs\profiles$\Adrieledgc\Downloads\f83666ac-4467-413a-879b-1ca8211caa3d.tmp</t>
  </si>
  <si>
    <t>alefl@algartech.com;alessandroam@algartech.com;daniela.ribeiro@bv.com.br;eliane.martins@bv.com.br;flora.lira@bv.com.br;jose.gomes@bv.com.br;katia.lee@bv.com.br;maria.patrocinia@bv.com.br;marianesg@algartech.com;regis.costa@bv.com.br;samantha.cheque@bv.com.br;taysdss@algartech.com;thiagordu@algartech.com;</t>
  </si>
  <si>
    <t>alefl@algartech.com,alessandroam@algartech.com,daniela.ribeiro@bv.com.br,eliane.martins@bv.com.br,flora.lira@bv.com.br,jose.gomes@bv.com.br,katia.lee@bv.com.br,maria.patrocinia@bv.com.br,marianesg@algartech.com,regis.costa@bv.com.br,samantha.cheque@bv.com.br,taysdss@algartech.com,thiagordu@algartech.com</t>
  </si>
  <si>
    <t>07112e0e-59ec-4c28-a646-1fb0d0450932.tmp</t>
  </si>
  <si>
    <t>\\acsfs\profiles$\julianeas\Downloads\07112e0e-59ec-4c28-a646-1fb0d0450932.tmp</t>
  </si>
  <si>
    <t>0704b841-987f-43d3-8a0b-03a5774f47ad.tmp</t>
  </si>
  <si>
    <t>\\acsfs\profiles$\rafaelacdoc\Downloads\0704b841-987f-43d3-8a0b-03a5774f47ad.tmp</t>
  </si>
  <si>
    <t>37780b96-daf5-431f-86a0-9f64f06ea4d0.tmp</t>
  </si>
  <si>
    <t>\\acsfs\profiles$\andreapdsg\Downloads\37780b96-daf5-431f-86a0-9f64f06ea4d0.tmp</t>
  </si>
  <si>
    <t>40e147b3-907c-46a3-8da0-d19abe1522a4.tmp</t>
  </si>
  <si>
    <t>\\acsfs\profiles$\gabrielamdp\Downloads\40e147b3-907c-46a3-8da0-d19abe1522a4.tmp</t>
  </si>
  <si>
    <t>https://andrelpsa@algartech.com,joaogvc@algartech.com,leonardoao@algartech.com,marianadjc@algartech.com,maristelavodq@bv.algartech.com,paulacn@algartech.com,rafaelggs@algartech.com,ricardodfm@algartech.com.br,taysdss@algartech.com,viniciussg@algartech.com</t>
  </si>
  <si>
    <t>7b882c4d-9565-474b-8d18-c77bd424bbc2.tmp</t>
  </si>
  <si>
    <t>\\acsfs\profiles$\ingridsm\Downloads\7b882c4d-9565-474b-8d18-c77bd424bbc2.tmp</t>
  </si>
  <si>
    <t>e13dca26-9534-46c5-9712-2bf88cc00cb7.tmp</t>
  </si>
  <si>
    <t>\\acsfs\profiles$\paulohaf\Downloads\e13dca26-9534-46c5-9712-2bf88cc00cb7.tmp</t>
  </si>
  <si>
    <t>bdc1fa6c-45d9-4496-a6c0-3df2978391b4.tmp</t>
  </si>
  <si>
    <t>\\acsfs\profiles$\gabrielamdp\Downloads\bdc1fa6c-45d9-4496-a6c0-3df2978391b4.tmp</t>
  </si>
  <si>
    <t>35d8e5af-4ddf-4c9b-a2c2-1c15a26b1943.tmp</t>
  </si>
  <si>
    <t>\\acsfs\profiles$\ingridsm\Downloads\35d8e5af-4ddf-4c9b-a2c2-1c15a26b1943.tmp</t>
  </si>
  <si>
    <t>3f1a0aa3-25ac-4400-ad8b-1086f5c0cbe9.tmp</t>
  </si>
  <si>
    <t>\\acsfs\profiles$\fernandofs\Downloads\3f1a0aa3-25ac-4400-ad8b-1086f5c0cbe9.tmp</t>
  </si>
  <si>
    <t>\\Acsfs\dsti\GAT\CIT - Coordenacao Inteligencia de TI\RELATORIOS FPW\Controle\OCORRENCIAS\OCORRÊNCIAS_JANEIRO 2020\OCORRÊNCIAS 01 A 0901_ tarde\</t>
  </si>
  <si>
    <t>OCORRÊNCIAS 01 A 0901_028_029_033.xlsm</t>
  </si>
  <si>
    <t>20545527-4f3e-4b77-8dde-3104fd59b814.tmp</t>
  </si>
  <si>
    <t>\\acsfs\profiles$\victorgl\Downloads\20545527-4f3e-4b77-8dde-3104fd59b814.tmp</t>
  </si>
  <si>
    <t>e40f02c6-38bb-4b0a-9d76-f0b193bb80fd.tmp</t>
  </si>
  <si>
    <t>\\acsfs\profiles$\victorgl\Downloads\e40f02c6-38bb-4b0a-9d76-f0b193bb80fd.tmp</t>
  </si>
  <si>
    <t>9ef270d9-4e27-459d-ba92-c6cf33d6de4e.tmp</t>
  </si>
  <si>
    <t>\\acsfs\profiles$\victorgl\Downloads\9ef270d9-4e27-459d-ba92-c6cf33d6de4e.tmp</t>
  </si>
  <si>
    <t>2ea142ef-bf49-403e-81d0-382ecdd3ceb6.tmp</t>
  </si>
  <si>
    <t>\\acsfs\profiles$\leonardobb\Downloads\2ea142ef-bf49-403e-81d0-382ecdd3ceb6.tmp</t>
  </si>
  <si>
    <t>3b28ded7-974f-41b2-8d17-0d425dd2adaf.tmp</t>
  </si>
  <si>
    <t>\\acsfs\profiles$\leonardobb\Downloads\3b28ded7-974f-41b2-8d17-0d425dd2adaf.tmp</t>
  </si>
  <si>
    <t>5b925681-b305-4386-b69f-dfcbffab0cf8.tmp</t>
  </si>
  <si>
    <t>\\acsfs\profiles$\leonardobb\Downloads\5b925681-b305-4386-b69f-dfcbffab0cf8.tmp</t>
  </si>
  <si>
    <t>C:\Users\waleskamms\OneDrive - Grupo Algar\Projetos\</t>
  </si>
  <si>
    <t>Reorganizações societárias Tech.xlsx</t>
  </si>
  <si>
    <t>28a22139-7599-4ee6-a3ef-cec508adbb8f.tmp</t>
  </si>
  <si>
    <t>\\acsfs\profiles$\victorgl\Downloads\28a22139-7599-4ee6-a3ef-cec508adbb8f.tmp</t>
  </si>
  <si>
    <t>mail.google.com/_/upload?authuser=0&amp;dcp=asu-n&amp;upload_id=AEnB2UrVBzQOjaXzKJjzJaDIgHZRfqCA9HgCSew7BKw2I2VlT7PULjm1qqJWfzmBmW05pXDUPGM1yb8xAbtRHvJilrAMMrC9sWGNc8FED8sg6iBiAmNnI4I&amp;upload_protocol=resumable</t>
  </si>
  <si>
    <t>\\acsfs\DEPTOS\Operacao\PCP\5 - Comum\ACOMPANHAMENTO AMEX\43 - ACOMPANHAMENTO PJ\3 - FINANCEIRO\2020\01 - Janeiro\</t>
  </si>
  <si>
    <t>Prévia Financeira_Janeiro_20.xlsb</t>
  </si>
  <si>
    <t>10.201.30.90</t>
  </si>
  <si>
    <t>mail.google.com/_/upload?authuser=1&amp;dcp=asu-n&amp;upload_id=AEnB2UrsKDVGu8JZNwagP-z7g4C5vEvdOTAs7_0KGZ3zCYupLzqU0rbl3N1QFXan0DKiEVedjGrIiDfMF-yCdA_etj8VzpqGlHDAclK8hHwgrastyTjRKNs&amp;upload_protocol=resumable</t>
  </si>
  <si>
    <t>\\acsfs\DEPTOS\Controladoria\17. CG Financeiro\CG INFRA\2.Faturamento\AMAZON\2020\01.Janeiro\</t>
  </si>
  <si>
    <t>b87b3b7b-d28c-4e45-b20d-b5c48b058a00.tmp</t>
  </si>
  <si>
    <t>\\acsfs\profiles$\victorgl\Downloads\b87b3b7b-d28c-4e45-b20d-b5c48b058a00.tmp</t>
  </si>
  <si>
    <t>ab93b640-f585-4a47-ae0e-e947911fe27d.tmp</t>
  </si>
  <si>
    <t>\\acsfs\profiles$\laurandos\Downloads\ab93b640-f585-4a47-ae0e-e947911fe27d.tmp</t>
  </si>
  <si>
    <t>7f948f74-c6e2-41f9-b00a-4a49391e5cc8.tmp</t>
  </si>
  <si>
    <t>\\acsfs\profiles$\taylaedoa\Downloads\7f948f74-c6e2-41f9-b00a-4a49391e5cc8.tmp</t>
  </si>
  <si>
    <t>3330dfeb-254d-4f1f-b0cd-ee1f0dfc2879.tmp</t>
  </si>
  <si>
    <t>\\acsfs\profiles$\laurandos\Downloads\3330dfeb-254d-4f1f-b0cd-ee1f0dfc2879.tmp</t>
  </si>
  <si>
    <t>lu39408721mne.tmp</t>
  </si>
  <si>
    <t>\\acsfs\profiles$\jalilebds\Downloads\lu39408721mne.tmp</t>
  </si>
  <si>
    <t>http://sdcatalogo.algartech.com:8080/usm/documents?&amp;sh=mktpkhysxnb72pyal33rmshmvhg=&amp;portal=true&amp;sp=rriif</t>
  </si>
  <si>
    <t>doc daniel.pdf</t>
  </si>
  <si>
    <t>35919db7-8bff-4784-90fd-2cba3cd7ad4d.tmp</t>
  </si>
  <si>
    <t>\\acsfs\profiles$\andressamf\Downloads\35919db7-8bff-4784-90fd-2cba3cd7ad4d.tmp</t>
  </si>
  <si>
    <t>e461dc7a-4a83-4111-a0ba-aecedc99e254.tmp</t>
  </si>
  <si>
    <t>\\acsfs\profiles$\alinepp\Downloads\e461dc7a-4a83-4111-a0ba-aecedc99e254.tmp</t>
  </si>
  <si>
    <t>mail.google.com/mail/u/0/#inbox</t>
  </si>
  <si>
    <t>Tabelas banco de dados 19.xlsx</t>
  </si>
  <si>
    <t>C:\Users\wanessabds\Downloads\Plan Precificacao C019 B019.xlsb\</t>
  </si>
  <si>
    <t>mail.google.com/_/upload?authuser=0&amp;dcp=asu-n&amp;upload_id=AEnB2UoVdzdjgA8kys-s-1xBVxJ8Pm1rwWkBhSWwP-Jx_EVcg020ZT8IhVlNzotGfFVqR8iDtoNZ3cuPTiShb_VVcWWoahWrNw&amp;upload_protocol=resumable</t>
  </si>
  <si>
    <t>anacmma@algartech.com;daianeml@algartech.com;dolvaner@algartech.com;gustavohs@algartech.com;jecienegs@algartech.com;priscilaflo@algartech.com;</t>
  </si>
  <si>
    <t>anacmma@algartech.com,daianeml@algartech.com,dolvaner@algartech.com,gustavohs@algartech.com,jecienegs@algartech.com,priscilaflo@algartech.com</t>
  </si>
  <si>
    <t>2218491c-16d7-4690-a216-d1feed4187ed.tmp</t>
  </si>
  <si>
    <t>\\acsfs\profiles$\julianeas\Downloads\2218491c-16d7-4690-a216-d1feed4187ed.tmp</t>
  </si>
  <si>
    <t>ceab56a6-adb7-4a88-bd3b-115507bc1ad0.tmp</t>
  </si>
  <si>
    <t>\\acsfs\profiles$\marcosvnds\Downloads\ceab56a6-adb7-4a88-bd3b-115507bc1ad0.tmp</t>
  </si>
  <si>
    <t>https://andrelpsa@algartech.com,joaogvc@algartech.com,leonardoao@algartech.com,marianadjc@algartech.com,planejamentodeoperacoesetrafego@bv.com.br,ricardodfm@algartech.com.br,sofiamses@algartech.com,taysdss@algartech.com,viniciussg@algartech.com</t>
  </si>
  <si>
    <t>7ca8bc4f-261d-455a-9f85-7b47848def2d.tmp</t>
  </si>
  <si>
    <t>\\acsfs\profiles$\andressamf\Downloads\7ca8bc4f-261d-455a-9f85-7b47848def2d.tmp</t>
  </si>
  <si>
    <t>mail.google.com/_/upload?authuser=1&amp;dcp=asu-n&amp;upload_id=AEnB2UrsYwAsRxkPEnNkN8iAc0jezoFgSZalO-QvMAcK8MugzXyU49UnVAV5dvYUn7ydjx-NmPayH2Sx0XtgJeOj4EPrAJDfL0UQBBOXs3BpTXESiCdJSx8&amp;upload_protocol=resumable</t>
  </si>
  <si>
    <t>\\acsfs\deptos\Regionais\SPO\TALENTOS_HUMANOS_SPO\SESMT_SPO\2015_ORGANIZAÇÃO DOS DIRETÓRIOS\Controles\Controle Geral\Controle de ASO OS TP EPI Engeset SP - Rota Sul\2019\Dezembro\</t>
  </si>
  <si>
    <t>Lista Final SP_VF_09_01_20.xlsx</t>
  </si>
  <si>
    <t>bd5e6b4d-c7e3-49e9-8611-8ca4185ed0c2.tmp</t>
  </si>
  <si>
    <t>\\acsfs\profiles$\fabianobmf\Downloads\bd5e6b4d-c7e3-49e9-8611-8ca4185ed0c2.tmp</t>
  </si>
  <si>
    <t>dfecda6d-157a-4896-9d9f-77288452ad6c.tmp</t>
  </si>
  <si>
    <t>\\acsfs\profiles$\fabianafv\Downloads\dfecda6d-157a-4896-9d9f-77288452ad6c.tmp</t>
  </si>
  <si>
    <t>8ef79919-f78e-4ec6-ab5c-3148c053ff82.tmp</t>
  </si>
  <si>
    <t>\\acsfs\profiles$\rosileiam\Downloads\8ef79919-f78e-4ec6-ab5c-3148c053ff82.tmp</t>
  </si>
  <si>
    <t>db712d2b-1b20-45de-9659-a4c9b71e45e2.tmp</t>
  </si>
  <si>
    <t>\\acsfs\profiles$\rafaelacdoc\Downloads\db712d2b-1b20-45de-9659-a4c9b71e45e2.tmp</t>
  </si>
  <si>
    <t>d40b4dc8-cc76-4930-9d57-6c3003088cee.tmp</t>
  </si>
  <si>
    <t>\\acsfs\profiles$\fabianafv\Downloads\d40b4dc8-cc76-4930-9d57-6c3003088cee.tmp</t>
  </si>
  <si>
    <t>lu39408721mnp.tmp</t>
  </si>
  <si>
    <t>\\acsfs\profiles$\jalilebds\Downloads\lu39408721mnp.tmp</t>
  </si>
  <si>
    <t>lu39408721mns.tmp</t>
  </si>
  <si>
    <t>\\acsfs\profiles$\jalilebds\Downloads\lu39408721mns.tmp</t>
  </si>
  <si>
    <t>e7f0e70d-3cf4-423a-81c7-cdc010c92dac.tmp</t>
  </si>
  <si>
    <t>\\acsfs\profiles$\alinepp\Downloads\e7f0e70d-3cf4-423a-81c7-cdc010c92dac.tmp</t>
  </si>
  <si>
    <t>101b64eb-cdf6-4d9f-ab83-182a7465b62e.tmp</t>
  </si>
  <si>
    <t>\\acsfs\profiles$\nathaliaos\Downloads\101b64eb-cdf6-4d9f-ab83-182a7465b62e.tmp</t>
  </si>
  <si>
    <t>aab05513-4fd1-402f-ba54-0711e3c5837e.tmp</t>
  </si>
  <si>
    <t>\\acsfs\profiles$\gabrielaff\Downloads\aab05513-4fd1-402f-ba54-0711e3c5837e.tmp</t>
  </si>
  <si>
    <t>637c77b3-77bb-44a4-a16d-439d755d6bef.tmp</t>
  </si>
  <si>
    <t>\\acsfs\profiles$\gabrielamdp\Downloads\637c77b3-77bb-44a4-a16d-439d755d6bef.tmp</t>
  </si>
  <si>
    <t>1edf07bf-fa57-430d-b513-82f87f9c2740.tmp</t>
  </si>
  <si>
    <t>\\acsfs\profiles$\taylaedoa\Downloads\1edf07bf-fa57-430d-b513-82f87f9c2740.tmp</t>
  </si>
  <si>
    <t>965e531a-34bd-4639-bed8-363aaffb9939.tmp</t>
  </si>
  <si>
    <t>\\acsfs\profiles$\nathaliaos\Downloads\965e531a-34bd-4639-bed8-363aaffb9939.tmp</t>
  </si>
  <si>
    <t>291e20ed-ba19-4274-95d3-1ca432e75ee0.tmp</t>
  </si>
  <si>
    <t>\\acsfs\profiles$\laurandos\Downloads\291e20ed-ba19-4274-95d3-1ca432e75ee0.tmp</t>
  </si>
  <si>
    <t>969d37ca-2d6f-4778-8439-285e1d1d9c83.tmp</t>
  </si>
  <si>
    <t>\\acsfs\profiles$\ingridsm\Downloads\969d37ca-2d6f-4778-8439-285e1d1d9c83.tmp</t>
  </si>
  <si>
    <t>d7338bde-9b01-4b5c-b7b3-9ab51ff83fcf.tmp</t>
  </si>
  <si>
    <t>\\acsfs\profiles$\ingridsm\Downloads\d7338bde-9b01-4b5c-b7b3-9ab51ff83fcf.tmp</t>
  </si>
  <si>
    <t>b1afe258-7591-46f9-9853-dbf863e7d6cc.tmp</t>
  </si>
  <si>
    <t>\\acsfs\profiles$\ingridsm\Downloads\b1afe258-7591-46f9-9853-dbf863e7d6cc.tmp</t>
  </si>
  <si>
    <t>be3f26bd-4559-47e6-b827-fc275d175c7c.tmp</t>
  </si>
  <si>
    <t>\\acsfs\profiles$\rafaelacdoc\Downloads\be3f26bd-4559-47e6-b827-fc275d175c7c.tmp</t>
  </si>
  <si>
    <t>XLOG_marcosvnds_10012020_131303.log</t>
  </si>
  <si>
    <t>\\acsfs\profiles$\marcosvnds\My Documents\xworkcenter\logs\XLOG_marcosvnds_10012020_131303.log</t>
  </si>
  <si>
    <t>https://parceiro.metlife.com.br/cotadorml/implantador/propostas/cadproposta.aspx?idproposta=1879282</t>
  </si>
  <si>
    <t>9b7e117a-3dbc-4c60-8ff6-c7efcb38bc1f.tmp</t>
  </si>
  <si>
    <t>\\acsfs\profiles$\marcosvnds\Downloads\9b7e117a-3dbc-4c60-8ff6-c7efcb38bc1f.tmp</t>
  </si>
  <si>
    <t>dd4183bf-16e0-4a24-9210-747bdde2a745.tmp</t>
  </si>
  <si>
    <t>\\acsfs\profiles$\marcosvnds\Downloads\dd4183bf-16e0-4a24-9210-747bdde2a745.tmp</t>
  </si>
  <si>
    <t>436f5ca9-3530-4599-9ea0-e39f096b265b.tmp</t>
  </si>
  <si>
    <t>\\acsfs\profiles$\anafaes\Downloads\436f5ca9-3530-4599-9ea0-e39f096b265b.tmp</t>
  </si>
  <si>
    <t>19787f36-a389-4c40-849a-3c7f7969fcaf.tmp</t>
  </si>
  <si>
    <t>\\acsfs\profiles$\brendadsl\Downloads\19787f36-a389-4c40-849a-3c7f7969fcaf.tmp</t>
  </si>
  <si>
    <t>ccd0ed5a-d07d-40df-aed8-bcd93d41218c.tmp</t>
  </si>
  <si>
    <t>\\acsfs\profiles$\myllenardl\Downloads\ccd0ed5a-d07d-40df-aed8-bcd93d41218c.tmp</t>
  </si>
  <si>
    <t>42618428-b98c-409c-8baa-672c1d11c573.tmp</t>
  </si>
  <si>
    <t>\\acsfs\profiles$\alinepp\Downloads\42618428-b98c-409c-8baa-672c1d11c573.tmp</t>
  </si>
  <si>
    <t>ba21027f-7bd7-48de-b31b-2f3688a52ff9.tmp</t>
  </si>
  <si>
    <t>\\acsfs\profiles$\ingridsm\Downloads\ba21027f-7bd7-48de-b31b-2f3688a52ff9.tmp</t>
  </si>
  <si>
    <t>9a55b7d8-8bb5-4a87-83c0-5d58cf4e9ed4.tmp</t>
  </si>
  <si>
    <t>\\acsfs\profiles$\julianeas\Downloads\9a55b7d8-8bb5-4a87-83c0-5d58cf4e9ed4.tmp</t>
  </si>
  <si>
    <t>fd8bb73f-5211-4440-b1bb-745ad37d04a5.tmp</t>
  </si>
  <si>
    <t>\\acsfs\profiles$\brunalas\Downloads\fd8bb73f-5211-4440-b1bb-745ad37d04a5.tmp</t>
  </si>
  <si>
    <t>fa4c694d-4a98-4c49-952d-949a02b9b18f.tmp</t>
  </si>
  <si>
    <t>\\acsfs\profiles$\brunalas\Downloads\fa4c694d-4a98-4c49-952d-949a02b9b18f.tmp</t>
  </si>
  <si>
    <t>9dc34344-7815-4da5-97f3-3e264b44c0b4.tmp</t>
  </si>
  <si>
    <t>\\acsfs\profiles$\laurandos\Downloads\9dc34344-7815-4da5-97f3-3e264b44c0b4.tmp</t>
  </si>
  <si>
    <t>e9d80754-081a-463f-8d72-ed3f097fef0b.tmp</t>
  </si>
  <si>
    <t>\\acsfs\profiles$\edicarlosdl\Downloads\e9d80754-081a-463f-8d72-ed3f097fef0b.tmp</t>
  </si>
  <si>
    <t>8f5f977a-b2ac-4090-b3fd-7dfb56581cdf.tmp</t>
  </si>
  <si>
    <t>\\acsfs\profiles$\ingridsm\Downloads\8f5f977a-b2ac-4090-b3fd-7dfb56581cdf.tmp</t>
  </si>
  <si>
    <t>742b2c5b-b328-4206-a72d-9746ff44091e.tmp</t>
  </si>
  <si>
    <t>\\acsfs\profiles$\rafaelacdoc\Downloads\742b2c5b-b328-4206-a72d-9746ff44091e.tmp</t>
  </si>
  <si>
    <t>348eaff2-c909-402c-a940-c8e6eb7558c5.tmp</t>
  </si>
  <si>
    <t>\\acsfs\profiles$\anafaes\Downloads\348eaff2-c909-402c-a940-c8e6eb7558c5.tmp</t>
  </si>
  <si>
    <t>f92a73c3-e49e-4e78-b8af-7ab5fd51dcf2.tmp</t>
  </si>
  <si>
    <t>\\acsfs\profiles$\leonardocb\Downloads\f92a73c3-e49e-4e78-b8af-7ab5fd51dcf2.tmp</t>
  </si>
  <si>
    <t>91269305-a480-44ad-a038-a50c9b49f421.tmp</t>
  </si>
  <si>
    <t>\\acsfs\profiles$\myllenardl\Downloads\91269305-a480-44ad-a038-a50c9b49f421.tmp</t>
  </si>
  <si>
    <t>http://api.viglink.com/api/optimize</t>
  </si>
  <si>
    <t>XLOG_anakcs_10012020_123848.log</t>
  </si>
  <si>
    <t>\\acsfs\profiles$\anakcs\My Documents\xworkcenter\logs\XLOG_anakcs_10012020_123848.log</t>
  </si>
  <si>
    <t>251020c3-1d39-4b9e-b74f-5c0732d5502f.tmp</t>
  </si>
  <si>
    <t>\\acsfs\profiles$\gabrielamdp\Downloads\251020c3-1d39-4b9e-b74f-5c0732d5502f.tmp</t>
  </si>
  <si>
    <t>616114b8-1c3b-453f-af65-197fbb5de4d4.tmp</t>
  </si>
  <si>
    <t>\\acsfs\profiles$\leonardocb\Downloads\616114b8-1c3b-453f-af65-197fbb5de4d4.tmp</t>
  </si>
  <si>
    <t>http://api.viglink.com/api/click</t>
  </si>
  <si>
    <t>06534432-29cd-4285-a39b-9b0b2a342d11.tmp</t>
  </si>
  <si>
    <t>\\acsfs\profiles$\alinepp\Downloads\06534432-29cd-4285-a39b-9b0b2a342d11.tmp</t>
  </si>
  <si>
    <t>DTH.xlsx</t>
  </si>
  <si>
    <t>1315a65c-7ebd-4155-9028-79d8908af99b.tmp</t>
  </si>
  <si>
    <t>\\acsfs\profiles$\taylaedoa\Downloads\1315a65c-7ebd-4155-9028-79d8908af99b.tmp</t>
  </si>
  <si>
    <t>image2020-01-10-205909.pdf</t>
  </si>
  <si>
    <t>lu39408721mnz.tmp</t>
  </si>
  <si>
    <t>\\acsfs\profiles$\jalilebds\Downloads\lu39408721mnz.tmp</t>
  </si>
  <si>
    <t>fcc8f303-d7a0-448d-8224-472e72bd953d.tmp</t>
  </si>
  <si>
    <t>\\acsfs\profiles$\cintiadjl\Downloads\fcc8f303-d7a0-448d-8224-472e72bd953d.tmp</t>
  </si>
  <si>
    <t>9e84a06c-2b67-4891-85a3-1f17ff3f4b97.tmp</t>
  </si>
  <si>
    <t>\\acsfs\profiles$\myllenardl\Downloads\9e84a06c-2b67-4891-85a3-1f17ff3f4b97.tmp</t>
  </si>
  <si>
    <t>84d5bae5-ee98-4bad-b0fb-4fe963a3c613.tmp</t>
  </si>
  <si>
    <t>\\acsfs\profiles$\myllenardl\Downloads\84d5bae5-ee98-4bad-b0fb-4fe963a3c613.tmp</t>
  </si>
  <si>
    <t>da698b27-2826-4df3-83af-d3e82377d4b6.tmp</t>
  </si>
  <si>
    <t>\\acsfs\profiles$\taylaedoa\Downloads\da698b27-2826-4df3-83af-d3e82377d4b6.tmp</t>
  </si>
  <si>
    <t>e4155bb9-241e-4d5a-962d-3fc671b87807.tmp</t>
  </si>
  <si>
    <t>\\acsfs\profiles$\gabrielamdp\Downloads\e4155bb9-241e-4d5a-962d-3fc671b87807.tmp</t>
  </si>
  <si>
    <t>a22683eb-0177-4961-bf3d-ecabad92a3f0.tmp</t>
  </si>
  <si>
    <t>\\acsfs\profiles$\ingridsm\Downloads\a22683eb-0177-4961-bf3d-ecabad92a3f0.tmp</t>
  </si>
  <si>
    <t>lu39408721mo6.tmp</t>
  </si>
  <si>
    <t>\\acsfs\profiles$\jalilebds\Downloads\lu39408721mo6.tmp</t>
  </si>
  <si>
    <t>lu39408721mo9.tmp</t>
  </si>
  <si>
    <t>\\acsfs\profiles$\jalilebds\Downloads\lu39408721mo9.tmp</t>
  </si>
  <si>
    <t>e3346e28-bf33-4968-90f1-fed0ee0c541d.tmp</t>
  </si>
  <si>
    <t>\\acsfs\profiles$\nathaliaos\Downloads\e3346e28-bf33-4968-90f1-fed0ee0c541d.tmp</t>
  </si>
  <si>
    <t>cde51fbd-5fdc-4ad3-8dfa-80e8877387c2.tmp</t>
  </si>
  <si>
    <t>\\acsfs\profiles$\joycemmdl\Downloads\cde51fbd-5fdc-4ad3-8dfa-80e8877387c2.tmp</t>
  </si>
  <si>
    <t>0094fd7b-154b-414c-b228-e8737e3077e2.tmp</t>
  </si>
  <si>
    <t>\\acsfs\profiles$\ROBERTM\Downloads\0094fd7b-154b-414c-b228-e8737e3077e2.tmp</t>
  </si>
  <si>
    <t>9cc3b6e5-ce63-48c4-a766-272de166465d.tmp</t>
  </si>
  <si>
    <t>\\acsfs\profiles$\alinepp\Downloads\9cc3b6e5-ce63-48c4-a766-272de166465d.tmp</t>
  </si>
  <si>
    <t>XLOG_andrezacapf_10012020_135201.log</t>
  </si>
  <si>
    <t>\\acsfs\profiles$\andrezacapf\My Documents\xworkcenter\logs\XLOG_andrezacapf_10012020_135201.log</t>
  </si>
  <si>
    <t>f15264a5-c1c2-4afa-9874-b292ee84ffca.tmp</t>
  </si>
  <si>
    <t>\\acsfs\profiles$\ROBERTM\Downloads\f15264a5-c1c2-4afa-9874-b292ee84ffca.tmp</t>
  </si>
  <si>
    <t>aeb7d8e9-bc45-488e-b34f-4ab643db64b7.tmp</t>
  </si>
  <si>
    <t>\\acsfs\profiles$\ROBERTM\Downloads\aeb7d8e9-bc45-488e-b34f-4ab643db64b7.tmp</t>
  </si>
  <si>
    <t>568b5b0c-b89b-4162-b22c-278381c0d85e.tmp</t>
  </si>
  <si>
    <t>\\acsfs\profiles$\ROBERTM\Downloads\568b5b0c-b89b-4162-b22c-278381c0d85e.tmp</t>
  </si>
  <si>
    <t>b2be1288-435a-4bea-9ec3-ccad94e7cc18.tmp</t>
  </si>
  <si>
    <t>\\acsfs\profiles$\ROBERTM\Downloads\b2be1288-435a-4bea-9ec3-ccad94e7cc18.tmp</t>
  </si>
  <si>
    <t>be3d8499-4344-4723-ae3f-023f82023009.tmp</t>
  </si>
  <si>
    <t>\\acsfs\profiles$\ROBERTM\Downloads\be3d8499-4344-4723-ae3f-023f82023009.tmp</t>
  </si>
  <si>
    <t>cd77b053-41e9-402d-95bc-7b70c24fb266.tmp</t>
  </si>
  <si>
    <t>\\acsfs\profiles$\ROBERTM\Downloads\cd77b053-41e9-402d-95bc-7b70c24fb266.tmp</t>
  </si>
  <si>
    <t>50ad434f-3080-4daa-82c0-d63742f0b555.tmp</t>
  </si>
  <si>
    <t>\\acsfs\profiles$\ROBERTM\Downloads\50ad434f-3080-4daa-82c0-d63742f0b555.tmp</t>
  </si>
  <si>
    <t>0b39d7b8-17dd-4501-8c82-6ee5e3fd5d7d.tmp</t>
  </si>
  <si>
    <t>\\acsfs\profiles$\ROBERTM\Downloads\0b39d7b8-17dd-4501-8c82-6ee5e3fd5d7d.tmp</t>
  </si>
  <si>
    <t>lu220801e83jq.tmp</t>
  </si>
  <si>
    <t>\\acsfs\profiles$\ALYNYA\My Documents\lu220801e83jq.tmp</t>
  </si>
  <si>
    <t>\\acsfs\profiles$\ALYNYA\My Documents\lu220801e83jq.tmp\</t>
  </si>
  <si>
    <t>\\acsfs\profiles$\ALYNYA\My Documents\lu220801e83jq.tmp\META-INF\</t>
  </si>
  <si>
    <t>\\acsfs\profiles$\ALYNYA\My Documents\lu220801e83jq.tmp\Thumbnails\</t>
  </si>
  <si>
    <t>32f04a72-578e-47d5-895b-5b329cbbbe47.tmp</t>
  </si>
  <si>
    <t>\\acsfs\profiles$\ALYNYA\Downloads\32f04a72-578e-47d5-895b-5b329cbbbe47.tmp</t>
  </si>
  <si>
    <t>9ef12f29-8ad6-42ee-9b58-b4aacf810633.tmp</t>
  </si>
  <si>
    <t>\\acsfs\profiles$\ALYNYA\Downloads\9ef12f29-8ad6-42ee-9b58-b4aacf810633.tmp</t>
  </si>
  <si>
    <t>e4b5fcfe-2b06-4e2e-ab22-443151cf29de.tmp</t>
  </si>
  <si>
    <t>\\acsfs\profiles$\lucasqdss\Downloads\e4b5fcfe-2b06-4e2e-ab22-443151cf29de.tmp</t>
  </si>
  <si>
    <t>912a698e-0a6e-4297-bd3b-dfec5c5d4949.tmp</t>
  </si>
  <si>
    <t>\\acsfs\profiles$\lucasqdss\Downloads\912a698e-0a6e-4297-bd3b-dfec5c5d4949.tmp</t>
  </si>
  <si>
    <t>7d8e9f85-340d-4594-a4ae-6528916b2ad6.tmp</t>
  </si>
  <si>
    <t>\\acsfs\profiles$\danielac\Downloads\7d8e9f85-340d-4594-a4ae-6528916b2ad6.tmp</t>
  </si>
  <si>
    <t>fb6cf8b8-7497-4b06-b21e-26154830029a.tmp</t>
  </si>
  <si>
    <t>\\acsfs\profiles$\danielac\Downloads\fb6cf8b8-7497-4b06-b21e-26154830029a.tmp</t>
  </si>
  <si>
    <t>7b130a4c-f447-4dbe-b343-b3ed3d7a7b76.tmp</t>
  </si>
  <si>
    <t>\\acsfs\profiles$\danielac\Downloads\7b130a4c-f447-4dbe-b343-b3ed3d7a7b76.tmp</t>
  </si>
  <si>
    <t>30f0ae6d-e1b6-4e60-ba5d-ef26a1713999.tmp</t>
  </si>
  <si>
    <t>\\acsfs\profiles$\ALYNYA\Downloads\30f0ae6d-e1b6-4e60-ba5d-ef26a1713999.tmp</t>
  </si>
  <si>
    <t>f248f39b-9b23-4432-bdfd-6441cd66a7c3.tmp</t>
  </si>
  <si>
    <t>\\acsfs\profiles$\cintiadcf\Downloads\f248f39b-9b23-4432-bdfd-6441cd66a7c3.tmp</t>
  </si>
  <si>
    <t>d698fc4e-6beb-4bb4-9fae-6a662c549e66.tmp</t>
  </si>
  <si>
    <t>\\acsfs\profiles$\cintiadcf\Downloads\d698fc4e-6beb-4bb4-9fae-6a662c549e66.tmp</t>
  </si>
  <si>
    <t>9b9a057e-50af-4de1-8b5b-1473581b6177.tmp</t>
  </si>
  <si>
    <t>\\acsfs\profiles$\lucasgpe\Downloads\9b9a057e-50af-4de1-8b5b-1473581b6177.tmp</t>
  </si>
  <si>
    <t>6f352aeb-035a-479f-89a4-7d751e0a9bb0.tmp</t>
  </si>
  <si>
    <t>\\acsfs\profiles$\cintiadcf\Downloads\6f352aeb-035a-479f-89a4-7d751e0a9bb0.tmp</t>
  </si>
  <si>
    <t>f9f1a06f-18dd-41e6-941d-4f65733b865e.tmp</t>
  </si>
  <si>
    <t>\\acsfs\profiles$\lucasgpe\Downloads\f9f1a06f-18dd-41e6-941d-4f65733b865e.tmp</t>
  </si>
  <si>
    <t>100021783966654;</t>
  </si>
  <si>
    <t>https://100021783966654</t>
  </si>
  <si>
    <t>69acb59d-4ec8-482e-ba50-3b739ed5042f.tmp</t>
  </si>
  <si>
    <t>\\acsfs\profiles$\ALYNYA\Downloads\69acb59d-4ec8-482e-ba50-3b739ed5042f.tmp</t>
  </si>
  <si>
    <t>23e9a9ca-5842-48e5-b2d5-e700041a55ae.tmp</t>
  </si>
  <si>
    <t>\\acsfs\profiles$\claudiajca\Downloads\23e9a9ca-5842-48e5-b2d5-e700041a55ae.tmp</t>
  </si>
  <si>
    <t>b9ac3f63-3fee-4a7f-8db1-35016030a960.tmp</t>
  </si>
  <si>
    <t>\\acsfs\profiles$\claudiajca\Downloads\b9ac3f63-3fee-4a7f-8db1-35016030a960.tmp</t>
  </si>
  <si>
    <t>https://algar.workplace.com/ajax/groups/mall/post_menu/?group_id=384236438960502&amp;post_id=470869776963834&amp;feed_location=2&amp;story_dom_id=mall_post_470869776963834:6:0&amp;entstory_context={"last_view_time":0,"fbfeed_context":true,"location_type":2,"outer_object_element_id":"mall_post_470869776963834:6:0","object_element_id":"mall_post_470869776963834:6:0","is_ad_preview":false,"is_editable":false,"mall_how_many_post_comments":2,"bump_reason":0,"enable_comment":false,"has_preclick_auto_pivot_unit":false,"story_width":502,"frtp_eligible":false,"tn-str":"-r"}&amp;story_token=s:_i100014206742392:vk:470869776963834&amp;button_id=u_fetchstream_8_27</t>
  </si>
  <si>
    <t>C:\Users\martala\AppData\Roaming\Adobe\LogTransport2\Logs\</t>
  </si>
  <si>
    <t>ulog_Acrobat12_Reader_e573a9b3-0763-4d09-af06-33186133c39c_97000548-4414-4136-ae47-97ab00f8578a_0.log</t>
  </si>
  <si>
    <t>C:\Users\martala\AppData\Roaming\Adobe\LogTransport2\Logs\ulog_Acrobat12_Reader_e573a9b3-0763-4d09-af06-33186133c39c_97000548-4414-4136-ae47-97ab00f8578a_0.log\</t>
  </si>
  <si>
    <t>10.200.67.121</t>
  </si>
  <si>
    <t>Camila Lemos Borges (3).contact</t>
  </si>
  <si>
    <t>\\acsfs\profiles$\camillaleb\Contacts\Camila Lemos Borges (3).contact</t>
  </si>
  <si>
    <t>b11bffed-d297-4af2-924d-ade10ff2b7d4.tmp</t>
  </si>
  <si>
    <t>\\acsfs\profiles$\nathaliarmr\Downloads\b11bffed-d297-4af2-924d-ade10ff2b7d4.tmp</t>
  </si>
  <si>
    <t>ulog_Acrobat12_Reader_e573a9b3-0763-4d09-af06-33186133c39c_81b649ab-3a70-4133-85ed-b8683c63dfa7_0.log</t>
  </si>
  <si>
    <t>C:\Users\martala\AppData\Roaming\Adobe\LogTransport2\Logs\ulog_Acrobat12_Reader_e573a9b3-0763-4d09-af06-33186133c39c_81b649ab-3a70-4133-85ed-b8683c63dfa7_0.log\</t>
  </si>
  <si>
    <t>C:\Users\martala\Desktop\</t>
  </si>
  <si>
    <t>Licenciamneto IPVA.pdf</t>
  </si>
  <si>
    <t>9963e40f-132a-41f3-ae29-0c285d3186a9.tmp</t>
  </si>
  <si>
    <t>\\acsfs\profiles$\nathaliarmr\Downloads\9963e40f-132a-41f3-ae29-0c285d3186a9.tmp</t>
  </si>
  <si>
    <t>407801c3-493a-4be4-a486-976dae4ec616.tmp</t>
  </si>
  <si>
    <t>\\acsfs\profiles$\marcellewdl\Downloads\407801c3-493a-4be4-a486-976dae4ec616.tmp</t>
  </si>
  <si>
    <t>03824cfc-719d-4d76-adea-e3be062464d4.tmp</t>
  </si>
  <si>
    <t>\\acsfs\profiles$\luanarda\Downloads\03824cfc-719d-4d76-adea-e3be062464d4.tmp</t>
  </si>
  <si>
    <t>02fa3c47-bfb9-451b-afd7-b5050a184d67.tmp</t>
  </si>
  <si>
    <t>\\acsfs\profiles$\luanarda\Downloads\02fa3c47-bfb9-451b-afd7-b5050a184d67.tmp</t>
  </si>
  <si>
    <t>f4b4947e-e1d4-46f7-98f5-9662b8c9fcee.tmp</t>
  </si>
  <si>
    <t>\\acsfs\profiles$\felipetds\Downloads\f4b4947e-e1d4-46f7-98f5-9662b8c9fcee.tmp</t>
  </si>
  <si>
    <t>9655f18b-9a0d-4d81-9775-7194801292ad.tmp</t>
  </si>
  <si>
    <t>\\acsfs\profiles$\felipetds\Downloads\9655f18b-9a0d-4d81-9775-7194801292ad.tmp</t>
  </si>
  <si>
    <t>5a2261a5-d358-48a2-823a-04bfbab0073e.tmp</t>
  </si>
  <si>
    <t>\\acsfs\profiles$\marcellewdl\Downloads\5a2261a5-d358-48a2-823a-04bfbab0073e.tmp</t>
  </si>
  <si>
    <t>ulog_HeadlightsOptinProductFamily_HeadlightsOptinProduct_00000000-0000-0000-0000-000000000000_b82f2131-6504-4ea3-9eba-826aefdb29e1.log</t>
  </si>
  <si>
    <t>C:\Users\martala\AppData\Roaming\Adobe\LogTransport2\Logs\ulog_HeadlightsOptinProductFamily_HeadlightsOptinProduct_00000000-0000-0000-0000-000000000000_b82f2131-6504-4ea3-9eba-826aefdb29e1.log\</t>
  </si>
  <si>
    <t>andrelpsa@algartech.com;josiascdsj@algartech.com;leonardoao@algartech.com;marianadjc@algartech.com;paulacn@algartech.com;ricardodfm@algartech.com.br;taysdss@algartech.com;viniciussg@algartech.com;</t>
  </si>
  <si>
    <t>andrelpsa@algartech.com,josiascdsj@algartech.com,leonardoao@algartech.com,marianadjc@algartech.com,paulacn@algartech.com,ricardodfm@algartech.com.br,taysdss@algartech.com,viniciussg@algartech.com</t>
  </si>
  <si>
    <t>c2e265a5-3329-49fb-bffd-c1be7f158ad4.tmp</t>
  </si>
  <si>
    <t>\\acsfs\profiles$\lucasqdss\Downloads\c2e265a5-3329-49fb-bffd-c1be7f158ad4.tmp</t>
  </si>
  <si>
    <t>5fba20a9-a376-46f7-9cca-d77e7170d65e.tmp</t>
  </si>
  <si>
    <t>\\acsfs\profiles$\marcellewdl\Downloads\5fba20a9-a376-46f7-9cca-d77e7170d65e.tmp</t>
  </si>
  <si>
    <t>1926ac1f-4b4f-4336-a6c0-1efa560facbf.tmp</t>
  </si>
  <si>
    <t>\\acsfs\profiles$\marcellewdl\Downloads\1926ac1f-4b4f-4336-a6c0-1efa560facbf.tmp</t>
  </si>
  <si>
    <t>9c5237de-fdd3-40b8-ae25-cb2a71d5a5b1.tmp</t>
  </si>
  <si>
    <t>\\acsfs\profiles$\ALYNYA\Downloads\9c5237de-fdd3-40b8-ae25-cb2a71d5a5b1.tmp</t>
  </si>
  <si>
    <t>6f3aa013-c6fd-4324-970c-12ed8e5852be.tmp</t>
  </si>
  <si>
    <t>\\acsfs\profiles$\ALYNYA\Downloads\6f3aa013-c6fd-4324-970c-12ed8e5852be.tmp</t>
  </si>
  <si>
    <t>7e5963cb-3843-4608-8169-00d685eb06fc.tmp</t>
  </si>
  <si>
    <t>\\acsfs\profiles$\nataliacsl\Downloads\7e5963cb-3843-4608-8169-00d685eb06fc.tmp</t>
  </si>
  <si>
    <t>8d389a42-43ff-4aef-a2f3-6eb0ff77d18c.tmp</t>
  </si>
  <si>
    <t>\\acsfs\profiles$\nataliacsl\Downloads\8d389a42-43ff-4aef-a2f3-6eb0ff77d18c.tmp</t>
  </si>
  <si>
    <t>8194b879-a062-4f46-8fa5-843f6576a3fe.tmp</t>
  </si>
  <si>
    <t>\\acsfs\profiles$\nataliacsl\Downloads\8194b879-a062-4f46-8fa5-843f6576a3fe.tmp</t>
  </si>
  <si>
    <t>f1b9a3df-85e4-4b01-ac2d-3723235897ad.tmp</t>
  </si>
  <si>
    <t>\\acsfs\profiles$\nataliacsl\Downloads\f1b9a3df-85e4-4b01-ac2d-3723235897ad.tmp</t>
  </si>
  <si>
    <t>eca48aa2-6078-4b2b-a6e4-80d84dbca902.tmp</t>
  </si>
  <si>
    <t>\\acsfs\profiles$\isabellegtds\Downloads\eca48aa2-6078-4b2b-a6e4-80d84dbca902.tmp</t>
  </si>
  <si>
    <t>a23b92a3-cbc5-44b4-ba57-0db5ab3a40d2.tmp</t>
  </si>
  <si>
    <t>\\acsfs\profiles$\marcellewdl\Downloads\a23b92a3-cbc5-44b4-ba57-0db5ab3a40d2.tmp</t>
  </si>
  <si>
    <t>64a80279-6446-4087-94d2-143c74a5cd3c.tmp</t>
  </si>
  <si>
    <t>\\acsfs\profiles$\isabellegtds\Downloads\64a80279-6446-4087-94d2-143c74a5cd3c.tmp</t>
  </si>
  <si>
    <t>26d415f6-2f0b-45da-a9b1-d01f901088fb.tmp</t>
  </si>
  <si>
    <t>\\acsfs\profiles$\LAISLG\Downloads\26d415f6-2f0b-45da-a9b1-d01f901088fb.tmp</t>
  </si>
  <si>
    <t>2bf72683-64be-4f7b-a1b2-6e55124ac2c9.tmp</t>
  </si>
  <si>
    <t>\\acsfs\profiles$\LAISLG\Downloads\2bf72683-64be-4f7b-a1b2-6e55124ac2c9.tmp</t>
  </si>
  <si>
    <t>d026a33a-5b63-459f-9a7a-7367ddbee91d.tmp</t>
  </si>
  <si>
    <t>\\acsfs\profiles$\gabrielaff\Downloads\d026a33a-5b63-459f-9a7a-7367ddbee91d.tmp</t>
  </si>
  <si>
    <t>51bab189-c78a-4ea1-a913-8e47fefa2498.tmp</t>
  </si>
  <si>
    <t>\\acsfs\profiles$\gabrielaff\Downloads\51bab189-c78a-4ea1-a913-8e47fefa2498.tmp</t>
  </si>
  <si>
    <t>202021016 - veiculo ultrapassando na faixa de pedestre - marcelo d.xlsx</t>
  </si>
  <si>
    <t>d7f52336-0f58-472e-96e2-2adb15c62ef2.tmp</t>
  </si>
  <si>
    <t>\\acsfs\profiles$\isabellegtds\Downloads\d7f52336-0f58-472e-96e2-2adb15c62ef2.tmp</t>
  </si>
  <si>
    <t>a0169631-0e2c-4980-bbfa-bc2c4114ea85.tmp</t>
  </si>
  <si>
    <t>\\acsfs\profiles$\gabrielaff\Downloads\a0169631-0e2c-4980-bbfa-bc2c4114ea85.tmp</t>
  </si>
  <si>
    <t>12809d22-de47-4df4-b2b1-59d6fb5ff778.tmp</t>
  </si>
  <si>
    <t>\\acsfs\profiles$\ALYNYA\Downloads\12809d22-de47-4df4-b2b1-59d6fb5ff778.tmp</t>
  </si>
  <si>
    <t>f9234474-a3ef-429e-88bd-eb6b61233e4a.tmp</t>
  </si>
  <si>
    <t>\\acsfs\profiles$\kellzylenneasr\Downloads\f9234474-a3ef-429e-88bd-eb6b61233e4a.tmp</t>
  </si>
  <si>
    <t>9de0d514-3b77-4dc6-8f06-dbabcfe23dcc.tmp</t>
  </si>
  <si>
    <t>\\acsfs\profiles$\kellzylenneasr\Downloads\9de0d514-3b77-4dc6-8f06-dbabcfe23dcc.tmp</t>
  </si>
  <si>
    <t>5af6d61c-6f5d-4e22-b77d-b3feec69cfc3.tmp</t>
  </si>
  <si>
    <t>\\acsfs\profiles$\felipetds\Downloads\5af6d61c-6f5d-4e22-b77d-b3feec69cfc3.tmp</t>
  </si>
  <si>
    <t>lu1691210wym9.tmp</t>
  </si>
  <si>
    <t>\\acsfs\profiles$\CLAUDIAJCA\lu1691210wym9.tmp</t>
  </si>
  <si>
    <t>\\acsfs\profiles$\CLAUDIAJCA\lu1691210wym9.tmp\</t>
  </si>
  <si>
    <t>\\acsfs\profiles$\CLAUDIAJCA\lu1691210wym9.tmp\META-INF\</t>
  </si>
  <si>
    <t>\\acsfs\profiles$\CLAUDIAJCA\lu1691210wym9.tmp\Thumbnails\</t>
  </si>
  <si>
    <t>REPORT ACOMPANHAMENTO - BV - JANEIRO2.xlsb</t>
  </si>
  <si>
    <t>\\acsfs\deptos\Operacao\PCP\5 - Comum\PLANEJAMENTO BV\14 - ACOMPANHAMENTO\1 - REPORT ACOMPANHAMENTO\2020\1 - JANEIRO\FINANCEIRA\REPORT ACOMPANHAMENTO - BV - JANEIRO2.xlsb</t>
  </si>
  <si>
    <t>andrelpsa@algartech.com;josiascdsj@algartech.com;leonardoao@algartech.com;marianadjc@algartech.com;paulacn@algartech.com;rafaelggs@algartech.com;ricardodfm@algartech.com.br;taysdss@algartech.com;viniciussg@algartech.com;</t>
  </si>
  <si>
    <t>andrelpsa@algartech.com,josiascdsj@algartech.com,leonardoao@algartech.com,marianadjc@algartech.com,paulacn@algartech.com,rafaelggs@algartech.com,ricardodfm@algartech.com.br,taysdss@algartech.com,viniciussg@algartech.com</t>
  </si>
  <si>
    <t>cd195eca-a4cd-497e-818e-d0ec6ad90ddf.tmp</t>
  </si>
  <si>
    <t>\\acsfs\profiles$\lucasgpe\Downloads\cd195eca-a4cd-497e-818e-d0ec6ad90ddf.tmp</t>
  </si>
  <si>
    <t>f53034a0-b60e-4ed1-a29f-131d534a3f01.tmp</t>
  </si>
  <si>
    <t>\\acsfs\profiles$\marcellewdl\Downloads\f53034a0-b60e-4ed1-a29f-131d534a3f01.tmp</t>
  </si>
  <si>
    <t>81aca8a0-e3db-4843-a25a-28a7e0e6f26b.tmp</t>
  </si>
  <si>
    <t>\\acsfs\profiles$\luanarda\Downloads\81aca8a0-e3db-4843-a25a-28a7e0e6f26b.tmp</t>
  </si>
  <si>
    <t>82a9bcdf-052b-4749-b5d2-9c095aa7e19b.tmp</t>
  </si>
  <si>
    <t>\\acsfs\profiles$\marcellewdl\Downloads\82a9bcdf-052b-4749-b5d2-9c095aa7e19b.tmp</t>
  </si>
  <si>
    <t>9b18c2ef-17bf-43b5-80a9-35aa9724e74f.tmp</t>
  </si>
  <si>
    <t>\\acsfs\profiles$\lucasgpe\Downloads\9b18c2ef-17bf-43b5-80a9-35aa9724e74f.tmp</t>
  </si>
  <si>
    <t>7c7c973c-4e70-4c26-a201-e87a0cd1ec7c.tmp</t>
  </si>
  <si>
    <t>\\acsfs\profiles$\nathaliarmr\Downloads\7c7c973c-4e70-4c26-a201-e87a0cd1ec7c.tmp</t>
  </si>
  <si>
    <t>72117c48-c4a2-4921-99da-d3fa4f9437c5.tmp</t>
  </si>
  <si>
    <t>\\acsfs\profiles$\nathaliarmr\Downloads\72117c48-c4a2-4921-99da-d3fa4f9437c5.tmp</t>
  </si>
  <si>
    <t>02a16af4-63ed-4223-8121-248facf7b433.tmp</t>
  </si>
  <si>
    <t>\\acsfs\profiles$\nataliacsl\Downloads\02a16af4-63ed-4223-8121-248facf7b433.tmp</t>
  </si>
  <si>
    <t>10.250.255.43</t>
  </si>
  <si>
    <t>NB-IGORTFC</t>
  </si>
  <si>
    <t>igortfc</t>
  </si>
  <si>
    <t>C:\Users\igortfc\Desktop\PRF\PRF.rar\PRF\</t>
  </si>
  <si>
    <t>srv-cvserver - v11 Commcell Console.xls</t>
  </si>
  <si>
    <t>9e7afabb-0ab0-4a4e-8741-7a041d922eb0.tmp</t>
  </si>
  <si>
    <t>\\acsfs\profiles$\nataliacsl\Downloads\9e7afabb-0ab0-4a4e-8741-7a041d922eb0.tmp</t>
  </si>
  <si>
    <t>43f9e7e6-fb96-4d16-87d8-77745461252e.tmp</t>
  </si>
  <si>
    <t>\\acsfs\profiles$\ALYNYA\Downloads\43f9e7e6-fb96-4d16-87d8-77745461252e.tmp</t>
  </si>
  <si>
    <t>091677ba-eaaf-4a9f-bd82-3871b6f478fa.tmp</t>
  </si>
  <si>
    <t>\\acsfs\profiles$\nathaliarmr\Downloads\091677ba-eaaf-4a9f-bd82-3871b6f478fa.tmp</t>
  </si>
  <si>
    <t>Not available</t>
  </si>
  <si>
    <t>b2fcbc9a-c05b-46dd-ac94-535578c7b219.tmp</t>
  </si>
  <si>
    <t>\\acsfs\profiles$\isabellegtds\Downloads\b2fcbc9a-c05b-46dd-ac94-535578c7b219.tmp</t>
  </si>
  <si>
    <t>0c2b6fc9-601b-488c-b894-3391a7d73ed8.tmp</t>
  </si>
  <si>
    <t>\\acsfs\profiles$\ALYNYA\Downloads\0c2b6fc9-601b-488c-b894-3391a7d73ed8.tmp</t>
  </si>
  <si>
    <t>VOTORANT-CA067</t>
  </si>
  <si>
    <t>fd262672-130b-4a61-963b-c372f412c5f6.tmp</t>
  </si>
  <si>
    <t>\\acsfs\profiles$\lucasgpe\Downloads\fd262672-130b-4a61-963b-c372f412c5f6.tmp</t>
  </si>
  <si>
    <t>fefd7c4a-98d8-402d-a88b-3dc0384277e4.tmp</t>
  </si>
  <si>
    <t>\\acsfs\profiles$\lucasgpe\Downloads\fefd7c4a-98d8-402d-a88b-3dc0384277e4.tmp</t>
  </si>
  <si>
    <t>a41375c0-04de-443a-93c8-d1fc9d90c089.tmp</t>
  </si>
  <si>
    <t>\\acsfs\profiles$\lucasgpe\Downloads\a41375c0-04de-443a-93c8-d1fc9d90c089.tmp</t>
  </si>
  <si>
    <t>d3e2b163-00fc-43fd-90b8-85e9af9fa63f.tmp</t>
  </si>
  <si>
    <t>\\acsfs\profiles$\lucasgpe\Downloads\d3e2b163-00fc-43fd-90b8-85e9af9fa63f.tmp</t>
  </si>
  <si>
    <t>0ab2b031-fca2-46a9-88fc-0f59c5bd4880.tmp</t>
  </si>
  <si>
    <t>\\acsfs\profiles$\nathaliarmr\Downloads\0ab2b031-fca2-46a9-88fc-0f59c5bd4880.tmp</t>
  </si>
  <si>
    <t>f1fe8eb4-2a00-4f73-b76d-4f8d745f98ad.tmp</t>
  </si>
  <si>
    <t>\\acsfs\profiles$\danielac\Downloads\f1fe8eb4-2a00-4f73-b76d-4f8d745f98ad.tmp</t>
  </si>
  <si>
    <t>536da2cd-f39b-454c-8d19-9fe80a05274b.tmp</t>
  </si>
  <si>
    <t>\\acsfs\profiles$\lucasgpe\Downloads\536da2cd-f39b-454c-8d19-9fe80a05274b.tmp</t>
  </si>
  <si>
    <t>bdc0ec36-50e9-4d3b-8d2a-0f2f5dbe1254.tmp</t>
  </si>
  <si>
    <t>\\acsfs\profiles$\kellzylenneasr\Downloads\bdc0ec36-50e9-4d3b-8d2a-0f2f5dbe1254.tmp</t>
  </si>
  <si>
    <t>5318499f-b5c0-434f-bc17-04f1e17d62f8.tmp</t>
  </si>
  <si>
    <t>\\acsfs\profiles$\luanarda\Downloads\5318499f-b5c0-434f-bc17-04f1e17d62f8.tmp</t>
  </si>
  <si>
    <t>c14e0a39-d92b-46fa-a8ed-5b6929b222b7.tmp</t>
  </si>
  <si>
    <t>\\acsfs\profiles$\nathaliarmr\Downloads\c14e0a39-d92b-46fa-a8ed-5b6929b222b7.tmp</t>
  </si>
  <si>
    <t>cd8c51ec-c952-43ba-ab28-f8a4ce613ab1.tmp</t>
  </si>
  <si>
    <t>\\acsfs\profiles$\nathaliarmr\Downloads\cd8c51ec-c952-43ba-ab28-f8a4ce613ab1.tmp</t>
  </si>
  <si>
    <t>f1f18972-16aa-4ca5-91e8-c31f653554c0.tmp</t>
  </si>
  <si>
    <t>\\acsfs\profiles$\claudiajca\Downloads\f1f18972-16aa-4ca5-91e8-c31f653554c0.tmp</t>
  </si>
  <si>
    <t>ff6d28f5-0fa9-4e37-9192-cb047fb91e62.tmp</t>
  </si>
  <si>
    <t>\\acsfs\profiles$\ALYNYA\Downloads\ff6d28f5-0fa9-4e37-9192-cb047fb91e62.tmp</t>
  </si>
  <si>
    <t>9988266b-0f8b-4f15-be71-2f4f9c860801.tmp</t>
  </si>
  <si>
    <t>\\acsfs\profiles$\ALYNYA\Downloads\9988266b-0f8b-4f15-be71-2f4f9c860801.tmp</t>
  </si>
  <si>
    <t>aa1676b2-7fe6-4675-9918-7953cfd944cd.tmp</t>
  </si>
  <si>
    <t>\\acsfs\profiles$\danielac\Downloads\aa1676b2-7fe6-4675-9918-7953cfd944cd.tmp</t>
  </si>
  <si>
    <t>88a3e35f-67ad-4914-82b9-6a2c872c2a2a.tmp</t>
  </si>
  <si>
    <t>\\acsfs\profiles$\felipetds\Downloads\88a3e35f-67ad-4914-82b9-6a2c872c2a2a.tmp</t>
  </si>
  <si>
    <t>8b80959b-7468-4665-82d0-933ea4c8e50f.tmp</t>
  </si>
  <si>
    <t>\\acsfs\profiles$\gabrielaff\Downloads\8b80959b-7468-4665-82d0-933ea4c8e50f.tmp</t>
  </si>
  <si>
    <t>2036e92d-b5e3-403c-a8a6-907960a3bd18.tmp</t>
  </si>
  <si>
    <t>\\acsfs\profiles$\ALYNYA\Downloads\2036e92d-b5e3-403c-a8a6-907960a3bd18.tmp</t>
  </si>
  <si>
    <t>fbf52385-e6c7-4a95-8c2d-b7e03c49bed3.tmp</t>
  </si>
  <si>
    <t>\\acsfs\profiles$\nathaliarmr\Downloads\fbf52385-e6c7-4a95-8c2d-b7e03c49bed3.tmp</t>
  </si>
  <si>
    <t>ebef3cc2-e44d-4bff-888a-ea598bc153ea.tmp</t>
  </si>
  <si>
    <t>\\acsfs\profiles$\luanarda\Downloads\ebef3cc2-e44d-4bff-888a-ea598bc153ea.tmp</t>
  </si>
  <si>
    <t>06201c8c-0a8b-4a0c-9bf4-a36b71d9cba8.tmp</t>
  </si>
  <si>
    <t>\\acsfs\profiles$\gabrielaff\Downloads\06201c8c-0a8b-4a0c-9bf4-a36b71d9cba8.tmp</t>
  </si>
  <si>
    <t>8d2b9c8c-0922-43bb-bc3c-9fbddb994009.tmp</t>
  </si>
  <si>
    <t>\\acsfs\profiles$\gabrielaff\Downloads\8d2b9c8c-0922-43bb-bc3c-9fbddb994009.tmp</t>
  </si>
  <si>
    <t>320adf5f-6afc-4079-b578-9a148a3c9ec0.tmp</t>
  </si>
  <si>
    <t>\\acsfs\profiles$\luanarda\Downloads\320adf5f-6afc-4079-b578-9a148a3c9ec0.tmp</t>
  </si>
  <si>
    <t>b3278741-9be2-4b40-9e54-32e5d9151d3b.tmp</t>
  </si>
  <si>
    <t>\\acsfs\profiles$\luanarda\Downloads\b3278741-9be2-4b40-9e54-32e5d9151d3b.tmp</t>
  </si>
  <si>
    <t>10.200.67.16</t>
  </si>
  <si>
    <t>80028e8c-9020-4483-aff4-fbe01b1ddf7e.tmp</t>
  </si>
  <si>
    <t>\\acsfs\profiles$\welidicdj\Downloads\80028e8c-9020-4483-aff4-fbe01b1ddf7e.tmp</t>
  </si>
  <si>
    <t>9d6e6286-f4da-46ff-bdb8-82bcb5e4bfb0.tmp</t>
  </si>
  <si>
    <t>\\acsfs\profiles$\claudiajca\Downloads\9d6e6286-f4da-46ff-bdb8-82bcb5e4bfb0.tmp</t>
  </si>
  <si>
    <t>39f7216d-606b-4333-853d-05d52d7465ee.tmp</t>
  </si>
  <si>
    <t>\\acsfs\profiles$\claudiajca\Downloads\39f7216d-606b-4333-853d-05d52d7465ee.tmp</t>
  </si>
  <si>
    <t>96c80925-f5de-43af-afbf-f7dd487dffce.tmp</t>
  </si>
  <si>
    <t>\\acsfs\profiles$\welidicdj\Downloads\96c80925-f5de-43af-afbf-f7dd487dffce.tmp</t>
  </si>
  <si>
    <t>lu292481dgtqn.tmp</t>
  </si>
  <si>
    <t>\\acsfs\profiles$\lucasgpe\Desktop\lu292481dgtqn.tmp</t>
  </si>
  <si>
    <t>\\acsfs\profiles$\lucasgpe\Desktop\lu292481dgtqn.tmp\</t>
  </si>
  <si>
    <t>\\acsfs\profiles$\lucasgpe\Desktop\lu292481dgtqn.tmp\META-INF\</t>
  </si>
  <si>
    <t>\\acsfs\profiles$\lucasgpe\Desktop\lu292481dgtqn.tmp\Thumbnails\</t>
  </si>
  <si>
    <t>9ef2145d-71b2-4982-9bac-597457784176.tmp</t>
  </si>
  <si>
    <t>\\acsfs\profiles$\felipetds\Downloads\9ef2145d-71b2-4982-9bac-597457784176.tmp</t>
  </si>
  <si>
    <t>b119b666-94a3-41e8-8643-a9f5866250cf.tmp</t>
  </si>
  <si>
    <t>\\acsfs\profiles$\isabellegtds\Downloads\b119b666-94a3-41e8-8643-a9f5866250cf.tmp</t>
  </si>
  <si>
    <t>29004bf8-c9f1-41c2-8cc8-ba53a35a8295.tmp</t>
  </si>
  <si>
    <t>\\acsfs\profiles$\isabellegtds\Downloads\29004bf8-c9f1-41c2-8cc8-ba53a35a8295.tmp</t>
  </si>
  <si>
    <t>967e0bad-22e8-4ae1-8a22-b7fe4e8d4e24.tmp</t>
  </si>
  <si>
    <t>\\acsfs\profiles$\welidicdj\Downloads\967e0bad-22e8-4ae1-8a22-b7fe4e8d4e24.tmp</t>
  </si>
  <si>
    <t>c4d2b51d-e005-49fe-a44a-05eb1a6ca3dd.tmp</t>
  </si>
  <si>
    <t>\\acsfs\profiles$\welidicdj\Downloads\c4d2b51d-e005-49fe-a44a-05eb1a6ca3dd.tmp</t>
  </si>
  <si>
    <t>0ec72a3b-4bd6-4c84-91f8-8891238ecacf.tmp</t>
  </si>
  <si>
    <t>\\acsfs\profiles$\welidicdj\Downloads\0ec72a3b-4bd6-4c84-91f8-8891238ecacf.tmp</t>
  </si>
  <si>
    <t>5df88dc1-ba5e-43cb-ab96-dd1cc4a5b2fd.tmp</t>
  </si>
  <si>
    <t>\\acsfs\profiles$\welidicdj\Downloads\5df88dc1-ba5e-43cb-ab96-dd1cc4a5b2fd.tmp</t>
  </si>
  <si>
    <t>0cd52495-cec9-4525-a8bc-7b50cb7673a2.tmp</t>
  </si>
  <si>
    <t>\\acsfs\profiles$\isabellegtds\Downloads\0cd52495-cec9-4525-a8bc-7b50cb7673a2.tmp</t>
  </si>
  <si>
    <t>Dados Projeto Fretado.xlsx</t>
  </si>
  <si>
    <t>d7a0680b-9b06-4a15-bae2-5c80cde84faa.tmp</t>
  </si>
  <si>
    <t>\\acsfs\profiles$\kellzylenneasr\Downloads\d7a0680b-9b06-4a15-bae2-5c80cde84faa.tmp</t>
  </si>
  <si>
    <t>134f89fc-56ca-432a-9f63-2e351d28289f.tmp</t>
  </si>
  <si>
    <t>\\acsfs\profiles$\brunalas\Downloads\134f89fc-56ca-432a-9f63-2e351d28289f.tmp</t>
  </si>
  <si>
    <t>lu1922411glqe.tmp</t>
  </si>
  <si>
    <t>\\acsfs\profiles$\marcellewdl\My Documents\lu1922411glqe.tmp</t>
  </si>
  <si>
    <t>\\acsfs\profiles$\marcellewdl\My Documents\lu1922411glqe.tmp\</t>
  </si>
  <si>
    <t>\\acsfs\profiles$\marcellewdl\My Documents\lu1922411glqe.tmp\META-INF\</t>
  </si>
  <si>
    <t>\\acsfs\profiles$\marcellewdl\My Documents\lu1922411glqe.tmp\Thumbnails\</t>
  </si>
  <si>
    <t>92f786d3-7dcc-4e13-9e37-a32201f03107.tmp</t>
  </si>
  <si>
    <t>\\acsfs\profiles$\matheushds\Downloads\92f786d3-7dcc-4e13-9e37-a32201f03107.tmp</t>
  </si>
  <si>
    <t>13ae2327-6045-4030-8f05-7ada0b5072ec.tmp</t>
  </si>
  <si>
    <t>\\acsfs\profiles$\matheushds\Downloads\13ae2327-6045-4030-8f05-7ada0b5072ec.tmp</t>
  </si>
  <si>
    <t>77845490-8522-4afd-9960-55239ce47d02.tmp</t>
  </si>
  <si>
    <t>\\acsfs\profiles$\matheushds\Downloads\77845490-8522-4afd-9960-55239ce47d02.tmp</t>
  </si>
  <si>
    <t>7b8861e8-0ee2-4d68-86ab-50072fbc2c11.tmp</t>
  </si>
  <si>
    <t>\\acsfs\profiles$\matheushds\Downloads\7b8861e8-0ee2-4d68-86ab-50072fbc2c11.tmp</t>
  </si>
  <si>
    <t>ccad4a83-4d43-4da4-be11-d76f0eba5046.tmp</t>
  </si>
  <si>
    <t>\\acsfs\profiles$\brunalas\Downloads\ccad4a83-4d43-4da4-be11-d76f0eba5046.tmp</t>
  </si>
  <si>
    <t>lu12268n782c.tmp</t>
  </si>
  <si>
    <t>\\acsfs\profiles$\luanarda\lu12268n782c.tmp</t>
  </si>
  <si>
    <t>\\acsfs\profiles$\luanarda\lu12268n782c.tmp\</t>
  </si>
  <si>
    <t>\\acsfs\profiles$\luanarda\lu12268n782c.tmp\META-INF\</t>
  </si>
  <si>
    <t>\\acsfs\profiles$\luanarda\lu12268n782c.tmp\Thumbnails\</t>
  </si>
  <si>
    <t>378e4b42-f392-49cf-aad9-f3952b25538d.tmp</t>
  </si>
  <si>
    <t>\\acsfs\profiles$\isabellegtds\Downloads\378e4b42-f392-49cf-aad9-f3952b25538d.tmp</t>
  </si>
  <si>
    <t>dcb7c921-4400-4e56-8006-eb0578ae57ca.tmp</t>
  </si>
  <si>
    <t>\\acsfs\profiles$\fabianafv\Downloads\dcb7c921-4400-4e56-8006-eb0578ae57ca.tmp</t>
  </si>
  <si>
    <t>637e29f1-e329-4e0f-a72b-9de7cda46df6.tmp</t>
  </si>
  <si>
    <t>\\acsfs\profiles$\fabianafv\Downloads\637e29f1-e329-4e0f-a72b-9de7cda46df6.tmp</t>
  </si>
  <si>
    <t>ac9d4045-26e9-4e3c-bbce-fab4b95947a3.tmp</t>
  </si>
  <si>
    <t>\\acsfs\profiles$\erichds\Downloads\ac9d4045-26e9-4e3c-bbce-fab4b95947a3.tmp</t>
  </si>
  <si>
    <t>4a24dd0d-fbfd-4397-81a0-ce4742f23ce5.tmp</t>
  </si>
  <si>
    <t>\\acsfs\profiles$\isabellegtds\Downloads\4a24dd0d-fbfd-4397-81a0-ce4742f23ce5.tmp</t>
  </si>
  <si>
    <t>f1cb705c-de5a-47c2-991f-b20d71a8f1b3.tmp</t>
  </si>
  <si>
    <t>\\acsfs\profiles$\fabianafv\Downloads\f1cb705c-de5a-47c2-991f-b20d71a8f1b3.tmp</t>
  </si>
  <si>
    <t>94e5b736-509b-49a1-a07d-4c56a6f4d12c.tmp</t>
  </si>
  <si>
    <t>\\acsfs\profiles$\cintiadjl\Downloads\94e5b736-509b-49a1-a07d-4c56a6f4d12c.tmp</t>
  </si>
  <si>
    <t>7b537537-5edd-4f3b-817b-76575bcabc99.tmp</t>
  </si>
  <si>
    <t>\\acsfs\profiles$\cintiadjl\Downloads\7b537537-5edd-4f3b-817b-76575bcabc99.tmp</t>
  </si>
  <si>
    <t>2480a77b-b9dc-4db9-b367-ec3472c0cc38.tmp</t>
  </si>
  <si>
    <t>\\acsfs\profiles$\rosileiam\Downloads\2480a77b-b9dc-4db9-b367-ec3472c0cc38.tmp</t>
  </si>
  <si>
    <t>7dd9f92e-3cdf-4b2f-a422-602b6debc2a4.tmp</t>
  </si>
  <si>
    <t>\\acsfs\profiles$\rosileiam\Downloads\7dd9f92e-3cdf-4b2f-a422-602b6debc2a4.tmp</t>
  </si>
  <si>
    <t>\\acsfs\profiles$\FERNANDOFS\</t>
  </si>
  <si>
    <t>\\acsfs\profiles$\FERNANDOFS\Novo Documento de Texto.txt</t>
  </si>
  <si>
    <t>d77f6646-2114-4d05-92ba-fadbedcdca9d.tmp</t>
  </si>
  <si>
    <t>\\acsfs\profiles$\fernandofs\Downloads\d77f6646-2114-4d05-92ba-fadbedcdca9d.tmp</t>
  </si>
  <si>
    <t>31b4f783-1394-48ed-a4f7-ec515dd59419.tmp</t>
  </si>
  <si>
    <t>\\acsfs\profiles$\fernandofs\Downloads\31b4f783-1394-48ed-a4f7-ec515dd59419.tmp</t>
  </si>
  <si>
    <t>winrt--{S-1-5-21-602162358-764733703-839522115-358586}-.searchconnector-ms</t>
  </si>
  <si>
    <t>\\acsfs\profiles$\rafaelacdoc\Searches\winrt--{S-1-5-21-602162358-764733703-839522115-358586}-.searchconnector-ms</t>
  </si>
  <si>
    <t>10.200.66.182</t>
  </si>
  <si>
    <t>d58a807a-d4c8-4460-b58c-581c25dd4149.tmp</t>
  </si>
  <si>
    <t>\\acsfs\profiles$\rafaelacdoc\Downloads\d58a807a-d4c8-4460-b58c-581c25dd4149.tmp</t>
  </si>
  <si>
    <t>3f784fc8-fd0a-4846-ba81-ed7628993218.tmp</t>
  </si>
  <si>
    <t>\\acsfs\profiles$\rafaelacdoc\Downloads\3f784fc8-fd0a-4846-ba81-ed7628993218.tmp</t>
  </si>
  <si>
    <t>Q29udHJvbGxlci5JRS1JbmZvQlY- (36).ica</t>
  </si>
  <si>
    <t>\\acsfs\profiles$\rafaelacdoc\Downloads\Q29udHJvbGxlci5JRS1JbmZvQlY- (36).ica</t>
  </si>
  <si>
    <t>92bd72c0-c51e-41fc-a30e-a72ed81d36a8.tmp</t>
  </si>
  <si>
    <t>\\acsfs\profiles$\isabellegtds\Downloads\92bd72c0-c51e-41fc-a30e-a72ed81d36a8.tmp</t>
  </si>
  <si>
    <t>Lista TRN JEC 2.xlsx</t>
  </si>
  <si>
    <t>Lista TRN Mesa Redonda.xlsx</t>
  </si>
  <si>
    <t>ea8eb739-6c3a-4eb5-9115-d4b428d629dc.tmp</t>
  </si>
  <si>
    <t>\\acsfs\profiles$\laurandos\Downloads\ea8eb739-6c3a-4eb5-9115-d4b428d629dc.tmp</t>
  </si>
  <si>
    <t>75fd1b1c-8b7f-41f4-9625-55644191f2b4.tmp</t>
  </si>
  <si>
    <t>\\acsfs\profiles$\laurandos\Downloads\75fd1b1c-8b7f-41f4-9625-55644191f2b4.tmp</t>
  </si>
  <si>
    <t>e9ebe132-e616-46d7-8ae8-8cde95af2f80.tmp</t>
  </si>
  <si>
    <t>\\acsfs\profiles$\welidicdj\Downloads\e9ebe132-e616-46d7-8ae8-8cde95af2f80.tmp</t>
  </si>
  <si>
    <t>28836764-85ed-47e8-9ae0-e13ba5bbb0c8.tmp</t>
  </si>
  <si>
    <t>\\acsfs\profiles$\fabianafv\Downloads\28836764-85ed-47e8-9ae0-e13ba5bbb0c8.tmp</t>
  </si>
  <si>
    <t>493e27bc-50a8-4ccf-ad91-d8120805b482.tmp</t>
  </si>
  <si>
    <t>\\acsfs\profiles$\myllenardl\Downloads\493e27bc-50a8-4ccf-ad91-d8120805b482.tmp</t>
  </si>
  <si>
    <t>9ad90a0d-0877-4b52-a972-37927f518071.tmp</t>
  </si>
  <si>
    <t>\\acsfs\profiles$\myllenardl\Downloads\9ad90a0d-0877-4b52-a972-37927f518071.tmp</t>
  </si>
  <si>
    <t>5efd80fe-342d-4297-ad4a-e5a09426aa74.tmp</t>
  </si>
  <si>
    <t>\\acsfs\profiles$\welidicdj\Downloads\5efd80fe-342d-4297-ad4a-e5a09426aa74.tmp</t>
  </si>
  <si>
    <t>ca408d4f-684a-43b9-85dd-9ccfddcf6ba6.tmp</t>
  </si>
  <si>
    <t>\\acsfs\profiles$\paulohaf\Downloads\ca408d4f-684a-43b9-85dd-9ccfddcf6ba6.tmp</t>
  </si>
  <si>
    <t>93d449a4-aadf-4754-b40d-66ce8d53af43.tmp</t>
  </si>
  <si>
    <t>\\acsfs\profiles$\paulohaf\Downloads\93d449a4-aadf-4754-b40d-66ce8d53af43.tmp</t>
  </si>
  <si>
    <t>80b81faf-7e88-4413-a4f6-95ee250f7444.tmp</t>
  </si>
  <si>
    <t>\\acsfs\profiles$\paulohaf\Downloads\80b81faf-7e88-4413-a4f6-95ee250f7444.tmp</t>
  </si>
  <si>
    <t>1579417212&amp;gjid=311475631&amp;cid=847816909.1578768687&amp;tid=ua-76641-8&amp;_gid=772970490.1578768687&amp;_r=1&amp;gtm=2wg121rbkk&amp;cd1=logged_out&amp;cd2=none&amp;cd3=pt&amp;cd4=875257527.533498762&amp;cd8=search&amp;cd12=0&amp;cd20=none&amp;cd17=847816909.1578768687&amp;z=945603262 http</t>
  </si>
  <si>
    <t>https://fresnel.vimeocdn.com/add/player-stats?beacon=1&amp;session-id=e51c4e7eb3fb1d42573dc8c4f35254172f4972e81578770891</t>
  </si>
  <si>
    <t>1bb83f4b-34ab-4542-b65c-dce01f5007b3.tmp</t>
  </si>
  <si>
    <t>\\acsfs\profiles$\fernandofs\Downloads\1bb83f4b-34ab-4542-b65c-dce01f5007b3.tmp</t>
  </si>
  <si>
    <t>ae4a9f75-5a94-4bab-a36d-07faac9aafa2.tmp</t>
  </si>
  <si>
    <t>\\acsfs\profiles$\erichds\Downloads\ae4a9f75-5a94-4bab-a36d-07faac9aafa2.tmp</t>
  </si>
  <si>
    <t>796ea49c-cd3e-46f0-b3a8-a01328767a0d.tmp</t>
  </si>
  <si>
    <t>\\acsfs\profiles$\erichds\Downloads\796ea49c-cd3e-46f0-b3a8-a01328767a0d.tmp</t>
  </si>
  <si>
    <t>cef0ee11-7e76-4699-8bcd-bef8c8d7d87f.tmp</t>
  </si>
  <si>
    <t>\\acsfs\profiles$\paulohaf\Downloads\cef0ee11-7e76-4699-8bcd-bef8c8d7d87f.tmp</t>
  </si>
  <si>
    <t>6251858c-6681-46ec-a80e-5d2162e15e93.tmp</t>
  </si>
  <si>
    <t>\\acsfs\profiles$\rosileiam\Downloads\6251858c-6681-46ec-a80e-5d2162e15e93.tmp</t>
  </si>
  <si>
    <t>03e8eba8-c34d-42f4-a8c0-8c39a6022ae2.tmp</t>
  </si>
  <si>
    <t>\\acsfs\profiles$\adrieledgc\Downloads\03e8eba8-c34d-42f4-a8c0-8c39a6022ae2.tmp</t>
  </si>
  <si>
    <t>d579d9e6-969a-47f8-9e3f-3a4366b6f2c3.tmp</t>
  </si>
  <si>
    <t>\\acsfs\profiles$\adrieledgc\Downloads\d579d9e6-969a-47f8-9e3f-3a4366b6f2c3.tmp</t>
  </si>
  <si>
    <t>5f8d83c5-47db-418c-a65f-df542b3e50d7.tmp</t>
  </si>
  <si>
    <t>\\acsfs\profiles$\brunalas\Downloads\5f8d83c5-47db-418c-a65f-df542b3e50d7.tmp</t>
  </si>
  <si>
    <t>da219f2f-4e89-4462-99ca-d1ecb76b25d9.tmp</t>
  </si>
  <si>
    <t>\\acsfs\profiles$\adrieledgc\Downloads\da219f2f-4e89-4462-99ca-d1ecb76b25d9.tmp</t>
  </si>
  <si>
    <t>91123e0c-89ed-4f48-b13d-0176012b7d4e.tmp</t>
  </si>
  <si>
    <t>\\acsfs\profiles$\taylaedoa\Downloads\91123e0c-89ed-4f48-b13d-0176012b7d4e.tmp</t>
  </si>
  <si>
    <t>abce5c6d-163f-4bfc-bb63-61982d8d559c.tmp</t>
  </si>
  <si>
    <t>\\acsfs\profiles$\taylaedoa\Downloads\abce5c6d-163f-4bfc-bb63-61982d8d559c.tmp</t>
  </si>
  <si>
    <t>dfece56d-bae3-446e-89d1-885b7156bc88.tmp</t>
  </si>
  <si>
    <t>\\acsfs\profiles$\taylaedoa\Downloads\dfece56d-bae3-446e-89d1-885b7156bc88.tmp</t>
  </si>
  <si>
    <t>c520037e-f0ff-4dbf-97c7-582ab87c18fd.tmp</t>
  </si>
  <si>
    <t>\\acsfs\profiles$\leonardocb\Downloads\c520037e-f0ff-4dbf-97c7-582ab87c18fd.tmp</t>
  </si>
  <si>
    <t>9cefbeb5-6547-45cb-a67e-2b1a237002e4.tmp</t>
  </si>
  <si>
    <t>\\acsfs\profiles$\leonardocb\Downloads\9cefbeb5-6547-45cb-a67e-2b1a237002e4.tmp</t>
  </si>
  <si>
    <t>c88c6d38-5779-4aef-b515-ac0f8057361c.tmp</t>
  </si>
  <si>
    <t>\\acsfs\profiles$\adrieledgc\Downloads\c88c6d38-5779-4aef-b515-ac0f8057361c.tmp</t>
  </si>
  <si>
    <t>3993e84a-a9f6-4b0f-a7c2-b6613798e11e.tmp</t>
  </si>
  <si>
    <t>\\acsfs\profiles$\fernandofs\Downloads\3993e84a-a9f6-4b0f-a7c2-b6613798e11e.tmp</t>
  </si>
  <si>
    <t>38028b9d-2c1b-4faa-a972-5a146863cdab.tmp</t>
  </si>
  <si>
    <t>\\acsfs\profiles$\taylaedoa\Downloads\38028b9d-2c1b-4faa-a972-5a146863cdab.tmp</t>
  </si>
  <si>
    <t>&amp;gjid=&amp;cid=2111195730.1578780202&amp;tid=ua-76641-8&amp;_gid=1583815489.1578780202&amp;gtm=2wg121rbkk&amp;cd1=logged_out&amp;cd2=none&amp;cd3=pt&amp;cd4=1019294979.804055&amp;cd8=search&amp;cd12=0&amp;cd20=none&amp;cd17=2111195730.1578780202&amp;z=86111013 http</t>
  </si>
  <si>
    <t>881132f0-384e-4496-8aa2-af75370fabef.tmp</t>
  </si>
  <si>
    <t>\\acsfs\profiles$\taylaedoa\Downloads\881132f0-384e-4496-8aa2-af75370fabef.tmp</t>
  </si>
  <si>
    <t>426ae1c5-d3b1-4ac7-9040-73e2ce51aaaa.tmp</t>
  </si>
  <si>
    <t>\\acsfs\profiles$\taylaedoa\Downloads\426ae1c5-d3b1-4ac7-9040-73e2ce51aaaa.tmp</t>
  </si>
  <si>
    <t>8100e2b2-ecc1-4723-bcd1-a0bcc9a78b43.tmp</t>
  </si>
  <si>
    <t>\\acsfs\profiles$\taylaedoa\Downloads\8100e2b2-ecc1-4723-bcd1-a0bcc9a78b43.tmp</t>
  </si>
  <si>
    <t>f215e1b9-3a4d-49b9-921c-a113df4e29dd.tmp</t>
  </si>
  <si>
    <t>\\acsfs\profiles$\rosileiam\Downloads\f215e1b9-3a4d-49b9-921c-a113df4e29dd.tmp</t>
  </si>
  <si>
    <t>ae985ab0-c10e-4e91-ae8b-278cb02a40e0.tmp</t>
  </si>
  <si>
    <t>\\acsfs\profiles$\rafaelacdoc\Downloads\ae985ab0-c10e-4e91-ae8b-278cb02a40e0.tmp</t>
  </si>
  <si>
    <t>d0704180-fc26-4edc-8418-908e43f3d248.tmp</t>
  </si>
  <si>
    <t>\\acsfs\profiles$\myllenardl\Downloads\d0704180-fc26-4edc-8418-908e43f3d248.tmp</t>
  </si>
  <si>
    <t>94d21f92-7e8c-4d9c-9bb0-9f7937e9a6c2.tmp</t>
  </si>
  <si>
    <t>\\acsfs\profiles$\myllenardl\Downloads\94d21f92-7e8c-4d9c-9bb0-9f7937e9a6c2.tmp</t>
  </si>
  <si>
    <t>3cb63a2f-37a6-4439-9126-022e0c47321a.tmp</t>
  </si>
  <si>
    <t>\\acsfs\profiles$\myllenardl\Downloads\3cb63a2f-37a6-4439-9126-022e0c47321a.tmp</t>
  </si>
  <si>
    <t>eb447af6-3036-4bfc-b16e-cd9d4e8f7bb4.tmp</t>
  </si>
  <si>
    <t>\\acsfs\profiles$\fabianafv\Downloads\eb447af6-3036-4bfc-b16e-cd9d4e8f7bb4.tmp</t>
  </si>
  <si>
    <t>4400e903-acc8-4e22-8122-0a0accd163db.tmp</t>
  </si>
  <si>
    <t>\\acsfs\profiles$\fabianafv\Downloads\4400e903-acc8-4e22-8122-0a0accd163db.tmp</t>
  </si>
  <si>
    <t>c582bc42-2931-4d43-bc72-b960f8e8a92d.tmp</t>
  </si>
  <si>
    <t>\\acsfs\profiles$\marlyannegdls\Downloads\c582bc42-2931-4d43-bc72-b960f8e8a92d.tmp</t>
  </si>
  <si>
    <t>Q29udHJvbGxlci5QYXl3YXJlLU5vaXRl (8).ica</t>
  </si>
  <si>
    <t>\\acsfs\profiles$\marlyannegdls\Downloads\Q29udHJvbGxlci5QYXl3YXJlLU5vaXRl (8).ica</t>
  </si>
  <si>
    <t>770910e3-8f85-4cc4-803b-ea0a2e8dcef5.tmp</t>
  </si>
  <si>
    <t>\\acsfs\profiles$\leonardocb\Downloads\770910e3-8f85-4cc4-803b-ea0a2e8dcef5.tmp</t>
  </si>
  <si>
    <t>5e16ac47-f525-414a-a680-ea2dee22acc0.tmp</t>
  </si>
  <si>
    <t>\\acsfs\profiles$\adrieledgc\Downloads\5e16ac47-f525-414a-a680-ea2dee22acc0.tmp</t>
  </si>
  <si>
    <t>83f220f4-7978-483f-81e3-59c41ded08e8.tmp</t>
  </si>
  <si>
    <t>\\acsfs\profiles$\taylaedoa\Downloads\83f220f4-7978-483f-81e3-59c41ded08e8.tmp</t>
  </si>
  <si>
    <t>10.200.67.108</t>
  </si>
  <si>
    <t>D0-94-66-B5-52-C1</t>
  </si>
  <si>
    <t>VOTORANT-RB017</t>
  </si>
  <si>
    <t>10.200.67.221</t>
  </si>
  <si>
    <t>D0-94-66-B5-4D-33</t>
  </si>
  <si>
    <t>VOTORANT-SB013</t>
  </si>
  <si>
    <t>10.200.67.198</t>
  </si>
  <si>
    <t>D0-94-66-B5-7E-A3</t>
  </si>
  <si>
    <t>VOTORANT-RB015</t>
  </si>
  <si>
    <t>lu207002sh3ie.tmp</t>
  </si>
  <si>
    <t>\\acsfs\profiles$\ALYNYA\My Documents\lu207002sh3ie.tmp</t>
  </si>
  <si>
    <t>\\acsfs\profiles$\ALYNYA\My Documents\lu207002sh3ie.tmp\</t>
  </si>
  <si>
    <t>\\acsfs\profiles$\ALYNYA\My Documents\lu207002sh3ie.tmp\META-INF\</t>
  </si>
  <si>
    <t>\\acsfs\profiles$\ALYNYA\My Documents\lu207002sh3ie.tmp\Thumbnails\</t>
  </si>
  <si>
    <t>Reneg - Vcto 28-12.xlsx</t>
  </si>
  <si>
    <t>\\acsfs\DEPTOS\Operacao\Banco_Votorantim\Comum\00 - COMUM - BV CARTÕES\EQUIPE ADILSON\Reneg\Reneg - Vcto 28-12.xlsx</t>
  </si>
  <si>
    <t>\\acsfs\DEPTOS\Operacao\Banco_Votorantim\Comum\00 - COMUM - BV CARTÕES\EQUIPE ADILSON\Reneg\Base RENEG\</t>
  </si>
  <si>
    <t>\\acsfs\DEPTOS\Operacao\Banco_Votorantim\Comum\00 - COMUM - BV CARTÕES\EQUIPE ADILSON\Reneg\Base RENEG\Reneg - Vcto 28-12.xlsx</t>
  </si>
  <si>
    <t>\\acsfs\DEPTOS\Operacao\Banco_Votorantim\Comum\00 - COMUM - BV CARTÕES\EQUIPE ADILSON\Reneg\Base RENEG\Reneg - Vcto 01-01-20.xlsx</t>
  </si>
  <si>
    <t>Reneg - Vcto 03 e 05-01-20.xlsx</t>
  </si>
  <si>
    <t>\\acsfs\DEPTOS\Operacao\Banco_Votorantim\Comum\00 - COMUM - BV CARTÕES\EQUIPE ADILSON\Reneg\Base RENEG\Reneg - Vcto 03 e 05-01-20.xlsx</t>
  </si>
  <si>
    <t>Reneg - Vcto 09-01-20.xlsx</t>
  </si>
  <si>
    <t>\\acsfs\DEPTOS\Operacao\Banco_Votorantim\Comum\00 - COMUM - BV CARTÕES\EQUIPE ADILSON\Reneg\Base RENEG\Reneg - Vcto 09-01-20.xlsx</t>
  </si>
  <si>
    <t>\\acsfs\DEPTOS\Operacao\Banco_Votorantim\Comum\00 - COMUM - BV CARTÕES\EQUIPE ADILSON\Reneg\Base RENEG\Reneg - Vcto 08-01-20.xlsx</t>
  </si>
  <si>
    <t>\\acsfs\DEPTOS\Operacao\Banco_Votorantim\Comum\00 - COMUM - BV CARTÕES\EQUIPE ADILSON\Reneg\Base RENEG\Reneg - Vcto 11-01-20.xlsx</t>
  </si>
  <si>
    <t>Tabulações Reneg Cartões.xlsx</t>
  </si>
  <si>
    <t>\\acsfs\DEPTOS\Operacao\Banco_Votorantim\Comum\00 - COMUM - BV CARTÕES\EQUIPE ADILSON\Reneg\Base RENEG\Tabulações Reneg Cartões.xlsx</t>
  </si>
  <si>
    <t>Reneg - Vcto 20-12.xlsx</t>
  </si>
  <si>
    <t>\\acsfs\DEPTOS\Operacao\Banco_Votorantim\Comum\00 - COMUM - BV CARTÕES\EQUIPE ADILSON\Reneg\Base RENEG\Reneg - Vcto 20-12.xlsx</t>
  </si>
  <si>
    <t>Reneg - Vcto 26-12.xlsx</t>
  </si>
  <si>
    <t>\\acsfs\DEPTOS\Operacao\Banco_Votorantim\Comum\00 - COMUM - BV CARTÕES\EQUIPE ADILSON\Reneg\Base RENEG\Reneg - Vcto 26-12.xlsx</t>
  </si>
  <si>
    <t>modelo preenchimento tabulação.xlsx</t>
  </si>
  <si>
    <t>\\acsfs\DEPTOS\Operacao\Banco_Votorantim\Comum\00 - COMUM - BV CARTÕES\EQUIPE ADILSON\Reneg\Base RENEG\modelo preenchimento tabulação.xlsx</t>
  </si>
  <si>
    <t>\\acsfs\DEPTOS\Operacao\Banco_Votorantim\Comum\00 - COMUM - BV CARTÕES\EQUIPE ADILSON\Reneg\Base RENEG OFICIAL\</t>
  </si>
  <si>
    <t>mail.google.com/_/upload?authuser=0&amp;dcp=asu-n&amp;upload_id=AEnB2UrWFRTNRberm5qjYOVYYboaNdaLgJwm9TCadpV4JqYfggXl34qmg2zgYSLogb-YHRQrmG0lgOIUYffRFkeuv9qpfyDalwo6xb1bZRWq7_HGozC6TiI&amp;upload_protocol=resumable</t>
  </si>
  <si>
    <t>lu37068bezx4x.tmp</t>
  </si>
  <si>
    <t>\\acsfs\profiles$\regisedsj\My Documents\lu37068bezx4x.tmp</t>
  </si>
  <si>
    <t>\\acsfs\profiles$\regisedsj\My Documents\lu37068bezx4x.tmp\</t>
  </si>
  <si>
    <t>\\acsfs\profiles$\regisedsj\My Documents\lu37068bezx4x.tmp\META-INF\</t>
  </si>
  <si>
    <t>\\acsfs\profiles$\regisedsj\My Documents\lu37068bezx4x.tmp\Thumbnails\</t>
  </si>
  <si>
    <t>79751c9a-101e-4c79-a4ef-3b3870105f25.tmp</t>
  </si>
  <si>
    <t>\\acsfs\profiles$\leonardocb\Downloads\79751c9a-101e-4c79-a4ef-3b3870105f25.tmp</t>
  </si>
  <si>
    <t>e3294046-dfb1-42a8-80ec-ba7bdb5c7e32.tmp</t>
  </si>
  <si>
    <t>\\acsfs\profiles$\adrieledgc\Downloads\e3294046-dfb1-42a8-80ec-ba7bdb5c7e32.tmp</t>
  </si>
  <si>
    <t>b1cb6e66-a39e-40bc-844c-c0ed8afc59ee.tmp</t>
  </si>
  <si>
    <t>\\acsfs\profiles$\adrieledgc\Downloads\b1cb6e66-a39e-40bc-844c-c0ed8afc59ee.tmp</t>
  </si>
  <si>
    <t>385d6b23-ca4c-4a14-ba0e-9b48bf952025.tmp</t>
  </si>
  <si>
    <t>\\acsfs\profiles$\adrieledgc\Downloads\385d6b23-ca4c-4a14-ba0e-9b48bf952025.tmp</t>
  </si>
  <si>
    <t>1e0009e3-d511-49b9-9324-f1375599f7a5.tmp</t>
  </si>
  <si>
    <t>\\acsfs\profiles$\adrieledgc\Downloads\1e0009e3-d511-49b9-9324-f1375599f7a5.tmp</t>
  </si>
  <si>
    <t>478f477b-d273-4d7b-90ba-2f1093568ea2.tmp</t>
  </si>
  <si>
    <t>\\acsfs\profiles$\adrieledgc\Downloads\478f477b-d273-4d7b-90ba-2f1093568ea2.tmp</t>
  </si>
  <si>
    <t>839c2d40-9714-48b0-bb7e-dfd7f120281b.tmp</t>
  </si>
  <si>
    <t>\\acsfs\profiles$\adrieledgc\Downloads\839c2d40-9714-48b0-bb7e-dfd7f120281b.tmp</t>
  </si>
  <si>
    <t>dc7ffddc-01dc-445c-8331-cc40d7218af6.tmp</t>
  </si>
  <si>
    <t>\\acsfs\profiles$\taylaedoa\Downloads\dc7ffddc-01dc-445c-8331-cc40d7218af6.tmp</t>
  </si>
  <si>
    <t>23ba0133-9dff-47e4-8293-225fe516080f.tmp</t>
  </si>
  <si>
    <t>\\acsfs\profiles$\taylaedoa\Downloads\23ba0133-9dff-47e4-8293-225fe516080f.tmp</t>
  </si>
  <si>
    <t>41d111e5-dd0d-4a29-a4ce-ff5fd3663972.tmp</t>
  </si>
  <si>
    <t>\\acsfs\profiles$\rogeriofd\Downloads\41d111e5-dd0d-4a29-a4ce-ff5fd3663972.tmp</t>
  </si>
  <si>
    <t>e9cebc17-b57a-47ed-8a28-d3b01467c7d8.tmp</t>
  </si>
  <si>
    <t>\\acsfs\profiles$\marlyannegdls\Downloads\e9cebc17-b57a-47ed-8a28-d3b01467c7d8.tmp</t>
  </si>
  <si>
    <t>48a55f1e-767e-46c1-9b20-f8cba31a77b7.tmp</t>
  </si>
  <si>
    <t>\\acsfs\profiles$\marlyannegdls\Downloads\48a55f1e-767e-46c1-9b20-f8cba31a77b7.tmp</t>
  </si>
  <si>
    <t>97816a46-ddcd-46cc-abc5-3f1915dc7310.tmp</t>
  </si>
  <si>
    <t>\\acsfs\profiles$\rogeriofd\Downloads\97816a46-ddcd-46cc-abc5-3f1915dc7310.tmp</t>
  </si>
  <si>
    <t>730f9f3f-0d88-40ae-865b-56e3df7ab72d.tmp</t>
  </si>
  <si>
    <t>\\acsfs\profiles$\marlyannegdls\Downloads\730f9f3f-0d88-40ae-865b-56e3df7ab72d.tmp</t>
  </si>
  <si>
    <t>61f135f8-eecd-4096-abb1-13c4bd28a026.tmp</t>
  </si>
  <si>
    <t>\\acsfs\profiles$\marlyannegdls\Downloads\61f135f8-eecd-4096-abb1-13c4bd28a026.tmp</t>
  </si>
  <si>
    <t>5bfec95f-4b99-467b-b4c3-03ace4777529.tmp</t>
  </si>
  <si>
    <t>\\acsfs\profiles$\marlyannegdls\Downloads\5bfec95f-4b99-467b-b4c3-03ace4777529.tmp</t>
  </si>
  <si>
    <t>lu2356049yc9y.tmp</t>
  </si>
  <si>
    <t>\\acsfs\DEPTOS\Operacao\Banco_Votorantim\Supervisao\SUPERS BV CARTÕES\LAYOUT TV´S\lu2356049yc9y.tmp</t>
  </si>
  <si>
    <t>anapn</t>
  </si>
  <si>
    <t>https://www.youtube.com/error_204?a=logerror&amp;t=jserror&amp;type=syntaxerror&amp;msg=unexpected token &lt; in json at position 0&amp;line=not available&amp;level=warning&amp;client.name=1</t>
  </si>
  <si>
    <t>7b45bfff-65e0-41b7-bc8b-12773b159aa5.tmp</t>
  </si>
  <si>
    <t>\\acsfs\profiles$\ROZENCAM\Downloads\7b45bfff-65e0-41b7-bc8b-12773b159aa5.tmp</t>
  </si>
  <si>
    <t>aa9004a2-afa5-4995-a28f-7cd764180086.tmp</t>
  </si>
  <si>
    <t>\\acsfs\profiles$\ROZENCAM\Downloads\aa9004a2-afa5-4995-a28f-7cd764180086.tmp</t>
  </si>
  <si>
    <t>289be7a4-f2f2-4a52-adec-5a9973ee5a31.tmp</t>
  </si>
  <si>
    <t>\\acsfs\profiles$\ROZENCAM\Downloads\289be7a4-f2f2-4a52-adec-5a9973ee5a31.tmp</t>
  </si>
  <si>
    <t>cf41706e-4deb-48cd-98fb-44df85817a4c.tmp</t>
  </si>
  <si>
    <t>\\acsfs\profiles$\ROZENCAM\Downloads\cf41706e-4deb-48cd-98fb-44df85817a4c.tmp</t>
  </si>
  <si>
    <t>7de0dac9-2ef1-4da7-b5d2-0f679e34ac91.tmp</t>
  </si>
  <si>
    <t>\\acsfs\profiles$\BRUNAAR\Downloads\7de0dac9-2ef1-4da7-b5d2-0f679e34ac91.tmp</t>
  </si>
  <si>
    <t>e70d08a3-f519-4f0e-a8bd-09cbd519234d.tmp</t>
  </si>
  <si>
    <t>\\acsfs\profiles$\BRUNAAR\Downloads\e70d08a3-f519-4f0e-a8bd-09cbd519234d.tmp</t>
  </si>
  <si>
    <t>lu14096gsnw3.tmp</t>
  </si>
  <si>
    <t>\\acsfs\profiles$\BRUNAAR\Numero\lu14096gsnw3.tmp</t>
  </si>
  <si>
    <t>0f51e25c-13fd-4a4e-90f3-aeb6ddcbac65.tmp</t>
  </si>
  <si>
    <t>\\acsfs\profiles$\monicargds\Downloads\0f51e25c-13fd-4a4e-90f3-aeb6ddcbac65.tmp</t>
  </si>
  <si>
    <t>d58da6ef-11c9-46bf-a4fb-c2a230f45b5f.tmp</t>
  </si>
  <si>
    <t>\\acsfs\profiles$\monicargds\Downloads\d58da6ef-11c9-46bf-a4fb-c2a230f45b5f.tmp</t>
  </si>
  <si>
    <t>e60e8cc5-4695-4178-ae7f-521c8c92483e.tmp</t>
  </si>
  <si>
    <t>\\acsfs\profiles$\vivianalds\Downloads\e60e8cc5-4695-4178-ae7f-521c8c92483e.tmp</t>
  </si>
  <si>
    <t>91d736d5-6f7c-4d2e-974e-6ac8a997b471.tmp</t>
  </si>
  <si>
    <t>\\acsfs\profiles$\vivianalds\Downloads\91d736d5-6f7c-4d2e-974e-6ac8a997b471.tmp</t>
  </si>
  <si>
    <t>8d159103-409f-4716-ba9d-2c5367846352.tmp</t>
  </si>
  <si>
    <t>\\acsfs\profiles$\vivianalds\Downloads\8d159103-409f-4716-ba9d-2c5367846352.tmp</t>
  </si>
  <si>
    <t>lu14096gsnw8.tmp</t>
  </si>
  <si>
    <t>\\acsfs\profiles$\BRUNAAR\Numero\lu14096gsnw8.tmp</t>
  </si>
  <si>
    <t>aa50e3ed-d406-44f1-9ad2-81b1aaca1ef6.tmp</t>
  </si>
  <si>
    <t>\\acsfs\profiles$\rafaelamsv\Downloads\aa50e3ed-d406-44f1-9ad2-81b1aaca1ef6.tmp</t>
  </si>
  <si>
    <t>97fb1537-a3df-455d-9213-dc18045223dd.tmp</t>
  </si>
  <si>
    <t>\\acsfs\profiles$\rafaelamsv\Downloads\97fb1537-a3df-455d-9213-dc18045223dd.tmp</t>
  </si>
  <si>
    <t>6bcb7843-c2f6-4b94-ada5-f61470533ba0.tmp</t>
  </si>
  <si>
    <t>\\acsfs\profiles$\ANAPDSB\Downloads\6bcb7843-c2f6-4b94-ada5-f61470533ba0.tmp</t>
  </si>
  <si>
    <t>d26f01b0-68f5-48dd-8f39-02ac91279693.tmp</t>
  </si>
  <si>
    <t>\\acsfs\profiles$\ANAPDSB\Downloads\d26f01b0-68f5-48dd-8f39-02ac91279693.tmp</t>
  </si>
  <si>
    <t>lu15576izhps.tmp</t>
  </si>
  <si>
    <t>\\acsfs\profiles$\VIVIANALDS\My Documents\lu15576izhps.tmp</t>
  </si>
  <si>
    <t>\\acsfs\profiles$\VIVIANALDS\My Documents\lu15576izhps.tmp\</t>
  </si>
  <si>
    <t>\\acsfs\profiles$\VIVIANALDS\My Documents\lu15576izhps.tmp\META-INF\</t>
  </si>
  <si>
    <t>\\acsfs\profiles$\VIVIANALDS\My Documents\lu15576izhps.tmp\Thumbnails\</t>
  </si>
  <si>
    <t>lu15576izhpw.tmp</t>
  </si>
  <si>
    <t>\\acsfs\profiles$\VIVIANALDS\My Documents\lu15576izhpw.tmp</t>
  </si>
  <si>
    <t>\\acsfs\profiles$\VIVIANALDS\My Documents\lu15576izhpw.tmp\</t>
  </si>
  <si>
    <t>\\acsfs\profiles$\VIVIANALDS\My Documents\lu15576izhpw.tmp\META-INF\</t>
  </si>
  <si>
    <t>\\acsfs\profiles$\VIVIANALDS\My Documents\lu15576izhpw.tmp\Thumbnails\</t>
  </si>
  <si>
    <t>lu518122vj3mb.tmp</t>
  </si>
  <si>
    <t>\\acsfs\profiles$\ALEXANDREMM\lu518122vj3mb.tmp</t>
  </si>
  <si>
    <t>\\acsfs\profiles$\ALEXANDREMM\lu518122vj3mb.tmp\</t>
  </si>
  <si>
    <t>\\acsfs\profiles$\ALEXANDREMM\lu518122vj3mb.tmp\META-INF\</t>
  </si>
  <si>
    <t>\\acsfs\profiles$\ALEXANDREMM\lu518122vj3mb.tmp\Thumbnails\</t>
  </si>
  <si>
    <t>lu518122vj3mf.tmp</t>
  </si>
  <si>
    <t>\\acsfs\profiles$\ALEXANDREMM\lu518122vj3mf.tmp</t>
  </si>
  <si>
    <t>\\acsfs\profiles$\ALEXANDREMM\lu518122vj3mf.tmp\</t>
  </si>
  <si>
    <t>\\acsfs\profiles$\ALEXANDREMM\lu518122vj3mf.tmp\META-INF\</t>
  </si>
  <si>
    <t>\\acsfs\profiles$\ALEXANDREMM\lu518122vj3mf.tmp\Thumbnails\</t>
  </si>
  <si>
    <t>lu14096gsnwc.tmp</t>
  </si>
  <si>
    <t>\\acsfs\profiles$\BRUNAAR\Numero\lu14096gsnwc.tmp</t>
  </si>
  <si>
    <t>0ee53c42-663e-4506-b6da-bf5e8c2d14fc.tmp</t>
  </si>
  <si>
    <t>\\acsfs\profiles$\monicargds\Downloads\0ee53c42-663e-4506-b6da-bf5e8c2d14fc.tmp</t>
  </si>
  <si>
    <t>winrt--{S-1-5-21-602162358-764733703-839522115-352963}-.searchconnector-ms</t>
  </si>
  <si>
    <t>\\acsfs\profiles$\PEDROHAB\Searches\winrt--{S-1-5-21-602162358-764733703-839522115-352963}-.searchconnector-ms</t>
  </si>
  <si>
    <t>lu518122vj3mm.tmp</t>
  </si>
  <si>
    <t>\\acsfs\profiles$\ALEXANDREMM\lu518122vj3mm.tmp</t>
  </si>
  <si>
    <t>\\acsfs\profiles$\ALEXANDREMM\lu518122vj3mm.tmp\</t>
  </si>
  <si>
    <t>\\acsfs\profiles$\ALEXANDREMM\lu518122vj3mm.tmp\META-INF\</t>
  </si>
  <si>
    <t>\\acsfs\profiles$\ALEXANDREMM\lu518122vj3mm.tmp\Thumbnails\</t>
  </si>
  <si>
    <t>f63b4d74-4e8c-4ccb-b886-7f1d9051b3d1.tmp</t>
  </si>
  <si>
    <t>\\acsfs\profiles$\Flaviojmm\Downloads\f63b4d74-4e8c-4ccb-b886-7f1d9051b3d1.tmp</t>
  </si>
  <si>
    <t>e5751826-3634-430a-9423-ef0bcf685361.tmp</t>
  </si>
  <si>
    <t>\\acsfs\profiles$\Flaviojmm\Downloads\e5751826-3634-430a-9423-ef0bcf685361.tmp</t>
  </si>
  <si>
    <t>b4b4d980-8ea0-4433-8d48-e61b6012b247.tmp</t>
  </si>
  <si>
    <t>\\acsfs\profiles$\danielmlds\Downloads\b4b4d980-8ea0-4433-8d48-e61b6012b247.tmp</t>
  </si>
  <si>
    <t>499a5887-b460-4075-adeb-21317112816b.tmp</t>
  </si>
  <si>
    <t>\\acsfs\profiles$\danielmlds\Downloads\499a5887-b460-4075-adeb-21317112816b.tmp</t>
  </si>
  <si>
    <t>0b548e70-69d6-460b-a3de-0ce57d852dad.tmp</t>
  </si>
  <si>
    <t>\\acsfs\profiles$\monicargds\Downloads\0b548e70-69d6-460b-a3de-0ce57d852dad.tmp</t>
  </si>
  <si>
    <t>d1ceb018-757b-457a-b975-c154d9e7639d.tmp</t>
  </si>
  <si>
    <t>\\acsfs\profiles$\PEDROHAB\Downloads\d1ceb018-757b-457a-b975-c154d9e7639d.tmp</t>
  </si>
  <si>
    <t>be916bd5-383a-461e-90ac-a64d5a738916.tmp</t>
  </si>
  <si>
    <t>\\acsfs\profiles$\PEDROHAB\Downloads\be916bd5-383a-461e-90ac-a64d5a738916.tmp</t>
  </si>
  <si>
    <t>c7d9ffd6-8855-405f-91ba-3ede315c0164.tmp</t>
  </si>
  <si>
    <t>\\acsfs\profiles$\PEDROHAB\Downloads\c7d9ffd6-8855-405f-91ba-3ede315c0164.tmp</t>
  </si>
  <si>
    <t>cbfffb8a-2000-46c8-a3dd-cd25ac3f779d.tmp</t>
  </si>
  <si>
    <t>\\acsfs\profiles$\Flaviojmm\Downloads\cbfffb8a-2000-46c8-a3dd-cd25ac3f779d.tmp</t>
  </si>
  <si>
    <t>lu518122vj3mt.tmp</t>
  </si>
  <si>
    <t>\\acsfs\profiles$\ALEXANDREMM\lu518122vj3mt.tmp</t>
  </si>
  <si>
    <t>\\acsfs\profiles$\ALEXANDREMM\lu518122vj3mt.tmp\</t>
  </si>
  <si>
    <t>\\acsfs\profiles$\ALEXANDREMM\lu518122vj3mt.tmp\META-INF\</t>
  </si>
  <si>
    <t>\\acsfs\profiles$\ALEXANDREMM\lu518122vj3mt.tmp\Thumbnails\</t>
  </si>
  <si>
    <t>lu14096gsnwf.tmp</t>
  </si>
  <si>
    <t>\\acsfs\profiles$\BRUNAAR\Numero\lu14096gsnwf.tmp</t>
  </si>
  <si>
    <t>lu14096gsnwi.tmp</t>
  </si>
  <si>
    <t>\\acsfs\profiles$\BRUNAAR\Numero\lu14096gsnwi.tmp</t>
  </si>
  <si>
    <t>3623727c-3d99-47f8-a474-bbaf0eab7f1c.tmp</t>
  </si>
  <si>
    <t>\\acsfs\profiles$\francislayneads\Downloads\3623727c-3d99-47f8-a474-bbaf0eab7f1c.tmp</t>
  </si>
  <si>
    <t>28953f98-f0fc-4043-a147-4a94e59c6311.tmp</t>
  </si>
  <si>
    <t>\\acsfs\profiles$\francislayneads\Downloads\28953f98-f0fc-4043-a147-4a94e59c6311.tmp</t>
  </si>
  <si>
    <t>055a397b-824c-48b3-876b-50e3398a2352.tmp</t>
  </si>
  <si>
    <t>\\acsfs\profiles$\jessicafc\Downloads\055a397b-824c-48b3-876b-50e3398a2352.tmp</t>
  </si>
  <si>
    <t>ca076b25-d567-4575-9047-d6feaa2ac09e.tmp</t>
  </si>
  <si>
    <t>\\acsfs\profiles$\mariagsg\Downloads\ca076b25-d567-4575-9047-d6feaa2ac09e.tmp</t>
  </si>
  <si>
    <t>07f3d942-f852-42ba-add5-c7b0d166641e.tmp</t>
  </si>
  <si>
    <t>\\acsfs\profiles$\mariagsg\Downloads\07f3d942-f852-42ba-add5-c7b0d166641e.tmp</t>
  </si>
  <si>
    <t>ba38c28e-e477-43c2-90b0-3189a08ca5ea.tmp</t>
  </si>
  <si>
    <t>\\acsfs\profiles$\jessicafc\Downloads\ba38c28e-e477-43c2-90b0-3189a08ca5ea.tmp</t>
  </si>
  <si>
    <t>6d442576-1bff-4137-b906-993228d1d4b3.tmp</t>
  </si>
  <si>
    <t>\\acsfs\profiles$\danielmlds\Downloads\6d442576-1bff-4137-b906-993228d1d4b3.tmp</t>
  </si>
  <si>
    <t>0242aa0b-033b-4a09-b00e-1379f9b0a1bb.tmp</t>
  </si>
  <si>
    <t>\\acsfs\profiles$\ANAPDSB\Downloads\0242aa0b-033b-4a09-b00e-1379f9b0a1bb.tmp</t>
  </si>
  <si>
    <t>51627bec-3255-49a7-b9e2-c1f6d4299a6e.tmp</t>
  </si>
  <si>
    <t>\\acsfs\profiles$\rafaelamsv\Downloads\51627bec-3255-49a7-b9e2-c1f6d4299a6e.tmp</t>
  </si>
  <si>
    <t>100014229572201;joaogvc@algartech.com;marianadjc@algartech.com;planejamentodeoperacoesetrafego@bv.com.br;ricardodfm@algartech.com.br;taysdss@algartech.com;viniciussg@algartech.com;</t>
  </si>
  <si>
    <t>https://100014229572201,joaogvc@algartech.com,marianadjc@algartech.com,planejamentodeoperacoesetrafego@bv.com.br,ricardodfm@algartech.com.br,taysdss@algartech.com,viniciussg@algartech.com</t>
  </si>
  <si>
    <t>100014229572201;</t>
  </si>
  <si>
    <t>https://100014229572201</t>
  </si>
  <si>
    <t>d77480e1-4fc0-4af6-8f2f-cd29dd46f38b.tmp</t>
  </si>
  <si>
    <t>\\acsfs\profiles$\PEDROHAB\Downloads\d77480e1-4fc0-4af6-8f2f-cd29dd46f38b.tmp</t>
  </si>
  <si>
    <t>lu14096gsnwl.tmp</t>
  </si>
  <si>
    <t>\\acsfs\profiles$\BRUNAAR\Numero\lu14096gsnwl.tmp</t>
  </si>
  <si>
    <t>lu14096gsnwo.tmp</t>
  </si>
  <si>
    <t>\\acsfs\profiles$\BRUNAAR\Numero\lu14096gsnwo.tmp</t>
  </si>
  <si>
    <t>lu2408lgr2z.tmp</t>
  </si>
  <si>
    <t>\\acsfs\DEPTOS\Operacao\Banco_Votorantim\Supervisao\SUPERS BV CARTÕES\ANA VITORIA\APOIO\lu2408lgr2z.tmp</t>
  </si>
  <si>
    <t>\\acsfs\DEPTOS\Operacao\Banco_Votorantim\Supervisao\SUPERS BV CARTÕES\ANA VITORIA\APOIO\lu2408lgr2z.tmp\</t>
  </si>
  <si>
    <t>\\acsfs\DEPTOS\Operacao\Banco_Votorantim\Supervisao\SUPERS BV CARTÕES\ANA VITORIA\APOIO\lu2408lgr2z.tmp\META-INF\</t>
  </si>
  <si>
    <t>\\acsfs\DEPTOS\Operacao\Banco_Votorantim\Supervisao\SUPERS BV CARTÕES\ANA VITORIA\APOIO\lu2408lgr2z.tmp\Thumbnails\</t>
  </si>
  <si>
    <t>rafaelrf@bv.algartech.com</t>
  </si>
  <si>
    <t>https://algarmail/h/search;jsessionid=18dfng0u9riz31ghb17qunswd7?si=0&amp;so=0&amp;sc=70569&amp;st=message&amp;action=compose</t>
  </si>
  <si>
    <t>adilsonloj@algartech.com;</t>
  </si>
  <si>
    <t>https://adilsonloj@algartech.com</t>
  </si>
  <si>
    <t>fb2b74c8-7f51-4060-9e2f-ad6cc98afd50.tmp</t>
  </si>
  <si>
    <t>\\acsfs\profiles$\mariagsg\Downloads\fb2b74c8-7f51-4060-9e2f-ad6cc98afd50.tmp</t>
  </si>
  <si>
    <t>lu518122vj3n0.tmp</t>
  </si>
  <si>
    <t>\\acsfs\profiles$\ALEXANDREMM\lu518122vj3n0.tmp</t>
  </si>
  <si>
    <t>\\acsfs\profiles$\ALEXANDREMM\lu518122vj3n0.tmp\</t>
  </si>
  <si>
    <t>\\acsfs\profiles$\ALEXANDREMM\lu518122vj3n0.tmp\META-INF\</t>
  </si>
  <si>
    <t>\\acsfs\profiles$\ALEXANDREMM\lu518122vj3n0.tmp\Thumbnails\</t>
  </si>
  <si>
    <t>7b27e8b7-3e70-4f78-bf28-41f19e4aa805.tmp</t>
  </si>
  <si>
    <t>\\acsfs\profiles$\rafaelamsv\Downloads\7b27e8b7-3e70-4f78-bf28-41f19e4aa805.tmp</t>
  </si>
  <si>
    <t>bedcbe51-ae72-4b8f-b35a-a32611d0af95.tmp</t>
  </si>
  <si>
    <t>\\acsfs\profiles$\mariagsg\Downloads\bedcbe51-ae72-4b8f-b35a-a32611d0af95.tmp</t>
  </si>
  <si>
    <t>8b165b4f-3b86-4884-9d92-6242087ebb70.tmp</t>
  </si>
  <si>
    <t>\\acsfs\profiles$\jessicafc\Downloads\8b165b4f-3b86-4884-9d92-6242087ebb70.tmp</t>
  </si>
  <si>
    <t>lu14096gsnwt.tmp</t>
  </si>
  <si>
    <t>\\acsfs\profiles$\BRUNAAR\Numero\lu14096gsnwt.tmp</t>
  </si>
  <si>
    <t>lu14096gsnww.tmp</t>
  </si>
  <si>
    <t>\\acsfs\profiles$\BRUNAAR\Numero\lu14096gsnww.tmp</t>
  </si>
  <si>
    <t>lu14096gsnwz.tmp</t>
  </si>
  <si>
    <t>\\acsfs\profiles$\BRUNAAR\Numero\lu14096gsnwz.tmp</t>
  </si>
  <si>
    <t>1b221237-8c83-42c1-85a1-48d0a9b66d57.tmp</t>
  </si>
  <si>
    <t>\\acsfs\profiles$\vivianalds\Downloads\1b221237-8c83-42c1-85a1-48d0a9b66d57.tmp</t>
  </si>
  <si>
    <t>joaogvc@algartech.com;marianadjc@algartech.com;planejamentodeoperacoesetrafego@bv.com.br;rafaelggs@algartech.com;ricardodfm@algartech.com.br;taysdss@algartech.com;viniciussg@algartech.com;</t>
  </si>
  <si>
    <t>joaogvc@algartech.com,marianadjc@algartech.com,planejamentodeoperacoesetrafego@bv.com.br,rafaelggs@algartech.com,ricardodfm@algartech.com.br,taysdss@algartech.com,viniciussg@algartech.com</t>
  </si>
  <si>
    <t>lu518122vj3n7.tmp</t>
  </si>
  <si>
    <t>\\acsfs\profiles$\ALEXANDREMM\lu518122vj3n7.tmp</t>
  </si>
  <si>
    <t>\\acsfs\profiles$\ALEXANDREMM\lu518122vj3n7.tmp\</t>
  </si>
  <si>
    <t>\\acsfs\profiles$\ALEXANDREMM\lu518122vj3n7.tmp\META-INF\</t>
  </si>
  <si>
    <t>\\acsfs\profiles$\ALEXANDREMM\lu518122vj3n7.tmp\Thumbnails\</t>
  </si>
  <si>
    <t>704002f8-2261-489e-a07a-3f2906f47dce.tmp</t>
  </si>
  <si>
    <t>\\acsfs\profiles$\vivianalds\Downloads\704002f8-2261-489e-a07a-3f2906f47dce.tmp</t>
  </si>
  <si>
    <t>lu15576izhq3.tmp</t>
  </si>
  <si>
    <t>\\acsfs\profiles$\VIVIANALDS\My Documents\lu15576izhq3.tmp</t>
  </si>
  <si>
    <t>\\acsfs\profiles$\VIVIANALDS\My Documents\lu15576izhq3.tmp\</t>
  </si>
  <si>
    <t>\\acsfs\profiles$\VIVIANALDS\My Documents\lu15576izhq3.tmp\META-INF\</t>
  </si>
  <si>
    <t>\\acsfs\profiles$\VIVIANALDS\My Documents\lu15576izhq3.tmp\Thumbnails\</t>
  </si>
  <si>
    <t>lu518122vj3nb.tmp</t>
  </si>
  <si>
    <t>\\acsfs\profiles$\ALEXANDREMM\lu518122vj3nb.tmp</t>
  </si>
  <si>
    <t>\\acsfs\profiles$\ALEXANDREMM\lu518122vj3nb.tmp\</t>
  </si>
  <si>
    <t>\\acsfs\profiles$\ALEXANDREMM\lu518122vj3nb.tmp\META-INF\</t>
  </si>
  <si>
    <t>\\acsfs\profiles$\ALEXANDREMM\lu518122vj3nb.tmp\Thumbnails\</t>
  </si>
  <si>
    <t>\\acsfs\profiles$\matheusmax\My Documents\My Pictures\</t>
  </si>
  <si>
    <t>\\acsfs\profiles$\matheusmax\My Documents\My Videos\desktop.ini</t>
  </si>
  <si>
    <t>\\acsfs\profiles$\matheusmax\My Documents\My Videos\</t>
  </si>
  <si>
    <t>\\acsfs\profiles$\matheusmax\My Documents\My Music\</t>
  </si>
  <si>
    <t>\\acsfs\profiles$\matheusmax\My Documents\My Pictures\desktop.ini</t>
  </si>
  <si>
    <t>\\acsfs\profiles$\matheusmax\Contacts\</t>
  </si>
  <si>
    <t>\\acsfs\profiles$\matheusmax\Contacts\desktop.ini</t>
  </si>
  <si>
    <t>\\acsfs\profiles$\matheusmax\My Documents\</t>
  </si>
  <si>
    <t>\\acsfs\profiles$\matheusmax\Favorites\desktop.ini</t>
  </si>
  <si>
    <t>\\acsfs\profiles$\matheusmax\My Documents\My Music\desktop.ini</t>
  </si>
  <si>
    <t>\\acsfs\profiles$\matheusmax\Searches\</t>
  </si>
  <si>
    <t>\\acsfs\profiles$\matheusmax\Searches\desktop.ini</t>
  </si>
  <si>
    <t>\\acsfs\profiles$\matheusmax\Downloads\desktop.ini</t>
  </si>
  <si>
    <t>\\acsfs\profiles$\matheusmax\Favorites\</t>
  </si>
  <si>
    <t>\\acsfs\profiles$\matheusmax\My Documents\desktop.ini</t>
  </si>
  <si>
    <t>\\acsfs\profiles$\matheusmax\Saved Games\desktop.ini</t>
  </si>
  <si>
    <t>winrt--{S-1-5-21-602162358-764733703-839522115-347219}-.searchconnector-ms</t>
  </si>
  <si>
    <t>\\acsfs\profiles$\matheusmax\Searches\winrt--{S-1-5-21-602162358-764733703-839522115-347219}-.searchconnector-ms</t>
  </si>
  <si>
    <t>aae361c1-82a9-4b3c-8fd7-220f65d25f18.tmp</t>
  </si>
  <si>
    <t>\\acsfs\profiles$\matheusmax\Downloads\aae361c1-82a9-4b3c-8fd7-220f65d25f18.tmp</t>
  </si>
  <si>
    <t>Unconfirmed 681786.crdownload</t>
  </si>
  <si>
    <t>\\acsfs\profiles$\matheusmax\Downloads\Unconfirmed 681786.crdownload</t>
  </si>
  <si>
    <t>c7d7a058-6f38-436f-beec-9d203705a916.tmp</t>
  </si>
  <si>
    <t>\\acsfs\profiles$\matheusmax\Downloads\c7d7a058-6f38-436f-beec-9d203705a916.tmp</t>
  </si>
  <si>
    <t>34a4dfbf-3ebb-4306-977b-ce59385b689c.tmp</t>
  </si>
  <si>
    <t>\\acsfs\profiles$\matheusmax\Downloads\34a4dfbf-3ebb-4306-977b-ce59385b689c.tmp</t>
  </si>
  <si>
    <t>Novas Anotações.txt</t>
  </si>
  <si>
    <t>\\acsfs\profiles$\jonathanwap\Novas Anotações.txt</t>
  </si>
  <si>
    <t>e485cc6c-8d26-4b04-927f-838cdacbcb1a.tmp</t>
  </si>
  <si>
    <t>\\acsfs\profiles$\jessicafc\Downloads\e485cc6c-8d26-4b04-927f-838cdacbcb1a.tmp</t>
  </si>
  <si>
    <t>7b1f058b-db89-4c2e-bca5-95fa8408eafb.tmp</t>
  </si>
  <si>
    <t>\\acsfs\profiles$\fabianobmf\Downloads\7b1f058b-db89-4c2e-bca5-95fa8408eafb.tmp</t>
  </si>
  <si>
    <t>8589185a-41bd-4d3a-bac0-4010fada8f97.tmp</t>
  </si>
  <si>
    <t>\\acsfs\profiles$\laylaams\Downloads\8589185a-41bd-4d3a-bac0-4010fada8f97.tmp</t>
  </si>
  <si>
    <t>Unconfirmed 895520.crdownload</t>
  </si>
  <si>
    <t>\\acsfs\profiles$\laylaams\Downloads\Unconfirmed 895520.crdownload</t>
  </si>
  <si>
    <t>aa109443-77c3-4578-8e22-93b0bdcc254e.tmp</t>
  </si>
  <si>
    <t>\\acsfs\profiles$\laylaams\Downloads\aa109443-77c3-4578-8e22-93b0bdcc254e.tmp</t>
  </si>
  <si>
    <t>d117c83a-f7e3-4b41-a048-14d2bd6f1a69.tmp</t>
  </si>
  <si>
    <t>\\acsfs\profiles$\laylaams\Downloads\d117c83a-f7e3-4b41-a048-14d2bd6f1a69.tmp</t>
  </si>
  <si>
    <t>joaogvc@algartech.com;marianadjc@algartech.com;planejamentodeoperacoesetrafego@bv.com.br;raphaelmco@algartech.com.br;ricardodfm@algartech.com.br;taysdss@algartech.com;viniciussg@algartech.com;</t>
  </si>
  <si>
    <t>joaogvc@algartech.com,marianadjc@algartech.com,planejamentodeoperacoesetrafego@bv.com.br,raphaelmco@algartech.com.br,ricardodfm@algartech.com.br,taysdss@algartech.com,viniciussg@algartech.com</t>
  </si>
  <si>
    <t>\\acsfs\profiles$\philipegsf\My Documents\My Pictures\</t>
  </si>
  <si>
    <t>\\acsfs\profiles$\philipegsf\My Documents\My Videos\desktop.ini</t>
  </si>
  <si>
    <t>\\acsfs\profiles$\philipegsf\My Documents\My Videos\</t>
  </si>
  <si>
    <t>\\acsfs\profiles$\philipegsf\My Documents\My Music\</t>
  </si>
  <si>
    <t>\\acsfs\profiles$\philipegsf\My Documents\My Pictures\desktop.ini</t>
  </si>
  <si>
    <t>\\acsfs\profiles$\philipegsf\Contacts\</t>
  </si>
  <si>
    <t>\\acsfs\profiles$\philipegsf\Contacts\desktop.ini</t>
  </si>
  <si>
    <t>\\acsfs\profiles$\philipegsf\My Documents\</t>
  </si>
  <si>
    <t>\\acsfs\profiles$\philipegsf\Favorites\desktop.ini</t>
  </si>
  <si>
    <t>\\acsfs\profiles$\philipegsf\My Documents\My Music\desktop.ini</t>
  </si>
  <si>
    <t>\\acsfs\profiles$\philipegsf\Searches\</t>
  </si>
  <si>
    <t>\\acsfs\profiles$\philipegsf\Searches\desktop.ini</t>
  </si>
  <si>
    <t>\\acsfs\profiles$\philipegsf\Downloads\desktop.ini</t>
  </si>
  <si>
    <t>\\acsfs\profiles$\philipegsf\Favorites\</t>
  </si>
  <si>
    <t>\\acsfs\profiles$\philipegsf\My Documents\desktop.ini</t>
  </si>
  <si>
    <t>\\acsfs\profiles$\philipegsf\Saved Games\desktop.ini</t>
  </si>
  <si>
    <t>31f41824-9aec-4301-bb1b-18ae4efe1d2e.tmp</t>
  </si>
  <si>
    <t>\\acsfs\profiles$\philipegsf\Downloads\31f41824-9aec-4301-bb1b-18ae4efe1d2e.tmp</t>
  </si>
  <si>
    <t>Unconfirmed 68011.crdownload</t>
  </si>
  <si>
    <t>\\acsfs\profiles$\philipegsf\Downloads\Unconfirmed 68011.crdownload</t>
  </si>
  <si>
    <t>08ee8b36-ff7d-4b55-8380-16592054e271.tmp</t>
  </si>
  <si>
    <t>\\acsfs\profiles$\philipegsf\Downloads\08ee8b36-ff7d-4b55-8380-16592054e271.tmp</t>
  </si>
  <si>
    <t>a5dc462f-83c2-403a-bf03-6cfaecaa9b66.tmp</t>
  </si>
  <si>
    <t>\\acsfs\profiles$\philipegsf\Downloads\a5dc462f-83c2-403a-bf03-6cfaecaa9b66.tmp</t>
  </si>
  <si>
    <t>b62f7f6a-d6ad-46ce-ba17-269abfd204f8.tmp</t>
  </si>
  <si>
    <t>\\acsfs\profiles$\fabianobmf\Downloads\b62f7f6a-d6ad-46ce-ba17-269abfd204f8.tmp</t>
  </si>
  <si>
    <t>\\acsfs\profiles$\andreapdsg\My Documents\My Pictures\</t>
  </si>
  <si>
    <t>\\acsfs\profiles$\andreapdsg\My Documents\My Videos\desktop.ini</t>
  </si>
  <si>
    <t>\\acsfs\profiles$\andreapdsg\My Documents\My Videos\</t>
  </si>
  <si>
    <t>\\acsfs\profiles$\andreapdsg\My Documents\My Music\</t>
  </si>
  <si>
    <t>\\acsfs\profiles$\andreapdsg\My Documents\My Pictures\desktop.ini</t>
  </si>
  <si>
    <t>\\acsfs\profiles$\andreapdsg\Contacts\</t>
  </si>
  <si>
    <t>\\acsfs\profiles$\andreapdsg\Contacts\desktop.ini</t>
  </si>
  <si>
    <t>\\acsfs\profiles$\andreapdsg\My Documents\</t>
  </si>
  <si>
    <t>\\acsfs\profiles$\andreapdsg\Favorites\desktop.ini</t>
  </si>
  <si>
    <t>\\acsfs\profiles$\andreapdsg\My Documents\My Music\desktop.ini</t>
  </si>
  <si>
    <t>\\acsfs\profiles$\andreapdsg\Searches\</t>
  </si>
  <si>
    <t>\\acsfs\profiles$\andreapdsg\Searches\desktop.ini</t>
  </si>
  <si>
    <t>\\acsfs\profiles$\andreapdsg\Downloads\desktop.ini</t>
  </si>
  <si>
    <t>\\acsfs\profiles$\andreapdsg\Favorites\</t>
  </si>
  <si>
    <t>\\acsfs\profiles$\andreapdsg\My Documents\desktop.ini</t>
  </si>
  <si>
    <t>\\acsfs\profiles$\andreapdsg\Saved Games\desktop.ini</t>
  </si>
  <si>
    <t>f9e21219-4a4d-49c4-b8de-2fde84046e70.tmp</t>
  </si>
  <si>
    <t>\\acsfs\profiles$\andreapdsg\Downloads\f9e21219-4a4d-49c4-b8de-2fde84046e70.tmp</t>
  </si>
  <si>
    <t>29457373-934e-4081-b7c0-e55f52d3589e.tmp</t>
  </si>
  <si>
    <t>\\acsfs\profiles$\andreapdsg\Downloads\29457373-934e-4081-b7c0-e55f52d3589e.tmp</t>
  </si>
  <si>
    <t>gustavok</t>
  </si>
  <si>
    <t>.~lock.eventos.odt#</t>
  </si>
  <si>
    <t>\\acsfs\profiles$\laylaams\My Documents\.~lock.eventos.odt#</t>
  </si>
  <si>
    <t>augustohs</t>
  </si>
  <si>
    <t>e8bccce6-b6a9-4d62-b6a6-3121decd11b7.tmp</t>
  </si>
  <si>
    <t>\\acsfs\profiles$\nathaliaos\Downloads\e8bccce6-b6a9-4d62-b6a6-3121decd11b7.tmp</t>
  </si>
  <si>
    <t>03394a57-39d9-48b3-b67b-5b88a9f1b9b0.tmp</t>
  </si>
  <si>
    <t>\\acsfs\profiles$\nathaliaos\Downloads\03394a57-39d9-48b3-b67b-5b88a9f1b9b0.tmp</t>
  </si>
  <si>
    <t>571e9ea8-0810-438c-8cff-4bbf56d373c7.tmp</t>
  </si>
  <si>
    <t>\\acsfs\profiles$\nathaliaos\Downloads\571e9ea8-0810-438c-8cff-4bbf56d373c7.tmp</t>
  </si>
  <si>
    <t>16bc2757-6017-4c13-9967-9cdacb1185e3.tmp</t>
  </si>
  <si>
    <t>\\acsfs\profiles$\mariajaf\Downloads\16bc2757-6017-4c13-9967-9cdacb1185e3.tmp</t>
  </si>
  <si>
    <t>7330951f-91be-4bff-a18d-e6e1106785b5.tmp</t>
  </si>
  <si>
    <t>\\acsfs\profiles$\mariajaf\Downloads\7330951f-91be-4bff-a18d-e6e1106785b5.tmp</t>
  </si>
  <si>
    <t>f94e7822-6e79-44b3-8b7c-c238c1d09c9d.tmp</t>
  </si>
  <si>
    <t>\\acsfs\profiles$\philipegsf\Downloads\f94e7822-6e79-44b3-8b7c-c238c1d09c9d.tmp</t>
  </si>
  <si>
    <t>3b77429d-4be8-4f34-9e33-bcd708ec0510.tmp</t>
  </si>
  <si>
    <t>\\acsfs\profiles$\andreapdsg\Downloads\3b77429d-4be8-4f34-9e33-bcd708ec0510.tmp</t>
  </si>
  <si>
    <t>d97e6852-02b7-48c7-b243-9dc537ae71af.tmp</t>
  </si>
  <si>
    <t>\\acsfs\profiles$\laylaams\Downloads\d97e6852-02b7-48c7-b243-9dc537ae71af.tmp</t>
  </si>
  <si>
    <t>fdc52192-ba7b-4460-9bdd-2b0eb1f15210.tmp</t>
  </si>
  <si>
    <t>\\acsfs\profiles$\laylaams\Downloads\fdc52192-ba7b-4460-9bdd-2b0eb1f15210.tmp</t>
  </si>
  <si>
    <t>e5697854-829c-4d37-ab39-4d2b204b889a.tmp</t>
  </si>
  <si>
    <t>\\acsfs\profiles$\laylaams\Downloads\e5697854-829c-4d37-ab39-4d2b204b889a.tmp</t>
  </si>
  <si>
    <t>703309f4-6534-4766-a252-a84f884b194e.tmp</t>
  </si>
  <si>
    <t>\\acsfs\profiles$\fabianobmf\Downloads\703309f4-6534-4766-a252-a84f884b194e.tmp</t>
  </si>
  <si>
    <t>5e4ffe7f-c0a2-41d4-acf6-0bc01ad0864f.tmp</t>
  </si>
  <si>
    <t>\\acsfs\profiles$\matheusmax\Downloads\5e4ffe7f-c0a2-41d4-acf6-0bc01ad0864f.tmp</t>
  </si>
  <si>
    <t>60d7ef67-3080-4d47-b94f-fec51ad1e093.tmp</t>
  </si>
  <si>
    <t>\\acsfs\profiles$\philipegsf\Downloads\60d7ef67-3080-4d47-b94f-fec51ad1e093.tmp</t>
  </si>
  <si>
    <t>fc0f0e06-1a0f-4949-8902-837fb2ee1265.tmp</t>
  </si>
  <si>
    <t>\\acsfs\profiles$\nathaliaos\Downloads\fc0f0e06-1a0f-4949-8902-837fb2ee1265.tmp</t>
  </si>
  <si>
    <t>8c7effbc-f9f5-427c-9139-ab75497c6818.tmp</t>
  </si>
  <si>
    <t>\\acsfs\profiles$\nathaliaos\Downloads\8c7effbc-f9f5-427c-9139-ab75497c6818.tmp</t>
  </si>
  <si>
    <t>46d63a87-61b9-47de-a5dc-229a1effb6a3.tmp</t>
  </si>
  <si>
    <t>\\acsfs\profiles$\nathaliaos\Downloads\46d63a87-61b9-47de-a5dc-229a1effb6a3.tmp</t>
  </si>
  <si>
    <t>\\acsfs\profiles$\ROBERTM\Contacts\</t>
  </si>
  <si>
    <t>ROBERT MOREIRA (9).contact</t>
  </si>
  <si>
    <t>\\acsfs\profiles$\ROBERTM\Contacts\ROBERT MOREIRA (9).contact</t>
  </si>
  <si>
    <t>\\acsfs\profiles$\ROBERTM\My Documents\My Videos\</t>
  </si>
  <si>
    <t>\\acsfs\profiles$\ROBERTM\My Documents\My Videos\desktop.ini</t>
  </si>
  <si>
    <t>\\acsfs\profiles$\ROBERTM\My Documents\My Pictures\</t>
  </si>
  <si>
    <t>\\acsfs\profiles$\ROBERTM\My Documents\My Pictures\desktop.ini</t>
  </si>
  <si>
    <t>\\acsfs\profiles$\ROBERTM\Contacts\desktop.ini</t>
  </si>
  <si>
    <t>\\acsfs\profiles$\ROBERTM\Favorites\</t>
  </si>
  <si>
    <t>\\acsfs\profiles$\ROBERTM\Favorites\desktop.ini</t>
  </si>
  <si>
    <t>\\acsfs\profiles$\ROBERTM\My Documents\My Music\</t>
  </si>
  <si>
    <t>\\acsfs\profiles$\ROBERTM\My Documents\My Music\desktop.ini</t>
  </si>
  <si>
    <t>\\acsfs\profiles$\ROBERTM\Searches\</t>
  </si>
  <si>
    <t>\\acsfs\profiles$\ROBERTM\Searches\desktop.ini</t>
  </si>
  <si>
    <t>\\acsfs\profiles$\ROBERTM\Downloads\desktop.ini</t>
  </si>
  <si>
    <t>\\acsfs\profiles$\ROBERTM\My Documents\</t>
  </si>
  <si>
    <t>\\acsfs\profiles$\ROBERTM\My Documents\desktop.ini</t>
  </si>
  <si>
    <t>\\acsfs\profiles$\ROBERTM\Saved Games\</t>
  </si>
  <si>
    <t>\\acsfs\profiles$\ROBERTM\Saved Games\desktop.ini</t>
  </si>
  <si>
    <t>\\acsfs\profiles$\ROBERTM\Favorites\Links for Brasil\</t>
  </si>
  <si>
    <t>\\acsfs\profiles$\ROBERTM\Favorites\Links for Brasil\desktop.ini</t>
  </si>
  <si>
    <t>\\acsfs\profiles$\ROBERTM\Favorites\Links for Brasil\Microsoft Brasil.url</t>
  </si>
  <si>
    <t>\\acsfs\profiles$\ROBERTM\Favorites\Links for Brasil\Windows Brasil.url</t>
  </si>
  <si>
    <t>\\acsfs\profiles$\ROBERTM\Favorites\Links for Brasil\MSN Brasil.url</t>
  </si>
  <si>
    <t>c859881d-8d53-4e6e-8e9b-e2b552576b8c.tmp</t>
  </si>
  <si>
    <t>\\acsfs\profiles$\ROBERTM\Downloads\c859881d-8d53-4e6e-8e9b-e2b552576b8c.tmp</t>
  </si>
  <si>
    <t>1f81b08e-10a5-4545-b0ec-3802d734e83b.tmp</t>
  </si>
  <si>
    <t>\\acsfs\profiles$\ROBERTM\Downloads\1f81b08e-10a5-4545-b0ec-3802d734e83b.tmp</t>
  </si>
  <si>
    <t>8df06229-723f-4e35-9949-282b450fae6e.tmp</t>
  </si>
  <si>
    <t>\\acsfs\profiles$\rogeriofd\Downloads\8df06229-723f-4e35-9949-282b450fae6e.tmp</t>
  </si>
  <si>
    <t>01/13/2020 00:00:25</t>
  </si>
  <si>
    <t>d6311afd-02d2-4dd8-8901-4b5a757b6dfb.tmp</t>
  </si>
  <si>
    <t>\\acsfs\profiles$\marlyannegdls\Downloads\d6311afd-02d2-4dd8-8901-4b5a757b6dfb.tmp</t>
  </si>
  <si>
    <t>ce6fd1bb-6848-480b-a063-fb2b102f42c4.tmp</t>
  </si>
  <si>
    <t>\\acsfs\profiles$\marlyannegdls\Downloads\ce6fd1bb-6848-480b-a063-fb2b102f42c4.tmp</t>
  </si>
  <si>
    <t>01/13/2020 00:00:49</t>
  </si>
  <si>
    <t>01/13/2020 00:04:25</t>
  </si>
  <si>
    <t>01/13/2020 00:01:34</t>
  </si>
  <si>
    <t>01/13/2020 00:01:17</t>
  </si>
  <si>
    <t>01/13/2020 00:01:56</t>
  </si>
  <si>
    <t>01/13/2020 00:02:35</t>
  </si>
  <si>
    <t>01/13/2020 00:01:31</t>
  </si>
  <si>
    <t>01/13/2020 00:05:24</t>
  </si>
  <si>
    <t>01/13/2020 00:03:38</t>
  </si>
  <si>
    <t>01/13/2020 00:02:41</t>
  </si>
  <si>
    <t>01/13/2020 00:03:17</t>
  </si>
  <si>
    <t>01/13/2020 00:04:27</t>
  </si>
  <si>
    <t>01/13/2020 00:06:25</t>
  </si>
  <si>
    <t>2221e4db-c1b9-49e7-a8df-5fc7e4897896.tmp</t>
  </si>
  <si>
    <t>\\acsfs\profiles$\rogeriofd\Downloads\2221e4db-c1b9-49e7-a8df-5fc7e4897896.tmp</t>
  </si>
  <si>
    <t>01/13/2020 00:04:16</t>
  </si>
  <si>
    <t>01/13/2020 00:02:47</t>
  </si>
  <si>
    <t>01/13/2020 00:03:34</t>
  </si>
  <si>
    <t>01/13/2020 00:02:50</t>
  </si>
  <si>
    <t>01/13/2020 00:04:24</t>
  </si>
  <si>
    <t>01/13/2020 00:07:25</t>
  </si>
  <si>
    <t>01/13/2020 00:05:06</t>
  </si>
  <si>
    <t>01/13/2020 00:04:06</t>
  </si>
  <si>
    <t>01/13/2020 00:06:32</t>
  </si>
  <si>
    <t>01/13/2020 00:04:54</t>
  </si>
  <si>
    <t>01/13/2020 00:06:58</t>
  </si>
  <si>
    <t>01/13/2020 00:08:25</t>
  </si>
  <si>
    <t>01/13/2020 00:03:57</t>
  </si>
  <si>
    <t>01/13/2020 00:05:28</t>
  </si>
  <si>
    <t>01/13/2020 00:08:02</t>
  </si>
  <si>
    <t>01/13/2020 00:09:25</t>
  </si>
  <si>
    <t>01/13/2020 00:08:33</t>
  </si>
  <si>
    <t>01/13/2020 00:07:53</t>
  </si>
  <si>
    <t>01/13/2020 00:09:30</t>
  </si>
  <si>
    <t>01/13/2020 00:10:25</t>
  </si>
  <si>
    <t>01/13/2020 00:09:31</t>
  </si>
  <si>
    <t>01/13/2020 00:11:25</t>
  </si>
  <si>
    <t>01/13/2020 00:10:45</t>
  </si>
  <si>
    <t>01/13/2020 00:12:24</t>
  </si>
  <si>
    <t>01/13/2020 00:11:36</t>
  </si>
  <si>
    <t>01/13/2020 00:11:29</t>
  </si>
  <si>
    <t>01/13/2020 00:13:25</t>
  </si>
  <si>
    <t>01/13/2020 00:12:21</t>
  </si>
  <si>
    <t>01/13/2020 00:11:56</t>
  </si>
  <si>
    <t>01/13/2020 00:14:24</t>
  </si>
  <si>
    <t>01/13/2020 00:12:53</t>
  </si>
  <si>
    <t>01/13/2020 00:12:56</t>
  </si>
  <si>
    <t>01/13/2020 00:12:39</t>
  </si>
  <si>
    <t>01/13/2020 00:15:25</t>
  </si>
  <si>
    <t>01/13/2020 00:14:09</t>
  </si>
  <si>
    <t>01/13/2020 00:13:38</t>
  </si>
  <si>
    <t>01/13/2020 00:14:16</t>
  </si>
  <si>
    <t>01/13/2020 00:13:30</t>
  </si>
  <si>
    <t>01/13/2020 00:14:25</t>
  </si>
  <si>
    <t>01/13/2020 00:16:25</t>
  </si>
  <si>
    <t>01/13/2020 00:15:48</t>
  </si>
  <si>
    <t>01/13/2020 00:17:24</t>
  </si>
  <si>
    <t>01/13/2020 00:16:56</t>
  </si>
  <si>
    <t>01/13/2020 00:14:36</t>
  </si>
  <si>
    <t>01/13/2020 00:18:25</t>
  </si>
  <si>
    <t>01/13/2020 00:14:07</t>
  </si>
  <si>
    <t>01/13/2020 00:17:39</t>
  </si>
  <si>
    <t>01/13/2020 00:15:31</t>
  </si>
  <si>
    <t>01/13/2020 00:15:54</t>
  </si>
  <si>
    <t>01/13/2020 00:19:25</t>
  </si>
  <si>
    <t>01/13/2020 00:15:58</t>
  </si>
  <si>
    <t>01/13/2020 00:17:01</t>
  </si>
  <si>
    <t>01/13/2020 00:21:25</t>
  </si>
  <si>
    <t>01/13/2020 00:17:46</t>
  </si>
  <si>
    <t>01/13/2020 00:18:26</t>
  </si>
  <si>
    <t>01/13/2020 00:22:25</t>
  </si>
  <si>
    <t>01/13/2020 00:19:30</t>
  </si>
  <si>
    <t>01/13/2020 00:22:14</t>
  </si>
  <si>
    <t>01/13/2020 00:25:25</t>
  </si>
  <si>
    <t>01/13/2020 00:28:00</t>
  </si>
  <si>
    <t>01/13/2020 00:28:25</t>
  </si>
  <si>
    <t>01/13/2020 00:27:44</t>
  </si>
  <si>
    <t>01/13/2020 00:29:26</t>
  </si>
  <si>
    <t>01/13/2020 00:26:35</t>
  </si>
  <si>
    <t>01/13/2020 00:28:09</t>
  </si>
  <si>
    <t>01/13/2020 00:30:25</t>
  </si>
  <si>
    <t>01/13/2020 00:32:08</t>
  </si>
  <si>
    <t>01/13/2020 00:34:26</t>
  </si>
  <si>
    <t>01/13/2020 00:32:38</t>
  </si>
  <si>
    <t>01/13/2020 00:32:47</t>
  </si>
  <si>
    <t>01/13/2020 00:35:25</t>
  </si>
  <si>
    <t>01/13/2020 00:39:37</t>
  </si>
  <si>
    <t>01/13/2020 00:42:25</t>
  </si>
  <si>
    <t>01/13/2020 00:42:36</t>
  </si>
  <si>
    <t>01/13/2020 00:45:25</t>
  </si>
  <si>
    <t>01/13/2020 00:39:57</t>
  </si>
  <si>
    <t>01/13/2020 00:47:31</t>
  </si>
  <si>
    <t>01/13/2020 00:48:25</t>
  </si>
  <si>
    <t>01/13/2020 00:46:36</t>
  </si>
  <si>
    <t>01/13/2020 00:49:25</t>
  </si>
  <si>
    <t>01/13/2020 00:46:43</t>
  </si>
  <si>
    <t>01/13/2020 00:47:54</t>
  </si>
  <si>
    <t>01/13/2020 00:50:26</t>
  </si>
  <si>
    <t>01/13/2020 00:51:52</t>
  </si>
  <si>
    <t>01/13/2020 00:57:26</t>
  </si>
  <si>
    <t>01/13/2020 00:54:22</t>
  </si>
  <si>
    <t>01/13/2020 00:55:03</t>
  </si>
  <si>
    <t>01/13/2020 00:58:25</t>
  </si>
  <si>
    <t>01/13/2020 01:01:31</t>
  </si>
  <si>
    <t>01/13/2020 01:06:25</t>
  </si>
  <si>
    <t>01/13/2020 01:04:08</t>
  </si>
  <si>
    <t>01/13/2020 01:08:25</t>
  </si>
  <si>
    <t>01/13/2020 01:10:05</t>
  </si>
  <si>
    <t>01/13/2020 01:13:25</t>
  </si>
  <si>
    <t>01/13/2020 01:13:41</t>
  </si>
  <si>
    <t>01/13/2020 01:17:26</t>
  </si>
  <si>
    <t>01/13/2020 01:19:09</t>
  </si>
  <si>
    <t>01/13/2020 01:23:25</t>
  </si>
  <si>
    <t>01/13/2020 01:22:17</t>
  </si>
  <si>
    <t>01/13/2020 01:24:25</t>
  </si>
  <si>
    <t>01/13/2020 01:23:33</t>
  </si>
  <si>
    <t>01/13/2020 01:27:25</t>
  </si>
  <si>
    <t>01/13/2020 01:26:55</t>
  </si>
  <si>
    <t>01/13/2020 01:29:25</t>
  </si>
  <si>
    <t>01/13/2020 01:31:54</t>
  </si>
  <si>
    <t>01/13/2020 01:35:25</t>
  </si>
  <si>
    <t>01/13/2020 01:30:57</t>
  </si>
  <si>
    <t>01/13/2020 01:35:10</t>
  </si>
  <si>
    <t>01/13/2020 01:39:25</t>
  </si>
  <si>
    <t>01/13/2020 01:34:54</t>
  </si>
  <si>
    <t>01/13/2020 01:37:44</t>
  </si>
  <si>
    <t>01/13/2020 01:42:26</t>
  </si>
  <si>
    <t>01/13/2020 01:46:02</t>
  </si>
  <si>
    <t>01/13/2020 01:49:26</t>
  </si>
  <si>
    <t>01/13/2020 01:46:11</t>
  </si>
  <si>
    <t>01/13/2020 01:50:25</t>
  </si>
  <si>
    <t>01/13/2020 01:46:41</t>
  </si>
  <si>
    <t>01/13/2020 01:49:50</t>
  </si>
  <si>
    <t>01/13/2020 01:51:26</t>
  </si>
  <si>
    <t>01/13/2020 01:53:15</t>
  </si>
  <si>
    <t>01/13/2020 01:54:25</t>
  </si>
  <si>
    <t>01/13/2020 01:50:41</t>
  </si>
  <si>
    <t>01/13/2020 01:55:26</t>
  </si>
  <si>
    <t>01/13/2020 01:56:56</t>
  </si>
  <si>
    <t>01/13/2020 02:01:26</t>
  </si>
  <si>
    <t>01/13/2020 01:59:23</t>
  </si>
  <si>
    <t>01/13/2020 02:02:25</t>
  </si>
  <si>
    <t>01/13/2020 02:00:50</t>
  </si>
  <si>
    <t>01/13/2020 02:05:26</t>
  </si>
  <si>
    <t>01/13/2020 02:06:47</t>
  </si>
  <si>
    <t>01/13/2020 02:07:26</t>
  </si>
  <si>
    <t>01/13/2020 02:16:53</t>
  </si>
  <si>
    <t>01/13/2020 02:20:26</t>
  </si>
  <si>
    <t>01/13/2020 02:17:32</t>
  </si>
  <si>
    <t>01/13/2020 02:21:26</t>
  </si>
  <si>
    <t>01/13/2020 02:17:06</t>
  </si>
  <si>
    <t>01/13/2020 02:22:26</t>
  </si>
  <si>
    <t>01/13/2020 02:20:41</t>
  </si>
  <si>
    <t>01/13/2020 02:26:26</t>
  </si>
  <si>
    <t>01/13/2020 02:24:08</t>
  </si>
  <si>
    <t>01/13/2020 02:28:26</t>
  </si>
  <si>
    <t>01/13/2020 02:27:17</t>
  </si>
  <si>
    <t>01/13/2020 02:34:02</t>
  </si>
  <si>
    <t>01/13/2020 02:35:26</t>
  </si>
  <si>
    <t>01/13/2020 02:37:08</t>
  </si>
  <si>
    <t>01/13/2020 02:42:26</t>
  </si>
  <si>
    <t>01/13/2020 02:46:09</t>
  </si>
  <si>
    <t>01/13/2020 02:49:27</t>
  </si>
  <si>
    <t>01/13/2020 02:49:09</t>
  </si>
  <si>
    <t>01/13/2020 02:52:26</t>
  </si>
  <si>
    <t>01/13/2020 02:50:25</t>
  </si>
  <si>
    <t>01/13/2020 02:53:26</t>
  </si>
  <si>
    <t>01/13/2020 02:56:24</t>
  </si>
  <si>
    <t>01/13/2020 02:57:26</t>
  </si>
  <si>
    <t>01/13/2020 02:54:47</t>
  </si>
  <si>
    <t>01/13/2020 02:59:26</t>
  </si>
  <si>
    <t>01/13/2020 03:06:26</t>
  </si>
  <si>
    <t>01/13/2020 03:07:26</t>
  </si>
  <si>
    <t>01/13/2020 03:03:11</t>
  </si>
  <si>
    <t>01/13/2020 03:08:26</t>
  </si>
  <si>
    <t>01/13/2020 03:05:30</t>
  </si>
  <si>
    <t>01/13/2020 03:09:26</t>
  </si>
  <si>
    <t>01/13/2020 03:05:57</t>
  </si>
  <si>
    <t>01/13/2020 03:10:27</t>
  </si>
  <si>
    <t>01/13/2020 03:10:55</t>
  </si>
  <si>
    <t>01/13/2020 03:14:26</t>
  </si>
  <si>
    <t>01/13/2020 03:12:45</t>
  </si>
  <si>
    <t>01/13/2020 03:15:25</t>
  </si>
  <si>
    <t>01/13/2020 03:12:43</t>
  </si>
  <si>
    <t>01/13/2020 03:17:26</t>
  </si>
  <si>
    <t>01/13/2020 03:16:55</t>
  </si>
  <si>
    <t>01/13/2020 03:19:26</t>
  </si>
  <si>
    <t>01/13/2020 03:15:42</t>
  </si>
  <si>
    <t>01/13/2020 03:17:13</t>
  </si>
  <si>
    <t>01/13/2020 03:21:26</t>
  </si>
  <si>
    <t>01/13/2020 03:19:23</t>
  </si>
  <si>
    <t>01/13/2020 03:22:26</t>
  </si>
  <si>
    <t>01/13/2020 03:21:48</t>
  </si>
  <si>
    <t>01/13/2020 03:25:26</t>
  </si>
  <si>
    <t>01/13/2020 03:22:58</t>
  </si>
  <si>
    <t>01/13/2020 03:26:44</t>
  </si>
  <si>
    <t>01/13/2020 03:27:26</t>
  </si>
  <si>
    <t>01/13/2020 03:25:53</t>
  </si>
  <si>
    <t>01/13/2020 03:28:26</t>
  </si>
  <si>
    <t>01/13/2020 03:23:17</t>
  </si>
  <si>
    <t>01/13/2020 03:25:24</t>
  </si>
  <si>
    <t>01/13/2020 03:29:25</t>
  </si>
  <si>
    <t>01/13/2020 03:28:23</t>
  </si>
  <si>
    <t>01/13/2020 03:30:26</t>
  </si>
  <si>
    <t>01/13/2020 03:28:33</t>
  </si>
  <si>
    <t>01/13/2020 03:31:26</t>
  </si>
  <si>
    <t>01/13/2020 03:30:13</t>
  </si>
  <si>
    <t>01/13/2020 03:33:27</t>
  </si>
  <si>
    <t>01/13/2020 03:31:01</t>
  </si>
  <si>
    <t>01/13/2020 03:35:26</t>
  </si>
  <si>
    <t>01/13/2020 03:31:53</t>
  </si>
  <si>
    <t>01/13/2020 03:35:46</t>
  </si>
  <si>
    <t>01/13/2020 03:37:26</t>
  </si>
  <si>
    <t>01/13/2020 03:34:21</t>
  </si>
  <si>
    <t>01/13/2020 03:39:27</t>
  </si>
  <si>
    <t>01/13/2020 03:35:11</t>
  </si>
  <si>
    <t>01/13/2020 03:35:53</t>
  </si>
  <si>
    <t>01/13/2020 03:36:21</t>
  </si>
  <si>
    <t>01/13/2020 03:36:29</t>
  </si>
  <si>
    <t>01/13/2020 03:41:27</t>
  </si>
  <si>
    <t>01/13/2020 03:39:07</t>
  </si>
  <si>
    <t>01/13/2020 03:43:27</t>
  </si>
  <si>
    <t>01/13/2020 03:42:49</t>
  </si>
  <si>
    <t>01/13/2020 03:45:27</t>
  </si>
  <si>
    <t>01/13/2020 03:43:24</t>
  </si>
  <si>
    <t>01/13/2020 03:47:27</t>
  </si>
  <si>
    <t>01/13/2020 03:44:13</t>
  </si>
  <si>
    <t>01/13/2020 03:48:27</t>
  </si>
  <si>
    <t>01/13/2020 03:43:57</t>
  </si>
  <si>
    <t>01/13/2020 03:49:26</t>
  </si>
  <si>
    <t>01/13/2020 03:47:22</t>
  </si>
  <si>
    <t>01/13/2020 03:47:09</t>
  </si>
  <si>
    <t>01/13/2020 03:50:27</t>
  </si>
  <si>
    <t>01/13/2020 03:46:59</t>
  </si>
  <si>
    <t>01/13/2020 03:48:53</t>
  </si>
  <si>
    <t>01/13/2020 03:51:26</t>
  </si>
  <si>
    <t>01/13/2020 03:50:03</t>
  </si>
  <si>
    <t>01/13/2020 03:54:26</t>
  </si>
  <si>
    <t>01/13/2020 03:54:46</t>
  </si>
  <si>
    <t>01/13/2020 03:58:26</t>
  </si>
  <si>
    <t>01/13/2020 03:59:11</t>
  </si>
  <si>
    <t>01/13/2020 04:00:27</t>
  </si>
  <si>
    <t>01/13/2020 03:58:03</t>
  </si>
  <si>
    <t>01/13/2020 04:03:26</t>
  </si>
  <si>
    <t>01/13/2020 04:00:15</t>
  </si>
  <si>
    <t>01/13/2020 04:05:26</t>
  </si>
  <si>
    <t>01/13/2020 04:08:27</t>
  </si>
  <si>
    <t>01/13/2020 04:03:04</t>
  </si>
  <si>
    <t>01/13/2020 04:04:59</t>
  </si>
  <si>
    <t>01/13/2020 04:09:14</t>
  </si>
  <si>
    <t>01/13/2020 04:10:26</t>
  </si>
  <si>
    <t>01/13/2020 04:06:38</t>
  </si>
  <si>
    <t>01/13/2020 04:08:46</t>
  </si>
  <si>
    <t>01/13/2020 04:11:27</t>
  </si>
  <si>
    <t>01/13/2020 04:11:42</t>
  </si>
  <si>
    <t>01/13/2020 04:14:26</t>
  </si>
  <si>
    <t>01/13/2020 04:14:46</t>
  </si>
  <si>
    <t>01/13/2020 04:16:26</t>
  </si>
  <si>
    <t>01/13/2020 04:16:59</t>
  </si>
  <si>
    <t>01/13/2020 04:19:27</t>
  </si>
  <si>
    <t>01/13/2020 04:16:03</t>
  </si>
  <si>
    <t>01/13/2020 04:20:26</t>
  </si>
  <si>
    <t>01/13/2020 04:15:20</t>
  </si>
  <si>
    <t>01/13/2020 04:18:12</t>
  </si>
  <si>
    <t>01/13/2020 04:19:26</t>
  </si>
  <si>
    <t>01/13/2020 04:22:27</t>
  </si>
  <si>
    <t>01/13/2020 04:21:13</t>
  </si>
  <si>
    <t>01/13/2020 04:23:27</t>
  </si>
  <si>
    <t>01/13/2020 04:21:01</t>
  </si>
  <si>
    <t>01/13/2020 04:24:27</t>
  </si>
  <si>
    <t>01/13/2020 04:22:39</t>
  </si>
  <si>
    <t>01/13/2020 04:21:52</t>
  </si>
  <si>
    <t>01/13/2020 04:25:27</t>
  </si>
  <si>
    <t>01/13/2020 04:22:06</t>
  </si>
  <si>
    <t>01/13/2020 04:26:26</t>
  </si>
  <si>
    <t>01/13/2020 04:22:56</t>
  </si>
  <si>
    <t>01/13/2020 04:27:27</t>
  </si>
  <si>
    <t>01/13/2020 04:23:21</t>
  </si>
  <si>
    <t>01/13/2020 04:28:27</t>
  </si>
  <si>
    <t>01/13/2020 04:27:14</t>
  </si>
  <si>
    <t>01/13/2020 04:29:27</t>
  </si>
  <si>
    <t>01/13/2020 04:28:10</t>
  </si>
  <si>
    <t>01/13/2020 04:30:26</t>
  </si>
  <si>
    <t>01/13/2020 04:31:27</t>
  </si>
  <si>
    <t>01/13/2020 04:31:03</t>
  </si>
  <si>
    <t>01/13/2020 04:34:27</t>
  </si>
  <si>
    <t>01/13/2020 04:34:31</t>
  </si>
  <si>
    <t>01/13/2020 04:37:27</t>
  </si>
  <si>
    <t>01/13/2020 04:34:17</t>
  </si>
  <si>
    <t>01/13/2020 04:38:27</t>
  </si>
  <si>
    <t>01/13/2020 04:37:43</t>
  </si>
  <si>
    <t>01/13/2020 04:39:27</t>
  </si>
  <si>
    <t>01/13/2020 04:35:14</t>
  </si>
  <si>
    <t>01/13/2020 04:36:20</t>
  </si>
  <si>
    <t>01/13/2020 04:40:27</t>
  </si>
  <si>
    <t>01/13/2020 04:39:04</t>
  </si>
  <si>
    <t>01/13/2020 04:41:43</t>
  </si>
  <si>
    <t>01/13/2020 04:42:27</t>
  </si>
  <si>
    <t>01/13/2020 04:43:48</t>
  </si>
  <si>
    <t>01/13/2020 04:44:27</t>
  </si>
  <si>
    <t>01/13/2020 04:45:57</t>
  </si>
  <si>
    <t>01/13/2020 04:47:27</t>
  </si>
  <si>
    <t>01/13/2020 04:46:45</t>
  </si>
  <si>
    <t>01/13/2020 04:48:41</t>
  </si>
  <si>
    <t>01/13/2020 04:52:26</t>
  </si>
  <si>
    <t>01/13/2020 04:48:01</t>
  </si>
  <si>
    <t>01/13/2020 04:53:27</t>
  </si>
  <si>
    <t>01/13/2020 04:48:02</t>
  </si>
  <si>
    <t>01/13/2020 04:50:58</t>
  </si>
  <si>
    <t>01/13/2020 04:51:39</t>
  </si>
  <si>
    <t>01/13/2020 04:54:26</t>
  </si>
  <si>
    <t>01/13/2020 04:52:38</t>
  </si>
  <si>
    <t>01/13/2020 04:53:05</t>
  </si>
  <si>
    <t>01/13/2020 04:55:27</t>
  </si>
  <si>
    <t>01/13/2020 04:54:10</t>
  </si>
  <si>
    <t>01/13/2020 04:53:31</t>
  </si>
  <si>
    <t>01/13/2020 04:50:24</t>
  </si>
  <si>
    <t>01/13/2020 04:52:08</t>
  </si>
  <si>
    <t>01/13/2020 04:57:27</t>
  </si>
  <si>
    <t>01/13/2020 04:52:43</t>
  </si>
  <si>
    <t>01/13/2020 04:58:26</t>
  </si>
  <si>
    <t>01/13/2020 04:57:50</t>
  </si>
  <si>
    <t>01/13/2020 04:59:27</t>
  </si>
  <si>
    <t>01/13/2020 04:56:39</t>
  </si>
  <si>
    <t>01/13/2020 04:57:06</t>
  </si>
  <si>
    <t>01/13/2020 04:59:03</t>
  </si>
  <si>
    <t>01/13/2020 05:00:27</t>
  </si>
  <si>
    <t>01/13/2020 04:59:20</t>
  </si>
  <si>
    <t>01/13/2020 04:59:06</t>
  </si>
  <si>
    <t>01/13/2020 05:02:27</t>
  </si>
  <si>
    <t>01/13/2020 05:02:09</t>
  </si>
  <si>
    <t>01/13/2020 05:04:27</t>
  </si>
  <si>
    <t>01/13/2020 05:03:34</t>
  </si>
  <si>
    <t>01/13/2020 05:05:26</t>
  </si>
  <si>
    <t>01/13/2020 05:06:53</t>
  </si>
  <si>
    <t>01/13/2020 05:10:27</t>
  </si>
  <si>
    <t>01/13/2020 05:10:08</t>
  </si>
  <si>
    <t>01/13/2020 05:14:26</t>
  </si>
  <si>
    <t>01/13/2020 05:14:51</t>
  </si>
  <si>
    <t>01/13/2020 05:18:27</t>
  </si>
  <si>
    <t>01/13/2020 05:17:58</t>
  </si>
  <si>
    <t>01/13/2020 05:20:27</t>
  </si>
  <si>
    <t>01/13/2020 05:17:52</t>
  </si>
  <si>
    <t>01/13/2020 05:21:27</t>
  </si>
  <si>
    <t>dce20ef4-4f1f-4331-a1ad-20d75315ecea.tmp</t>
  </si>
  <si>
    <t>\\acsfs\profiles$\rogeriofd\Downloads\dce20ef4-4f1f-4331-a1ad-20d75315ecea.tmp</t>
  </si>
  <si>
    <t>01/13/2020 05:18:22</t>
  </si>
  <si>
    <t>6724ea60-bb0d-4bbb-808f-2209b95f67f9.tmp</t>
  </si>
  <si>
    <t>\\acsfs\profiles$\rogeriofd\Downloads\6724ea60-bb0d-4bbb-808f-2209b95f67f9.tmp</t>
  </si>
  <si>
    <t>01/13/2020 05:21:29</t>
  </si>
  <si>
    <t>01/13/2020 05:24:26</t>
  </si>
  <si>
    <t>01/13/2020 05:26:27</t>
  </si>
  <si>
    <t>01/13/2020 05:27:26</t>
  </si>
  <si>
    <t>01/13/2020 05:24:11</t>
  </si>
  <si>
    <t>01/13/2020 05:26:11</t>
  </si>
  <si>
    <t>01/13/2020 05:24:14</t>
  </si>
  <si>
    <t>01/13/2020 05:28:27</t>
  </si>
  <si>
    <t>01/13/2020 05:29:33</t>
  </si>
  <si>
    <t>01/13/2020 05:31:27</t>
  </si>
  <si>
    <t>01/13/2020 05:31:08</t>
  </si>
  <si>
    <t>01/13/2020 05:33:27</t>
  </si>
  <si>
    <t>01/13/2020 05:32:15</t>
  </si>
  <si>
    <t>01/13/2020 05:34:27</t>
  </si>
  <si>
    <t>01/13/2020 05:33:28</t>
  </si>
  <si>
    <t>01/13/2020 05:35:26</t>
  </si>
  <si>
    <t>01/13/2020 05:32:02</t>
  </si>
  <si>
    <t>c8661148-b697-40d5-8d0f-eeac4cfdb1de.tmp</t>
  </si>
  <si>
    <t>\\acsfs\profiles$\marlyannegdls\Downloads\c8661148-b697-40d5-8d0f-eeac4cfdb1de.tmp</t>
  </si>
  <si>
    <t>01/13/2020 05:33:09</t>
  </si>
  <si>
    <t>b2ed2dc7-97e0-4757-97a2-aeb8a730ca7d.tmp</t>
  </si>
  <si>
    <t>\\acsfs\profiles$\marlyannegdls\Downloads\b2ed2dc7-97e0-4757-97a2-aeb8a730ca7d.tmp</t>
  </si>
  <si>
    <t>01/13/2020 05:33:53</t>
  </si>
  <si>
    <t>01/13/2020 05:36:26</t>
  </si>
  <si>
    <t>01/13/2020 05:34:46</t>
  </si>
  <si>
    <t>01/13/2020 05:37:26</t>
  </si>
  <si>
    <t>01/13/2020 05:34:59</t>
  </si>
  <si>
    <t>01/13/2020 05:36:22</t>
  </si>
  <si>
    <t>01/13/2020 05:40:26</t>
  </si>
  <si>
    <t>01/13/2020 05:40:43</t>
  </si>
  <si>
    <t>01/13/2020 05:45:26</t>
  </si>
  <si>
    <t>01/13/2020 05:44:50</t>
  </si>
  <si>
    <t>01/13/2020 05:46:12</t>
  </si>
  <si>
    <t>01/13/2020 05:48:26</t>
  </si>
  <si>
    <t>639903b8-f168-4529-b3cb-189d33177eaf.tmp</t>
  </si>
  <si>
    <t>\\acsfs\profiles$\ROZENCAM\Downloads\639903b8-f168-4529-b3cb-189d33177eaf.tmp</t>
  </si>
  <si>
    <t>01/13/2020 05:47:00</t>
  </si>
  <si>
    <t>01/13/2020 05:48:16</t>
  </si>
  <si>
    <t>01/13/2020 05:49:27</t>
  </si>
  <si>
    <t>01/13/2020 05:46:49</t>
  </si>
  <si>
    <t>01/13/2020 05:49:46</t>
  </si>
  <si>
    <t>01/13/2020 05:52:26</t>
  </si>
  <si>
    <t>01/13/2020 05:53:07</t>
  </si>
  <si>
    <t>01/13/2020 05:54:26</t>
  </si>
  <si>
    <t>01/13/2020 05:57:42</t>
  </si>
  <si>
    <t>01/13/2020 05:59:26</t>
  </si>
  <si>
    <t>01/13/2020 05:55:32</t>
  </si>
  <si>
    <t>01/13/2020 06:00:26</t>
  </si>
  <si>
    <t>57aca0ec-e906-40e0-bf72-44385d851aa5.tmp</t>
  </si>
  <si>
    <t>\\acsfs\profiles$\lucasqdss\Downloads\57aca0ec-e906-40e0-bf72-44385d851aa5.tmp</t>
  </si>
  <si>
    <t>01/13/2020 05:57:37</t>
  </si>
  <si>
    <t>ca9fa8d7-e6bb-4312-99cb-db85439086a7.tmp</t>
  </si>
  <si>
    <t>\\acsfs\profiles$\lucasqdss\Downloads\ca9fa8d7-e6bb-4312-99cb-db85439086a7.tmp</t>
  </si>
  <si>
    <t>01/13/2020 06:00:29</t>
  </si>
  <si>
    <t>01/13/2020 06:02:27</t>
  </si>
  <si>
    <t>01/13/2020 05:59:35</t>
  </si>
  <si>
    <t>01/13/2020 06:03:26</t>
  </si>
  <si>
    <t>01/13/2020 06:01:03</t>
  </si>
  <si>
    <t>01/13/2020 06:04:26</t>
  </si>
  <si>
    <t>01/13/2020 06:10:14</t>
  </si>
  <si>
    <t>01/13/2020 06:12:26</t>
  </si>
  <si>
    <t>01/13/2020 06:14:36</t>
  </si>
  <si>
    <t>01/13/2020 06:18:27</t>
  </si>
  <si>
    <t>01/13/2020 06:16:37</t>
  </si>
  <si>
    <t>01/13/2020 06:17:47</t>
  </si>
  <si>
    <t>01/13/2020 06:19:26</t>
  </si>
  <si>
    <t>01/13/2020 06:18:21</t>
  </si>
  <si>
    <t>01/13/2020 06:20:27</t>
  </si>
  <si>
    <t>01/13/2020 06:18:03</t>
  </si>
  <si>
    <t>01/13/2020 06:21:26</t>
  </si>
  <si>
    <t>01/13/2020 06:19:01</t>
  </si>
  <si>
    <t>01/13/2020 06:22:26</t>
  </si>
  <si>
    <t>01/13/2020 06:18:43</t>
  </si>
  <si>
    <t>01/13/2020 06:23:37</t>
  </si>
  <si>
    <t>01/13/2020 06:25:27</t>
  </si>
  <si>
    <t>01/13/2020 06:24:04</t>
  </si>
  <si>
    <t>6d9b3dda-54ee-497e-800f-0eea871547ec.tmp</t>
  </si>
  <si>
    <t>\\acsfs\profiles$\BRUNAAR\Downloads\6d9b3dda-54ee-497e-800f-0eea871547ec.tmp</t>
  </si>
  <si>
    <t>01/13/2020 06:21:20</t>
  </si>
  <si>
    <t>01/13/2020 06:24:56</t>
  </si>
  <si>
    <t>01/13/2020 06:28:26</t>
  </si>
  <si>
    <t>01/13/2020 06:25:52</t>
  </si>
  <si>
    <t>01/13/2020 06:24:20</t>
  </si>
  <si>
    <t>01/13/2020 06:29:26</t>
  </si>
  <si>
    <t>01/13/2020 06:25:30</t>
  </si>
  <si>
    <t>16b53745-265f-4de1-8822-97d68d00439e.tmp</t>
  </si>
  <si>
    <t>\\acsfs\profiles$\danielac\Downloads\16b53745-265f-4de1-8822-97d68d00439e.tmp</t>
  </si>
  <si>
    <t>01/13/2020 06:25:43</t>
  </si>
  <si>
    <t>73da62d9-85cd-4e58-8a8b-b5d4eb121b2a.tmp</t>
  </si>
  <si>
    <t>\\acsfs\profiles$\danielac\Downloads\73da62d9-85cd-4e58-8a8b-b5d4eb121b2a.tmp</t>
  </si>
  <si>
    <t>01/13/2020 06:26:51</t>
  </si>
  <si>
    <t>452a643f-cf70-4a41-bc00-13211ab6ad64.tmp</t>
  </si>
  <si>
    <t>\\acsfs\profiles$\danielac\Downloads\452a643f-cf70-4a41-bc00-13211ab6ad64.tmp</t>
  </si>
  <si>
    <t>01/13/2020 06:26:36</t>
  </si>
  <si>
    <t>87efc8e9-95c9-4473-b0c6-a21c50cb70e9.tmp</t>
  </si>
  <si>
    <t>\\acsfs\profiles$\ALYNYA\Downloads\87efc8e9-95c9-4473-b0c6-a21c50cb70e9.tmp</t>
  </si>
  <si>
    <t>01/13/2020 06:28:35</t>
  </si>
  <si>
    <t>5c6a2000-4223-43dd-aa30-f125fe58fda6.tmp</t>
  </si>
  <si>
    <t>\\acsfs\profiles$\ALYNYA\Downloads\5c6a2000-4223-43dd-aa30-f125fe58fda6.tmp</t>
  </si>
  <si>
    <t>01/13/2020 06:25:33</t>
  </si>
  <si>
    <t>01/13/2020 06:30:27</t>
  </si>
  <si>
    <t>6d137273-5c26-476d-bee7-f04a14b89bf2.tmp</t>
  </si>
  <si>
    <t>\\acsfs\profiles$\BRUNAAR\Downloads\6d137273-5c26-476d-bee7-f04a14b89bf2.tmp</t>
  </si>
  <si>
    <t>01/13/2020 06:31:49</t>
  </si>
  <si>
    <t>01/13/2020 06:34:26</t>
  </si>
  <si>
    <t>01/13/2020 06:30:02</t>
  </si>
  <si>
    <t>01/13/2020 06:30:29</t>
  </si>
  <si>
    <t>b60a97d4-2d10-4e0b-8b12-6a8f7d5ff3c3.tmp</t>
  </si>
  <si>
    <t>\\acsfs\profiles$\ALYNYA\Downloads\b60a97d4-2d10-4e0b-8b12-6a8f7d5ff3c3.tmp</t>
  </si>
  <si>
    <t>01/13/2020 06:32:45</t>
  </si>
  <si>
    <t>01/13/2020 06:35:27</t>
  </si>
  <si>
    <t>01/13/2020 06:34:04</t>
  </si>
  <si>
    <t>01/13/2020 06:36:26</t>
  </si>
  <si>
    <t>01/13/2020 06:36:19</t>
  </si>
  <si>
    <t>01/13/2020 06:37:26</t>
  </si>
  <si>
    <t>01/13/2020 06:32:30</t>
  </si>
  <si>
    <t>01/13/2020 06:36:25</t>
  </si>
  <si>
    <t>01/13/2020 06:40:26</t>
  </si>
  <si>
    <t>01/13/2020 06:40:55</t>
  </si>
  <si>
    <t>01/13/2020 06:41:27</t>
  </si>
  <si>
    <t>01/13/2020 06:38:10</t>
  </si>
  <si>
    <t>01/13/2020 06:42:26</t>
  </si>
  <si>
    <t>01/13/2020 06:38:46</t>
  </si>
  <si>
    <t>01/13/2020 06:38:08</t>
  </si>
  <si>
    <t>01/13/2020 06:43:27</t>
  </si>
  <si>
    <t>01/13/2020 06:40:50</t>
  </si>
  <si>
    <t>01/13/2020 06:44:15</t>
  </si>
  <si>
    <t>01/13/2020 06:47:26</t>
  </si>
  <si>
    <t>01/13/2020 06:43:38</t>
  </si>
  <si>
    <t>01/13/2020 06:44:37</t>
  </si>
  <si>
    <t>01/13/2020 06:46:50</t>
  </si>
  <si>
    <t>01/13/2020 06:49:26</t>
  </si>
  <si>
    <t>01/13/2020 06:46:38</t>
  </si>
  <si>
    <t>01/13/2020 06:47:01</t>
  </si>
  <si>
    <t>01/13/2020 06:51:26</t>
  </si>
  <si>
    <t>01/13/2020 06:49:47</t>
  </si>
  <si>
    <t>01/13/2020 06:51:13</t>
  </si>
  <si>
    <t>01/13/2020 06:54:26</t>
  </si>
  <si>
    <t>97e678d4-1952-4766-9e16-0ed8aa134f93.tmp</t>
  </si>
  <si>
    <t>\\acsfs\profiles$\vivianealda\Downloads\97e678d4-1952-4766-9e16-0ed8aa134f93.tmp</t>
  </si>
  <si>
    <t>01/13/2020 06:52:00</t>
  </si>
  <si>
    <t>9466e710-9a76-489d-a0e8-78d643ab091b.tmp</t>
  </si>
  <si>
    <t>\\acsfs\profiles$\vivianealda\Downloads\9466e710-9a76-489d-a0e8-78d643ab091b.tmp</t>
  </si>
  <si>
    <t>01/13/2020 06:51:24</t>
  </si>
  <si>
    <t>01/13/2020 06:55:26</t>
  </si>
  <si>
    <t>01/13/2020 06:51:29</t>
  </si>
  <si>
    <t>01/13/2020 06:56:26</t>
  </si>
  <si>
    <t>01/13/2020 06:51:30</t>
  </si>
  <si>
    <t>01/13/2020 06:51:31</t>
  </si>
  <si>
    <t>01/13/2020 06:51:32</t>
  </si>
  <si>
    <t>01/13/2020 06:51:33</t>
  </si>
  <si>
    <t>01/13/2020 06:51:34</t>
  </si>
  <si>
    <t>01/13/2020 06:51:35</t>
  </si>
  <si>
    <t>01/13/2020 06:51:36</t>
  </si>
  <si>
    <t>01/13/2020 06:51:37</t>
  </si>
  <si>
    <t>01/13/2020 06:51:38</t>
  </si>
  <si>
    <t>01/13/2020 06:51:39</t>
  </si>
  <si>
    <t>01/13/2020 06:51:40</t>
  </si>
  <si>
    <t>01/13/2020 06:51:41</t>
  </si>
  <si>
    <t>01/13/2020 06:51:42</t>
  </si>
  <si>
    <t>01/13/2020 06:51:43</t>
  </si>
  <si>
    <t>01/13/2020 06:51:44</t>
  </si>
  <si>
    <t>01/13/2020 06:51:45</t>
  </si>
  <si>
    <t>01/13/2020 06:51:46</t>
  </si>
  <si>
    <t>01/13/2020 06:51:47</t>
  </si>
  <si>
    <t>01/13/2020 06:51:48</t>
  </si>
  <si>
    <t>01/13/2020 06:51:49</t>
  </si>
  <si>
    <t>01/13/2020 06:51:50</t>
  </si>
  <si>
    <t>01/13/2020 06:51:51</t>
  </si>
  <si>
    <t>01/13/2020 06:57:06</t>
  </si>
  <si>
    <t>01/13/2020 06:59:26</t>
  </si>
  <si>
    <t>1b8843ef-4611-4124-88a0-b178d2d47cb6.tmp</t>
  </si>
  <si>
    <t>\\acsfs\profiles$\vivianealda\Downloads\1b8843ef-4611-4124-88a0-b178d2d47cb6.tmp</t>
  </si>
  <si>
    <t>01/13/2020 06:57:20</t>
  </si>
  <si>
    <t>71a3c18c-e956-4bec-aaee-f17b0d3a69d6.tmp</t>
  </si>
  <si>
    <t>\\acsfs\profiles$\vivianealda\Downloads\71a3c18c-e956-4bec-aaee-f17b0d3a69d6.tmp</t>
  </si>
  <si>
    <t>10.200.66.115</t>
  </si>
  <si>
    <t>e3238da3-69f0-4c3b-b3d2-3c47de965f6b.tmp</t>
  </si>
  <si>
    <t>\\acsfs\profiles$\anafsb\Downloads\e3238da3-69f0-4c3b-b3d2-3c47de965f6b.tmp</t>
  </si>
  <si>
    <t>01/13/2020 06:55:27</t>
  </si>
  <si>
    <t>2397bf78-868d-4790-bd64-fa1b791960ff.tmp</t>
  </si>
  <si>
    <t>\\acsfs\profiles$\anafsb\Downloads\2397bf78-868d-4790-bd64-fa1b791960ff.tmp</t>
  </si>
  <si>
    <t>01/13/2020 06:55:30</t>
  </si>
  <si>
    <t>dfbfaddb-a1d7-48d0-a023-80136e115cfe.tmp</t>
  </si>
  <si>
    <t>\\acsfs\profiles$\anafsb\Downloads\dfbfaddb-a1d7-48d0-a023-80136e115cfe.tmp</t>
  </si>
  <si>
    <t>01/13/2020 06:56:11</t>
  </si>
  <si>
    <t>e0983637-9695-467a-b0e5-1a665dced079.tmp</t>
  </si>
  <si>
    <t>\\acsfs\profiles$\anafsb\Downloads\e0983637-9695-467a-b0e5-1a665dced079.tmp</t>
  </si>
  <si>
    <t>01/13/2020 06:56:27</t>
  </si>
  <si>
    <t>7c8fed1a-a9d0-4000-9813-c40e7433339f.tmp</t>
  </si>
  <si>
    <t>\\acsfs\profiles$\anafsb\Downloads\7c8fed1a-a9d0-4000-9813-c40e7433339f.tmp</t>
  </si>
  <si>
    <t>01/13/2020 06:55:13</t>
  </si>
  <si>
    <t>01/13/2020 07:00:26</t>
  </si>
  <si>
    <t>01/13/2020 06:55:57</t>
  </si>
  <si>
    <t>f12e0708-6a9e-44f7-bfbe-86a6f079cea8.tmp</t>
  </si>
  <si>
    <t>\\acsfs\profiles$\cintiadcf\Downloads\f12e0708-6a9e-44f7-bfbe-86a6f079cea8.tmp</t>
  </si>
  <si>
    <t>01/13/2020 06:56:03</t>
  </si>
  <si>
    <t>2656b3c1-1f1a-4437-94ab-05e29e76286b.tmp</t>
  </si>
  <si>
    <t>\\acsfs\profiles$\cintiadcf\Downloads\2656b3c1-1f1a-4437-94ab-05e29e76286b.tmp</t>
  </si>
  <si>
    <t>01/13/2020 06:57:12</t>
  </si>
  <si>
    <t>4d9c4a3e-4403-4b12-8d5b-6fb7772a4f9c.tmp</t>
  </si>
  <si>
    <t>\\acsfs\profiles$\cintiadcf\Downloads\4d9c4a3e-4403-4b12-8d5b-6fb7772a4f9c.tmp</t>
  </si>
  <si>
    <t>01/13/2020 06:59:42</t>
  </si>
  <si>
    <t>01/13/2020 07:02:26</t>
  </si>
  <si>
    <t>01/13/2020 07:00:48</t>
  </si>
  <si>
    <t>01/13/2020 07:03:27</t>
  </si>
  <si>
    <t>01/13/2020 07:01:03</t>
  </si>
  <si>
    <t>01/13/2020 07:04:26</t>
  </si>
  <si>
    <t>b1a09615-5ce0-4367-a75e-806ac4e8c2bc.tmp</t>
  </si>
  <si>
    <t>\\acsfs\profiles$\vivianealda\Downloads\b1a09615-5ce0-4367-a75e-806ac4e8c2bc.tmp</t>
  </si>
  <si>
    <t>01/13/2020 07:01:18</t>
  </si>
  <si>
    <t>a3460252-9113-4db3-8cce-b91d0bc5ab82.tmp</t>
  </si>
  <si>
    <t>\\acsfs\profiles$\vivianealda\Downloads\a3460252-9113-4db3-8cce-b91d0bc5ab82.tmp</t>
  </si>
  <si>
    <t>\\acsfs\profiles$\gustavoab\Downloads\</t>
  </si>
  <si>
    <t>8654484e-50db-4e26-a41d-d3477c1ff294.tmp</t>
  </si>
  <si>
    <t>\\acsfs\profiles$\gustavoab\Downloads\8654484e-50db-4e26-a41d-d3477c1ff294.tmp</t>
  </si>
  <si>
    <t>01/13/2020 07:01:56</t>
  </si>
  <si>
    <t>bf9c0ac7-cc5c-45e7-98f4-7512ee5cb418.tmp</t>
  </si>
  <si>
    <t>\\acsfs\profiles$\gustavoab\Downloads\bf9c0ac7-cc5c-45e7-98f4-7512ee5cb418.tmp</t>
  </si>
  <si>
    <t>01/13/2020 07:02:27</t>
  </si>
  <si>
    <t>c4f5e5b7-c13b-48a4-9cfa-860d65b6a742.tmp</t>
  </si>
  <si>
    <t>\\acsfs\profiles$\gustavoab\Downloads\c4f5e5b7-c13b-48a4-9cfa-860d65b6a742.tmp</t>
  </si>
  <si>
    <t>01/13/2020 07:02:29</t>
  </si>
  <si>
    <t>01/13/2020 07:05:27</t>
  </si>
  <si>
    <t>Gleyce Kelly Oliveira Silva (27).contact</t>
  </si>
  <si>
    <t>\\acsfs\profiles$\gleycekos\Contacts\Gleyce Kelly Oliveira Silva (27).contact</t>
  </si>
  <si>
    <t>01/13/2020 07:02:36</t>
  </si>
  <si>
    <t>01/13/2020 07:02:37</t>
  </si>
  <si>
    <t>01/13/2020 07:02:38</t>
  </si>
  <si>
    <t>01/13/2020 07:02:39</t>
  </si>
  <si>
    <t>01/13/2020 07:02:40</t>
  </si>
  <si>
    <t>01/13/2020 07:02:41</t>
  </si>
  <si>
    <t>01/13/2020 07:02:42</t>
  </si>
  <si>
    <t>01/13/2020 07:02:53</t>
  </si>
  <si>
    <t>01/13/2020 07:02:54</t>
  </si>
  <si>
    <t>01/13/2020 07:05:33</t>
  </si>
  <si>
    <t>01/13/2020 07:07:26</t>
  </si>
  <si>
    <t>01/13/2020 07:08:19</t>
  </si>
  <si>
    <t>01/13/2020 07:09:26</t>
  </si>
  <si>
    <t>ad543ae8-6547-49f7-b8c9-6af03b09903d.tmp</t>
  </si>
  <si>
    <t>\\acsfs\profiles$\anafsb\Downloads\ad543ae8-6547-49f7-b8c9-6af03b09903d.tmp</t>
  </si>
  <si>
    <t>01/13/2020 07:06:29</t>
  </si>
  <si>
    <t>a59ea196-bccc-4559-9645-2bcafcd5c9db.tmp</t>
  </si>
  <si>
    <t>\\acsfs\profiles$\eduardobb\Downloads\a59ea196-bccc-4559-9645-2bcafcd5c9db.tmp</t>
  </si>
  <si>
    <t>01/13/2020 07:07:48</t>
  </si>
  <si>
    <t>1de8d438-be17-4a3d-9cd2-dd400e8b455e.tmp</t>
  </si>
  <si>
    <t>\\acsfs\profiles$\eduardobb\Downloads\1de8d438-be17-4a3d-9cd2-dd400e8b455e.tmp</t>
  </si>
  <si>
    <t>01/13/2020 07:08:25</t>
  </si>
  <si>
    <t>82720fdb-6f07-4d74-a9b4-5ab7c7d0ccee.tmp</t>
  </si>
  <si>
    <t>\\acsfs\profiles$\eduardobb\Downloads\82720fdb-6f07-4d74-a9b4-5ab7c7d0ccee.tmp</t>
  </si>
  <si>
    <t>01/13/2020 07:08:59</t>
  </si>
  <si>
    <t>6dcd45b9-c7ea-486d-9257-0e24ffc01a82.tmp</t>
  </si>
  <si>
    <t>\\acsfs\profiles$\eduardobb\Downloads\6dcd45b9-c7ea-486d-9257-0e24ffc01a82.tmp</t>
  </si>
  <si>
    <t>01/13/2020 07:05:42</t>
  </si>
  <si>
    <t>01/13/2020 07:10:27</t>
  </si>
  <si>
    <t>01/13/2020 07:06:09</t>
  </si>
  <si>
    <t>01/13/2020 07:06:10</t>
  </si>
  <si>
    <t>01/13/2020 07:06:11</t>
  </si>
  <si>
    <t>01/13/2020 07:06:12</t>
  </si>
  <si>
    <t>01/13/2020 07:06:13</t>
  </si>
  <si>
    <t>01/13/2020 07:06:14</t>
  </si>
  <si>
    <t>01/13/2020 07:06:15</t>
  </si>
  <si>
    <t>01/13/2020 07:06:16</t>
  </si>
  <si>
    <t>01/13/2020 07:06:17</t>
  </si>
  <si>
    <t>01/13/2020 07:06:18</t>
  </si>
  <si>
    <t>01/13/2020 07:06:19</t>
  </si>
  <si>
    <t>01/13/2020 07:06:20</t>
  </si>
  <si>
    <t>01/13/2020 07:06:21</t>
  </si>
  <si>
    <t>01/13/2020 07:06:22</t>
  </si>
  <si>
    <t>01/13/2020 07:06:23</t>
  </si>
  <si>
    <t>01/13/2020 07:06:24</t>
  </si>
  <si>
    <t>01/13/2020 07:06:25</t>
  </si>
  <si>
    <t>01/13/2020 07:06:26</t>
  </si>
  <si>
    <t>01/13/2020 07:06:27</t>
  </si>
  <si>
    <t>01/13/2020 07:06:28</t>
  </si>
  <si>
    <t>01/13/2020 07:06:30</t>
  </si>
  <si>
    <t>01/13/2020 07:06:31</t>
  </si>
  <si>
    <t>01/13/2020 07:09:43</t>
  </si>
  <si>
    <t>01/13/2020 07:13:26</t>
  </si>
  <si>
    <t>01/13/2020 07:10:42</t>
  </si>
  <si>
    <t>01/13/2020 07:14:26</t>
  </si>
  <si>
    <t>69207f2b-4381-4b9f-b137-50da0369e749.tmp</t>
  </si>
  <si>
    <t>\\acsfs\profiles$\anafsb\Downloads\69207f2b-4381-4b9f-b137-50da0369e749.tmp</t>
  </si>
  <si>
    <t>01/13/2020 07:11:03</t>
  </si>
  <si>
    <t>fbef4911-aa9a-4d17-9ab4-8938b15f1c31.tmp</t>
  </si>
  <si>
    <t>\\acsfs\profiles$\anafsb\Downloads\fbef4911-aa9a-4d17-9ab4-8938b15f1c31.tmp</t>
  </si>
  <si>
    <t>01/13/2020 07:13:54</t>
  </si>
  <si>
    <t>01/13/2020 07:09:56</t>
  </si>
  <si>
    <t>48f22150-5a3a-47e6-a2fd-b66cfb59a669.tmp</t>
  </si>
  <si>
    <t>\\acsfs\profiles$\eduardobb\Downloads\48f22150-5a3a-47e6-a2fd-b66cfb59a669.tmp</t>
  </si>
  <si>
    <t>01/13/2020 07:11:54</t>
  </si>
  <si>
    <t>01/13/2020 07:15:26</t>
  </si>
  <si>
    <t>01/13/2020 07:12:11</t>
  </si>
  <si>
    <t>01/13/2020 07:12:28</t>
  </si>
  <si>
    <t>01/13/2020 07:12:42</t>
  </si>
  <si>
    <t>01/13/2020 07:12:47</t>
  </si>
  <si>
    <t>01/13/2020 07:12:51</t>
  </si>
  <si>
    <t>01/13/2020 07:12:55</t>
  </si>
  <si>
    <t>01/13/2020 07:13:00</t>
  </si>
  <si>
    <t>01/13/2020 07:13:19</t>
  </si>
  <si>
    <t>01/13/2020 07:13:25</t>
  </si>
  <si>
    <t>01/13/2020 07:13:41</t>
  </si>
  <si>
    <t>01/13/2020 07:14:01</t>
  </si>
  <si>
    <t>01/13/2020 07:14:08</t>
  </si>
  <si>
    <t>01/13/2020 07:14:12</t>
  </si>
  <si>
    <t>01/13/2020 07:11:40</t>
  </si>
  <si>
    <t>01/13/2020 07:11:33</t>
  </si>
  <si>
    <t>01/13/2020 07:12:35</t>
  </si>
  <si>
    <t>01/13/2020 07:12:36</t>
  </si>
  <si>
    <t>lu263961x8m70.tmp</t>
  </si>
  <si>
    <t>\\acsfs\profiles$\BRUNAAR\Numero\lu263961x8m70.tmp</t>
  </si>
  <si>
    <t>01/13/2020 07:10:16</t>
  </si>
  <si>
    <t>01/13/2020 07:11:43</t>
  </si>
  <si>
    <t>01/13/2020 07:11:44</t>
  </si>
  <si>
    <t>01/13/2020 07:11:45</t>
  </si>
  <si>
    <t>01/13/2020 07:11:46</t>
  </si>
  <si>
    <t>01/13/2020 07:11:47</t>
  </si>
  <si>
    <t>01/13/2020 07:11:48</t>
  </si>
  <si>
    <t>01/13/2020 07:11:49</t>
  </si>
  <si>
    <t>01/13/2020 07:11:50</t>
  </si>
  <si>
    <t>01/13/2020 07:11:51</t>
  </si>
  <si>
    <t>01/13/2020 07:11:52</t>
  </si>
  <si>
    <t>01/13/2020 07:11:53</t>
  </si>
  <si>
    <t>01/13/2020 07:11:55</t>
  </si>
  <si>
    <t>01/13/2020 07:11:56</t>
  </si>
  <si>
    <t>01/13/2020 07:11:57</t>
  </si>
  <si>
    <t>01/13/2020 07:11:58</t>
  </si>
  <si>
    <t>01/13/2020 07:11:59</t>
  </si>
  <si>
    <t>01/13/2020 07:12:00</t>
  </si>
  <si>
    <t>01/13/2020 07:12:01</t>
  </si>
  <si>
    <t>01/13/2020 07:12:02</t>
  </si>
  <si>
    <t>01/13/2020 07:12:03</t>
  </si>
  <si>
    <t>01/13/2020 07:12:04</t>
  </si>
  <si>
    <t>01/13/2020 07:12:05</t>
  </si>
  <si>
    <t>01/13/2020 07:12:06</t>
  </si>
  <si>
    <t>01/13/2020 07:16:20</t>
  </si>
  <si>
    <t>01/13/2020 07:17:27</t>
  </si>
  <si>
    <t>01/13/2020 07:16:21</t>
  </si>
  <si>
    <t>01/13/2020 07:16:35</t>
  </si>
  <si>
    <t>01/13/2020 07:19:27</t>
  </si>
  <si>
    <t>01/13/2020 07:14:51</t>
  </si>
  <si>
    <t>01/13/2020 07:20:26</t>
  </si>
  <si>
    <t>01/13/2020 07:14:55</t>
  </si>
  <si>
    <t>01/13/2020 07:19:59</t>
  </si>
  <si>
    <t>f14d8a14-695b-4aec-8a3a-054dc6c21669.tmp</t>
  </si>
  <si>
    <t>\\acsfs\profiles$\websondsa\Downloads\f14d8a14-695b-4aec-8a3a-054dc6c21669.tmp</t>
  </si>
  <si>
    <t>01/13/2020 07:20:04</t>
  </si>
  <si>
    <t>c690a600-cf66-4143-8e27-27a3b7613999.tmp</t>
  </si>
  <si>
    <t>\\acsfs\profiles$\websondsa\Downloads\c690a600-cf66-4143-8e27-27a3b7613999.tmp</t>
  </si>
  <si>
    <t>01/13/2020 07:15:50</t>
  </si>
  <si>
    <t>ec6f580a-63c4-45f3-939f-faced08774cf.tmp</t>
  </si>
  <si>
    <t>\\acsfs\profiles$\mariajra\Downloads\ec6f580a-63c4-45f3-939f-faced08774cf.tmp</t>
  </si>
  <si>
    <t>01/13/2020 07:18:13</t>
  </si>
  <si>
    <t>1e7eac25-638f-4a5b-9dd6-ef5c9a025b8e.tmp</t>
  </si>
  <si>
    <t>\\acsfs\profiles$\mariajra\Downloads\1e7eac25-638f-4a5b-9dd6-ef5c9a025b8e.tmp</t>
  </si>
  <si>
    <t>01/13/2020 07:19:20</t>
  </si>
  <si>
    <t>01/13/2020 07:22:26</t>
  </si>
  <si>
    <t>01/13/2020 07:19:05</t>
  </si>
  <si>
    <t>01/13/2020 07:23:27</t>
  </si>
  <si>
    <t>01/13/2020 07:20:00</t>
  </si>
  <si>
    <t>01/13/2020 07:20:55</t>
  </si>
  <si>
    <t>01/13/2020 07:19:11</t>
  </si>
  <si>
    <t>b21f5d97-29e2-44a3-9c74-7cc2c188515f.tmp</t>
  </si>
  <si>
    <t>\\acsfs\profiles$\inarajst\Downloads\b21f5d97-29e2-44a3-9c74-7cc2c188515f.tmp</t>
  </si>
  <si>
    <t>01/13/2020 07:19:15</t>
  </si>
  <si>
    <t>939eea68-d95e-443a-87d8-50e72c8b0f98.tmp</t>
  </si>
  <si>
    <t>\\acsfs\profiles$\inarajst\Downloads\939eea68-d95e-443a-87d8-50e72c8b0f98.tmp</t>
  </si>
  <si>
    <t>01/13/2020 07:19:34</t>
  </si>
  <si>
    <t>cd77adf5-a041-483c-a7fc-ac03bec95c30.tmp</t>
  </si>
  <si>
    <t>\\acsfs\profiles$\inarajst\Downloads\cd77adf5-a041-483c-a7fc-ac03bec95c30.tmp</t>
  </si>
  <si>
    <t>01/13/2020 07:20:13</t>
  </si>
  <si>
    <t>f7b29c89-fa85-429b-a2b1-189fcff01aa3.tmp</t>
  </si>
  <si>
    <t>\\acsfs\profiles$\inarajst\Downloads\f7b29c89-fa85-429b-a2b1-189fcff01aa3.tmp</t>
  </si>
  <si>
    <t>01/13/2020 07:22:36</t>
  </si>
  <si>
    <t>032d6cd4-fdb0-4118-9689-adde3e4ee537.tmp</t>
  </si>
  <si>
    <t>\\acsfs\profiles$\inarajst\Downloads\032d6cd4-fdb0-4118-9689-adde3e4ee537.tmp</t>
  </si>
  <si>
    <t>01/13/2020 07:19:17</t>
  </si>
  <si>
    <t>01/13/2020 07:24:26</t>
  </si>
  <si>
    <t>01/13/2020 07:22:03</t>
  </si>
  <si>
    <t>01/13/2020 07:25:26</t>
  </si>
  <si>
    <t>01/13/2020 07:22:28</t>
  </si>
  <si>
    <t>2ffecf33-84a4-4b8c-b430-546d71d5e8dd.tmp</t>
  </si>
  <si>
    <t>\\acsfs\profiles$\claudiajca\Downloads\2ffecf33-84a4-4b8c-b430-546d71d5e8dd.tmp</t>
  </si>
  <si>
    <t>01/13/2020 07:23:31</t>
  </si>
  <si>
    <t>7806b2c1-9022-4687-b09f-03fe0312147c.tmp</t>
  </si>
  <si>
    <t>\\acsfs\profiles$\claudiajca\Downloads\7806b2c1-9022-4687-b09f-03fe0312147c.tmp</t>
  </si>
  <si>
    <t>01/13/2020 07:20:32</t>
  </si>
  <si>
    <t>1785f352-f9ee-41bf-8adc-c7be4b512b2b.tmp</t>
  </si>
  <si>
    <t>\\acsfs\profiles$\websondsa\Downloads\1785f352-f9ee-41bf-8adc-c7be4b512b2b.tmp</t>
  </si>
  <si>
    <t>01/13/2020 07:20:57</t>
  </si>
  <si>
    <t>3d0920b1-d62f-4d4f-a103-13a2d04378c8.tmp</t>
  </si>
  <si>
    <t>\\acsfs\profiles$\websondsa\Downloads\3d0920b1-d62f-4d4f-a103-13a2d04378c8.tmp</t>
  </si>
  <si>
    <t>01/13/2020 07:23:06</t>
  </si>
  <si>
    <t>1e9e5976-8faf-4c8a-9629-899af9f2d647.tmp</t>
  </si>
  <si>
    <t>\\acsfs\profiles$\websondsa\Downloads\1e9e5976-8faf-4c8a-9629-899af9f2d647.tmp</t>
  </si>
  <si>
    <t>01/13/2020 07:23:07</t>
  </si>
  <si>
    <t>9c6e15ee-0dce-4be1-aa19-421bcd0f9954.tmp</t>
  </si>
  <si>
    <t>\\acsfs\profiles$\websondsa\Downloads\9c6e15ee-0dce-4be1-aa19-421bcd0f9954.tmp</t>
  </si>
  <si>
    <t>01/13/2020 07:21:31</t>
  </si>
  <si>
    <t>9fe714bb-09dd-4bcc-baea-db0d56dedf80.tmp</t>
  </si>
  <si>
    <t>\\acsfs\profiles$\mariajra\Downloads\9fe714bb-09dd-4bcc-baea-db0d56dedf80.tmp</t>
  </si>
  <si>
    <t>01/13/2020 07:23:09</t>
  </si>
  <si>
    <t>f1fb02d2-5c17-47ba-b7f3-87ec9cd10d10.tmp</t>
  </si>
  <si>
    <t>\\acsfs\profiles$\mariajra\Downloads\f1fb02d2-5c17-47ba-b7f3-87ec9cd10d10.tmp</t>
  </si>
  <si>
    <t>01/13/2020 07:25:17</t>
  </si>
  <si>
    <t>01/13/2020 07:26:26</t>
  </si>
  <si>
    <t>01/13/2020 07:23:32</t>
  </si>
  <si>
    <t>227bfda6-fd1b-44b3-a949-a074d451daf3.tmp</t>
  </si>
  <si>
    <t>\\acsfs\profiles$\sarahbal\Downloads\227bfda6-fd1b-44b3-a949-a074d451daf3.tmp</t>
  </si>
  <si>
    <t>01/13/2020 07:24:21</t>
  </si>
  <si>
    <t>67752631-7ca2-440e-aee1-f4ada9a2ea0b.tmp</t>
  </si>
  <si>
    <t>\\acsfs\profiles$\sarahbal\Downloads\67752631-7ca2-440e-aee1-f4ada9a2ea0b.tmp</t>
  </si>
  <si>
    <t>01/13/2020 07:25:07</t>
  </si>
  <si>
    <t>1bb5ddba-5ccf-4e96-b2c8-94129dea33ca.tmp</t>
  </si>
  <si>
    <t>\\acsfs\profiles$\sarahbal\Downloads\1bb5ddba-5ccf-4e96-b2c8-94129dea33ca.tmp</t>
  </si>
  <si>
    <t>01/13/2020 07:24:57</t>
  </si>
  <si>
    <t>01/13/2020 07:27:25</t>
  </si>
  <si>
    <t>01/13/2020 07:23:25</t>
  </si>
  <si>
    <t>01/13/2020 07:28:26</t>
  </si>
  <si>
    <t>635eb60e-f027-4274-945e-9a9127be4e07.tmp</t>
  </si>
  <si>
    <t>\\acsfs\profiles$\inarajst\Downloads\635eb60e-f027-4274-945e-9a9127be4e07.tmp</t>
  </si>
  <si>
    <t>01/13/2020 07:23:49</t>
  </si>
  <si>
    <t>49018c2b-e2d3-4644-820c-9a6f1d0c16f3.tmp</t>
  </si>
  <si>
    <t>\\acsfs\profiles$\inarajst\Downloads\49018c2b-e2d3-4644-820c-9a6f1d0c16f3.tmp</t>
  </si>
  <si>
    <t>01/13/2020 07:27:16</t>
  </si>
  <si>
    <t>01/13/2020 07:29:26</t>
  </si>
  <si>
    <t>01/13/2020 07:27:46</t>
  </si>
  <si>
    <t>01/13/2020 07:28:18</t>
  </si>
  <si>
    <t>mail.google.com/_/upload?authuser=0&amp;dcp=asu-n&amp;upload_id=AEnB2UrFv-dWJMEt0Sc8PN28PMQmqqVPwrJpyXmkVApNpikCjVPS5AJ1bNvfNxI7hFtMuD4wl1TMojTloZ-ss5RxgMS6mh2OXcIv9vr28C4T7xZW61aRfSc&amp;upload_protocol=resumable</t>
  </si>
  <si>
    <t>01/13/2020 07:28:42</t>
  </si>
  <si>
    <t>01/13/2020 07:28:52</t>
  </si>
  <si>
    <t>01/13/2020 07:29:01</t>
  </si>
  <si>
    <t>01/13/2020 07:29:07</t>
  </si>
  <si>
    <t>01/13/2020 07:25:58</t>
  </si>
  <si>
    <t>01/13/2020 07:30:26</t>
  </si>
  <si>
    <t>01/13/2020 07:25:57</t>
  </si>
  <si>
    <t>01/13/2020 07:26:22</t>
  </si>
  <si>
    <t>01/13/2020 07:31:26</t>
  </si>
  <si>
    <t>2b6e6624-58b3-4fad-ae0c-42e54cbe60d2.tmp</t>
  </si>
  <si>
    <t>\\acsfs\profiles$\sarahbal\Downloads\2b6e6624-58b3-4fad-ae0c-42e54cbe60d2.tmp</t>
  </si>
  <si>
    <t>01/13/2020 07:30:05</t>
  </si>
  <si>
    <t>01/13/2020 07:34:26</t>
  </si>
  <si>
    <t>01/13/2020 07:29:19</t>
  </si>
  <si>
    <t>01/13/2020 07:29:49</t>
  </si>
  <si>
    <t>01/13/2020 07:35:26</t>
  </si>
  <si>
    <t>01/13/2020 07:29:50</t>
  </si>
  <si>
    <t>1f1e66bf-a1ef-4333-9f7c-85b91073707b.tmp</t>
  </si>
  <si>
    <t>\\acsfs\profiles$\ERICALSR\Downloads\1f1e66bf-a1ef-4333-9f7c-85b91073707b.tmp</t>
  </si>
  <si>
    <t>01/13/2020 07:29:56</t>
  </si>
  <si>
    <t>2834764b-3abb-4497-bf7c-e2098e34e3e3.tmp</t>
  </si>
  <si>
    <t>\\acsfs\profiles$\ERICALSR\Downloads\2834764b-3abb-4497-bf7c-e2098e34e3e3.tmp</t>
  </si>
  <si>
    <t>01/13/2020 07:31:10</t>
  </si>
  <si>
    <t>23654553-f350-4867-a4f5-d7bfd7e0f51e.tmp</t>
  </si>
  <si>
    <t>\\acsfs\profiles$\ERICALSR\Downloads\23654553-f350-4867-a4f5-d7bfd7e0f51e.tmp</t>
  </si>
  <si>
    <t>01/13/2020 07:33:12</t>
  </si>
  <si>
    <t>01/13/2020 07:36:50</t>
  </si>
  <si>
    <t>01/13/2020 07:39:26</t>
  </si>
  <si>
    <t>eef5946d-5e9c-46c9-8e31-0e93f80efc02.tmp</t>
  </si>
  <si>
    <t>\\acsfs\profiles$\anafsb\Downloads\eef5946d-5e9c-46c9-8e31-0e93f80efc02.tmp</t>
  </si>
  <si>
    <t>46993;</t>
  </si>
  <si>
    <t>FORMULARIO DE CADASTRO DE FORNECEDOR (1) MAJP.xlsx</t>
  </si>
  <si>
    <t>https://46993</t>
  </si>
  <si>
    <t>01/13/2020 07:34:53</t>
  </si>
  <si>
    <t>01/13/2020 07:40:25</t>
  </si>
  <si>
    <t>lu130441buyb.tmp</t>
  </si>
  <si>
    <t>\\acsfs\profiles$\CINTIADCF\lu130441buyb.tmp</t>
  </si>
  <si>
    <t>\\acsfs\profiles$\CINTIADCF\lu130441buyb.tmp\</t>
  </si>
  <si>
    <t>\\acsfs\profiles$\CINTIADCF\lu130441buyb.tmp\META-INF\</t>
  </si>
  <si>
    <t>\\acsfs\profiles$\CINTIADCF\lu130441buyb.tmp\Thumbnails\</t>
  </si>
  <si>
    <t>01/13/2020 07:35:27</t>
  </si>
  <si>
    <t>lu263961x8m73.tmp</t>
  </si>
  <si>
    <t>\\acsfs\profiles$\BRUNAAR\Numero\lu263961x8m73.tmp</t>
  </si>
  <si>
    <t>01/13/2020 07:37:59</t>
  </si>
  <si>
    <t>01/13/2020 07:42:25</t>
  </si>
  <si>
    <t>01/13/2020 07:38:00</t>
  </si>
  <si>
    <t>01/13/2020 07:38:01</t>
  </si>
  <si>
    <t>01/13/2020 07:38:02</t>
  </si>
  <si>
    <t>01/13/2020 07:38:03</t>
  </si>
  <si>
    <t>01/13/2020 07:38:04</t>
  </si>
  <si>
    <t>01/13/2020 07:38:05</t>
  </si>
  <si>
    <t>01/13/2020 07:38:06</t>
  </si>
  <si>
    <t>01/13/2020 07:38:07</t>
  </si>
  <si>
    <t>01/13/2020 07:38:08</t>
  </si>
  <si>
    <t>01/13/2020 07:38:09</t>
  </si>
  <si>
    <t>01/13/2020 07:38:10</t>
  </si>
  <si>
    <t>01/13/2020 07:38:11</t>
  </si>
  <si>
    <t>01/13/2020 07:38:12</t>
  </si>
  <si>
    <t>01/13/2020 07:38:13</t>
  </si>
  <si>
    <t>01/13/2020 07:38:14</t>
  </si>
  <si>
    <t>01/13/2020 07:38:15</t>
  </si>
  <si>
    <t>01/13/2020 07:38:16</t>
  </si>
  <si>
    <t>01/13/2020 07:38:17</t>
  </si>
  <si>
    <t>01/13/2020 07:38:18</t>
  </si>
  <si>
    <t>01/13/2020 07:38:19</t>
  </si>
  <si>
    <t>01/13/2020 07:38:20</t>
  </si>
  <si>
    <t>E:\INVESTIMENTO\SETEMBRO\</t>
  </si>
  <si>
    <t>InfoCEI.xls</t>
  </si>
  <si>
    <t>E:\INVESTIMENTO\SETEMBRO\InfoCEI.xls</t>
  </si>
  <si>
    <t>01/13/2020 07:43:25</t>
  </si>
  <si>
    <t>E:\INVESTIMENTO\OUTUBRO\</t>
  </si>
  <si>
    <t>InfoCEI (1).xls</t>
  </si>
  <si>
    <t>E:\INVESTIMENTO\OUTUBRO\InfoCEI (1).xls</t>
  </si>
  <si>
    <t>E:\INVESTIMENTO\NOVEMBRO\</t>
  </si>
  <si>
    <t>InfoCEI (2).xls</t>
  </si>
  <si>
    <t>E:\INVESTIMENTO\NOVEMBRO\InfoCEI (2).xls</t>
  </si>
  <si>
    <t>E:\INVESTIMENTO\DEZEMBRO\</t>
  </si>
  <si>
    <t>InfoCEI (3).xls</t>
  </si>
  <si>
    <t>E:\INVESTIMENTO\DEZEMBRO\InfoCEI (3).xls</t>
  </si>
  <si>
    <t>E:\INVESTIMENTO\GERAL-10-01\</t>
  </si>
  <si>
    <t>InfoCEI (4).xls</t>
  </si>
  <si>
    <t>E:\INVESTIMENTO\GERAL-10-01\InfoCEI (4).xls</t>
  </si>
  <si>
    <t>01/13/2020 07:40:22</t>
  </si>
  <si>
    <t>d728c541-dff9-4de3-ac5b-c2ab7c800010.tmp</t>
  </si>
  <si>
    <t>\\acsfs\profiles$\ROZENCAM\Downloads\d728c541-dff9-4de3-ac5b-c2ab7c800010.tmp</t>
  </si>
  <si>
    <t>VENDAS.xlsx</t>
  </si>
  <si>
    <t>E:\INVESTIMENTO\GERAL-10-01\VENDAS.xlsx</t>
  </si>
  <si>
    <t>01/13/2020 07:38:43</t>
  </si>
  <si>
    <t>01/13/2020 07:44:26</t>
  </si>
  <si>
    <t>01/13/2020 07:39:33</t>
  </si>
  <si>
    <t>d573cead-985c-4000-b6b7-15e8b7bc8dc0.tmp</t>
  </si>
  <si>
    <t>\\acsfs\profiles$\marcellewdl\Downloads\d573cead-985c-4000-b6b7-15e8b7bc8dc0.tmp</t>
  </si>
  <si>
    <t>01/13/2020 07:43:10</t>
  </si>
  <si>
    <t>bd77c144-41d0-4bd9-8959-0b26d56bdf2a.tmp</t>
  </si>
  <si>
    <t>\\acsfs\profiles$\marcellewdl\Downloads\bd77c144-41d0-4bd9-8959-0b26d56bdf2a.tmp</t>
  </si>
  <si>
    <t>01/13/2020 07:39:29</t>
  </si>
  <si>
    <t>31abf696-392d-45aa-b8ed-4704cb4b7d6d.tmp</t>
  </si>
  <si>
    <t>\\acsfs\profiles$\anafsb\Downloads\31abf696-392d-45aa-b8ed-4704cb4b7d6d.tmp</t>
  </si>
  <si>
    <t>01/13/2020 07:40:01</t>
  </si>
  <si>
    <t>01/13/2020 07:45:26</t>
  </si>
  <si>
    <t>ed40b677-ac79-45cd-bbb2-ca1f06f8c654.tmp</t>
  </si>
  <si>
    <t>\\acsfs\profiles$\luanarda\Downloads\ed40b677-ac79-45cd-bbb2-ca1f06f8c654.tmp</t>
  </si>
  <si>
    <t>01/13/2020 07:41:14</t>
  </si>
  <si>
    <t>3ae18b4d-7b11-4e98-bb3b-5c5908ee1835.tmp</t>
  </si>
  <si>
    <t>\\acsfs\profiles$\luanarda\Downloads\3ae18b4d-7b11-4e98-bb3b-5c5908ee1835.tmp</t>
  </si>
  <si>
    <t>01/13/2020 07:42:19</t>
  </si>
  <si>
    <t>01/13/2020 07:43:58</t>
  </si>
  <si>
    <t>01/13/2020 07:45:27</t>
  </si>
  <si>
    <t>01/13/2020 07:49:27</t>
  </si>
  <si>
    <t>01/13/2020 07:45:23</t>
  </si>
  <si>
    <t>01/13/2020 07:46:19</t>
  </si>
  <si>
    <t>01/13/2020 07:46:02</t>
  </si>
  <si>
    <t>01/13/2020 07:46:10</t>
  </si>
  <si>
    <t>01/13/2020 07:50:27</t>
  </si>
  <si>
    <t>01/13/2020 07:48:47</t>
  </si>
  <si>
    <t>lu130441buyf.tmp</t>
  </si>
  <si>
    <t>\\acsfs\profiles$\CINTIADCF\lu130441buyf.tmp</t>
  </si>
  <si>
    <t>\\acsfs\profiles$\CINTIADCF\lu130441buyf.tmp\</t>
  </si>
  <si>
    <t>\\acsfs\profiles$\CINTIADCF\lu130441buyf.tmp\META-INF\</t>
  </si>
  <si>
    <t>\\acsfs\profiles$\CINTIADCF\lu130441buyf.tmp\Thumbnails\</t>
  </si>
  <si>
    <t>01/13/2020 07:46:53</t>
  </si>
  <si>
    <t>01/13/2020 07:51:27</t>
  </si>
  <si>
    <t>01/13/2020 07:50:01</t>
  </si>
  <si>
    <t>01/13/2020 07:52:27</t>
  </si>
  <si>
    <t>01/13/2020 07:51:40</t>
  </si>
  <si>
    <t>01/13/2020 07:53:27</t>
  </si>
  <si>
    <t>01/13/2020 07:49:58</t>
  </si>
  <si>
    <t>192.168.1.116</t>
  </si>
  <si>
    <t>68-A3-C4-5A-84-D8</t>
  </si>
  <si>
    <t>E:\INVESTIMENTOS\IRFBOLSA\</t>
  </si>
  <si>
    <t>E:\INVESTIMENTOS\IRFBOLSA\InfoCEI (4).xls</t>
  </si>
  <si>
    <t>01/13/2020 07:51:23</t>
  </si>
  <si>
    <t>01/13/2020 07:54:27</t>
  </si>
  <si>
    <t>42c42077-6b32-4a11-af6f-fde2a617eea6.tmp</t>
  </si>
  <si>
    <t>\\acsfs\profiles$\nayarasds\Downloads\42c42077-6b32-4a11-af6f-fde2a617eea6.tmp</t>
  </si>
  <si>
    <t>01/13/2020 07:52:00</t>
  </si>
  <si>
    <t>517c27a4-9b77-4d20-b482-88a4b34364f7.tmp</t>
  </si>
  <si>
    <t>\\acsfs\profiles$\nayarasds\Downloads\517c27a4-9b77-4d20-b482-88a4b34364f7.tmp</t>
  </si>
  <si>
    <t>01/13/2020 07:52:24</t>
  </si>
  <si>
    <t>07ae7e1f-8cca-4a35-982e-90aa0b9efb17.tmp</t>
  </si>
  <si>
    <t>\\acsfs\profiles$\nayarasds\Downloads\07ae7e1f-8cca-4a35-982e-90aa0b9efb17.tmp</t>
  </si>
  <si>
    <t>01/13/2020 07:52:41</t>
  </si>
  <si>
    <t>6279b36c-d19a-465d-996e-5626673a5920.tmp</t>
  </si>
  <si>
    <t>\\acsfs\profiles$\nayarasds\Downloads\6279b36c-d19a-465d-996e-5626673a5920.tmp</t>
  </si>
  <si>
    <t>01/13/2020 07:53:32</t>
  </si>
  <si>
    <t>604ca04d-0950-49b6-b48d-8cbbbae3cf23.tmp</t>
  </si>
  <si>
    <t>\\acsfs\profiles$\nayarasds\Downloads\604ca04d-0950-49b6-b48d-8cbbbae3cf23.tmp</t>
  </si>
  <si>
    <t>01/13/2020 07:52:25</t>
  </si>
  <si>
    <t>01/13/2020 07:49:43</t>
  </si>
  <si>
    <t>01/13/2020 07:55:15</t>
  </si>
  <si>
    <t>01/13/2020 07:56:27</t>
  </si>
  <si>
    <t>01/13/2020 07:55:16</t>
  </si>
  <si>
    <t>lu2408lgr3m.tmp</t>
  </si>
  <si>
    <t>\\acsfs\DEPTOS\Operacao\Banco_Votorantim\Supervisao\SUPERS BV CARTÕES\ANA VITORIA\APOIO\lu2408lgr3m.tmp</t>
  </si>
  <si>
    <t>01/13/2020 07:55:28</t>
  </si>
  <si>
    <t>01/13/2020 07:57:27</t>
  </si>
  <si>
    <t>fb92271c-0ee0-4b46-b453-7a3ca6bb7e5b.tmp</t>
  </si>
  <si>
    <t>\\acsfs\profiles$\inarajst\Downloads\fb92271c-0ee0-4b46-b453-7a3ca6bb7e5b.tmp</t>
  </si>
  <si>
    <t>01/13/2020 07:56:32</t>
  </si>
  <si>
    <t>01/13/2020 07:58:27</t>
  </si>
  <si>
    <t>01/13/2020 07:56:35</t>
  </si>
  <si>
    <t>01/13/2020 07:57:20</t>
  </si>
  <si>
    <t>d4de6305-54d5-4d76-84be-300eee403fc0.tmp</t>
  </si>
  <si>
    <t>\\acsfs\profiles$\THYAGOSP\Downloads\d4de6305-54d5-4d76-84be-300eee403fc0.tmp</t>
  </si>
  <si>
    <t>01/13/2020 07:53:52</t>
  </si>
  <si>
    <t>01/13/2020 07:59:27</t>
  </si>
  <si>
    <t>InfoCEI-SETEMBRO.xls</t>
  </si>
  <si>
    <t>E:\INVESTIMENTOS\IRFBOLSA\InfoCEI-SETEMBRO.xls</t>
  </si>
  <si>
    <t>01/13/2020 07:58:17</t>
  </si>
  <si>
    <t>7de034ed-4462-46ee-81fc-dfc3381b843b.tmp</t>
  </si>
  <si>
    <t>\\acsfs\profiles$\gabrielaff\Downloads\7de034ed-4462-46ee-81fc-dfc3381b843b.tmp</t>
  </si>
  <si>
    <t>01/13/2020 07:56:24</t>
  </si>
  <si>
    <t>01/13/2020 07:53:55</t>
  </si>
  <si>
    <t>f39b16b5-776f-4cbb-8604-2ac343d8aa74.tmp</t>
  </si>
  <si>
    <t>\\acsfs\profiles$\nayarasds\Downloads\f39b16b5-776f-4cbb-8604-2ac343d8aa74.tmp</t>
  </si>
  <si>
    <t>01/13/2020 07:55:40</t>
  </si>
  <si>
    <t>b8cb29fe-3477-4d38-9913-a95e1d678b5e.tmp</t>
  </si>
  <si>
    <t>\\acsfs\profiles$\felipetds\Downloads\b8cb29fe-3477-4d38-9913-a95e1d678b5e.tmp</t>
  </si>
  <si>
    <t>01/13/2020 07:57:03</t>
  </si>
  <si>
    <t>f34e5d5a-93e6-4e15-9082-a2a5e883ff18.tmp</t>
  </si>
  <si>
    <t>\\acsfs\profiles$\felipetds\Downloads\f34e5d5a-93e6-4e15-9082-a2a5e883ff18.tmp</t>
  </si>
  <si>
    <t>01/13/2020 07:58:54</t>
  </si>
  <si>
    <t>01/13/2020 08:00:27</t>
  </si>
  <si>
    <t>cfc8548b-f2de-488d-bfe1-8625ee920745.tmp</t>
  </si>
  <si>
    <t>\\acsfs\profiles$\henriquehmdo\Downloads\cfc8548b-f2de-488d-bfe1-8625ee920745.tmp</t>
  </si>
  <si>
    <t>01/13/2020 07:58:57</t>
  </si>
  <si>
    <t>01/13/2020 07:58:48</t>
  </si>
  <si>
    <t>01/13/2020 07:54:46</t>
  </si>
  <si>
    <t>01/13/2020 07:54:51</t>
  </si>
  <si>
    <t>01/13/2020 07:54:59</t>
  </si>
  <si>
    <t>01/13/2020 07:55:04</t>
  </si>
  <si>
    <t>bvcartes-supervisores@algarnet.onmicrosoft.com;joaogvc@algartech.com;leonardoao@algartech.com;marianadjc@algartech.com;paulacn@algartech.com;ricardodfm@algartech.com.br;taysdss@algartech.com;viniciussg@algartech.com;</t>
  </si>
  <si>
    <t>bvcartes-supervisores@algarnet.onmicrosoft.com,joaogvc@algartech.com,leonardoao@algartech.com,marianadjc@algartech.com,paulacn@algartech.com,ricardodfm@algartech.com.br,taysdss@algartech.com,viniciussg@algartech.com</t>
  </si>
  <si>
    <t>01/13/2020 07:55:07</t>
  </si>
  <si>
    <t>01/13/2020 07:55:14</t>
  </si>
  <si>
    <t>01/13/2020 07:55:33</t>
  </si>
  <si>
    <t>bvcartes-supervisores@algarnet.onmicrosoft.com;joaogvc@algartech.com;leonardoao@algartech.com;marianadjc@algartech.com;paulacn@algartech.com;ricardodfm@algartech.com.br;taysdss@algartech.com;</t>
  </si>
  <si>
    <t>bvcartes-supervisores@algarnet.onmicrosoft.com,joaogvc@algartech.com,leonardoao@algartech.com,marianadjc@algartech.com,paulacn@algartech.com,ricardodfm@algartech.com.br,taysdss@algartech.com</t>
  </si>
  <si>
    <t>01/13/2020 07:55:37</t>
  </si>
  <si>
    <t>01/13/2020 07:55:47</t>
  </si>
  <si>
    <t>01/13/2020 07:55:50</t>
  </si>
  <si>
    <t>bvcartes-supervisores@algarnet.onmicrosoft.com;joaogvc@algartech.com;leonardoao@algartech.com;marianadjc@algartech.com;paulacn@algartech.com;planejamentodeoperacoesetrafego@bv.com.br;raphaelmco@algartech.com.br;ricardodfm@algartech.com.br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taysdss@algartech.com,viniciussg@algartech.com</t>
  </si>
  <si>
    <t>01/13/2020 07:55:53</t>
  </si>
  <si>
    <t>01/13/2020 07:56:03</t>
  </si>
  <si>
    <t>01/13/2020 07:56:20</t>
  </si>
  <si>
    <t>01/13/2020 07:56:26</t>
  </si>
  <si>
    <t>3e1ad507-2004-4447-b1ee-7004e8a515c4.tmp</t>
  </si>
  <si>
    <t>\\acsfs\profiles$\paulovadc\Downloads\3e1ad507-2004-4447-b1ee-7004e8a515c4.tmp</t>
  </si>
  <si>
    <t>01/13/2020 07:57:29</t>
  </si>
  <si>
    <t>3c356d62-a051-4670-9eca-87cf4b0eec51.tmp</t>
  </si>
  <si>
    <t>\\acsfs\profiles$\paulovadc\Downloads\3c356d62-a051-4670-9eca-87cf4b0eec51.tmp</t>
  </si>
  <si>
    <t>01/13/2020 07:58:26</t>
  </si>
  <si>
    <t>01/13/2020 08:01:27</t>
  </si>
  <si>
    <t>01/13/2020 07:58:31</t>
  </si>
  <si>
    <t>01/13/2020 08:02:27</t>
  </si>
  <si>
    <t>ulog_AcroARM2_Reader_22bb18ef-a0cc-4985-b2f1-d8449a05e1d0_f43c0e86-e11e-4ab7-8585-e2e4c8e7875b_0.log</t>
  </si>
  <si>
    <t>C:\Users\Jordanarb\AppData\Roaming\Adobe\LogTransport2\Logs\ulog_AcroARM2_Reader_22bb18ef-a0cc-4985-b2f1-d8449a05e1d0_f43c0e86-e11e-4ab7-8585-e2e4c8e7875b_0.log\</t>
  </si>
  <si>
    <t>01/13/2020 08:01:31</t>
  </si>
  <si>
    <t>e468c087-b1b2-4ba3-92f7-f582473c6b7f.tmp</t>
  </si>
  <si>
    <t>\\acsfs\profiles$\milenaas\Downloads\e468c087-b1b2-4ba3-92f7-f582473c6b7f.tmp</t>
  </si>
  <si>
    <t>01/13/2020 07:59:09</t>
  </si>
  <si>
    <t>197c2c92-46fa-416f-a52a-8b78e6a711b1.tmp</t>
  </si>
  <si>
    <t>\\acsfs\profiles$\inarajst\Downloads\197c2c92-46fa-416f-a52a-8b78e6a711b1.tmp</t>
  </si>
  <si>
    <t>01/13/2020 08:01:30</t>
  </si>
  <si>
    <t>01/13/2020 08:03:28</t>
  </si>
  <si>
    <t>01/13/2020 07:57:51</t>
  </si>
  <si>
    <t>01/13/2020 07:58:10</t>
  </si>
  <si>
    <t>0736ae6a-5f5a-44e7-8751-5f445dc2e629.tmp</t>
  </si>
  <si>
    <t>\\acsfs\profiles$\wenderbnm\Downloads\0736ae6a-5f5a-44e7-8751-5f445dc2e629.tmp</t>
  </si>
  <si>
    <t>01/13/2020 07:58:43</t>
  </si>
  <si>
    <t>6668ff84-9a7c-495e-aa82-60381dcd9182.tmp</t>
  </si>
  <si>
    <t>\\acsfs\profiles$\wenderbnm\Downloads\6668ff84-9a7c-495e-aa82-60381dcd9182.tmp</t>
  </si>
  <si>
    <t>01/13/2020 08:00:50</t>
  </si>
  <si>
    <t>c98ce7f6-002f-4bf8-8640-2a4510535270.tmp</t>
  </si>
  <si>
    <t>\\acsfs\profiles$\wenderbnm\Downloads\c98ce7f6-002f-4bf8-8640-2a4510535270.tmp</t>
  </si>
  <si>
    <t>01/13/2020 08:00:43</t>
  </si>
  <si>
    <t>01/13/2020 08:02:52</t>
  </si>
  <si>
    <t>c78ab148-1cdd-49d8-9e83-b2ce73400d02.tmp</t>
  </si>
  <si>
    <t>\\acsfs\profiles$\THYAGOSP\Downloads\c78ab148-1cdd-49d8-9e83-b2ce73400d02.tmp</t>
  </si>
  <si>
    <t>01/13/2020 07:59:11</t>
  </si>
  <si>
    <t>01/13/2020 08:04:26</t>
  </si>
  <si>
    <t>ae9067fb-4270-4c87-951d-f90ffc7c985d.tmp</t>
  </si>
  <si>
    <t>\\acsfs\profiles$\vivianealda\Downloads\ae9067fb-4270-4c87-951d-f90ffc7c985d.tmp</t>
  </si>
  <si>
    <t>01/13/2020 07:59:15</t>
  </si>
  <si>
    <t>9112c929-ad06-4fa6-8e07-b9f3cd2b497d.tmp</t>
  </si>
  <si>
    <t>\\acsfs\profiles$\gabrielaff\Downloads\9112c929-ad06-4fa6-8e07-b9f3cd2b497d.tmp</t>
  </si>
  <si>
    <t>01/13/2020 08:00:17</t>
  </si>
  <si>
    <t>786a47e3-1002-4175-8f68-29e4a2bba80c.tmp</t>
  </si>
  <si>
    <t>\\acsfs\profiles$\gabrielaff\Downloads\786a47e3-1002-4175-8f68-29e4a2bba80c.tmp</t>
  </si>
  <si>
    <t>01/13/2020 08:00:09</t>
  </si>
  <si>
    <t>01/13/2020 08:05:27</t>
  </si>
  <si>
    <t>381f9b61-393b-40a5-84ef-974ea9a1826a.tmp</t>
  </si>
  <si>
    <t>\\acsfs\profiles$\henriquehmdo\Downloads\381f9b61-393b-40a5-84ef-974ea9a1826a.tmp</t>
  </si>
  <si>
    <t>01/13/2020 08:02:55</t>
  </si>
  <si>
    <t>01/13/2020 08:03:43</t>
  </si>
  <si>
    <t>01/13/2020 08:04:10</t>
  </si>
  <si>
    <t>01/13/2020 08:04:21</t>
  </si>
  <si>
    <t>01/13/2020 08:04:29</t>
  </si>
  <si>
    <t>01/13/2020 08:04:31</t>
  </si>
  <si>
    <t>01/13/2020 08:00:55</t>
  </si>
  <si>
    <t>ddbc19e2-a0bf-48e4-8823-ef67202307ed.tmp</t>
  </si>
  <si>
    <t>\\acsfs\profiles$\vivianalds\Downloads\ddbc19e2-a0bf-48e4-8823-ef67202307ed.tmp</t>
  </si>
  <si>
    <t>01/13/2020 08:02:18</t>
  </si>
  <si>
    <t>2e0ac2fc-24f9-4e0b-8639-bb0cf47a2adc.tmp</t>
  </si>
  <si>
    <t>\\acsfs\profiles$\vivianalds\Downloads\2e0ac2fc-24f9-4e0b-8639-bb0cf47a2adc.tmp</t>
  </si>
  <si>
    <t>01/13/2020 08:04:50</t>
  </si>
  <si>
    <t>01/13/2020 08:06:27</t>
  </si>
  <si>
    <t>https://udpmailboxap01.acs.com.br:8443/h/search?si=0&amp;so=0&amp;sc=70615&amp;st=conversation&amp;action=compose&amp;paction=paneview</t>
  </si>
  <si>
    <t>01/13/2020 08:05:20</t>
  </si>
  <si>
    <t>01/13/2020 08:01:01</t>
  </si>
  <si>
    <t>https://algarmail/h/search?si=0&amp;so=0&amp;sc=70661&amp;sfi=2&amp;st=message&amp;action=compose&amp;paction=view</t>
  </si>
  <si>
    <t>01/13/2020 08:01:02</t>
  </si>
  <si>
    <t>01/13/2020 08:01:34</t>
  </si>
  <si>
    <t>01/13/2020 08:05:32</t>
  </si>
  <si>
    <t>01/13/2020 08:02:09</t>
  </si>
  <si>
    <t>01/13/2020 08:07:27</t>
  </si>
  <si>
    <t>0f279c1b-4d21-43f9-8a61-1922d4484120.tmp</t>
  </si>
  <si>
    <t>\\acsfs\profiles$\milenaas\Downloads\0f279c1b-4d21-43f9-8a61-1922d4484120.tmp</t>
  </si>
  <si>
    <t>01/13/2020 08:03:35</t>
  </si>
  <si>
    <t>44500e01-abb9-44d0-b137-1e1a679e44df.tmp</t>
  </si>
  <si>
    <t>\\acsfs\profiles$\milenaas\Downloads\44500e01-abb9-44d0-b137-1e1a679e44df.tmp</t>
  </si>
  <si>
    <t>01/13/2020 08:04:12</t>
  </si>
  <si>
    <t>d32112ba-d58e-42f3-86f4-23694905177e.tmp</t>
  </si>
  <si>
    <t>\\acsfs\profiles$\milenaas\Downloads\d32112ba-d58e-42f3-86f4-23694905177e.tmp</t>
  </si>
  <si>
    <t>01/13/2020 08:02:51</t>
  </si>
  <si>
    <t>01/13/2020 08:08:27</t>
  </si>
  <si>
    <t>C:\Users\rodrigofrs\Google Drive (rodrigofrs13@gmail.com)\Contas Casa\</t>
  </si>
  <si>
    <t>01/13/2020 08:06:08</t>
  </si>
  <si>
    <t>b56ef35e-0d60-4edd-b586-102a3a638b98.tmp</t>
  </si>
  <si>
    <t>\\acsfs\profiles$\rafaelahpn\Downloads\b56ef35e-0d60-4edd-b586-102a3a638b98.tmp</t>
  </si>
  <si>
    <t>01/13/2020 08:07:32</t>
  </si>
  <si>
    <t>01/13/2020 08:09:27</t>
  </si>
  <si>
    <t>e32ae367-7ca4-4121-96b0-127ec0ed3ba0.tmp</t>
  </si>
  <si>
    <t>\\acsfs\profiles$\wedersonbadr\My Documents\My Music\e32ae367-7ca4-4121-96b0-127ec0ed3ba0.tmp</t>
  </si>
  <si>
    <t>01/13/2020 08:06:40</t>
  </si>
  <si>
    <t>01/13/2020 08:10:27</t>
  </si>
  <si>
    <t>joaogvc@algartech.com;leonardoao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3/2020 08:06:43</t>
  </si>
  <si>
    <t>01/13/2020 08:06:58</t>
  </si>
  <si>
    <t>01/13/2020 08:07:03</t>
  </si>
  <si>
    <t>01/13/2020 08:07:11</t>
  </si>
  <si>
    <t>01/13/2020 08:07:19</t>
  </si>
  <si>
    <t>01/13/2020 08:07:22</t>
  </si>
  <si>
    <t>01/13/2020 08:07:33</t>
  </si>
  <si>
    <t>01/13/2020 08:07:49</t>
  </si>
  <si>
    <t>01/13/2020 08:07:53</t>
  </si>
  <si>
    <t>01/13/2020 08:08:01</t>
  </si>
  <si>
    <t>01/13/2020 08:08:07</t>
  </si>
  <si>
    <t>01/13/2020 08:08:13</t>
  </si>
  <si>
    <t>01/13/2020 08:08:55</t>
  </si>
  <si>
    <t>01/13/2020 08:09:14</t>
  </si>
  <si>
    <t>mail.google.com/_/upload?authuser=0&amp;dcp=asu-n&amp;upload_id=AEnB2Ur7i_tXVAeBAsAE4uWtg9JDe7PB3oWqbWzkgst9NhNJlqKibq72dRFFN4Vt_h5P2oLlHZhUb7ElyvJR1Lh1wAcEGoPJv3t_tLHUKRYMnejV84mjEX8&amp;upload_protocol=resumable</t>
  </si>
  <si>
    <t>01/13/2020 08:06:23</t>
  </si>
  <si>
    <t>01/13/2020 08:07:40</t>
  </si>
  <si>
    <t>0fd64f58-c66a-4084-8257-e6337750a33e.tmp</t>
  </si>
  <si>
    <t>\\acsfs\profiles$\ANAPDSB\Downloads\0fd64f58-c66a-4084-8257-e6337750a33e.tmp</t>
  </si>
  <si>
    <t>01/13/2020 08:07:52</t>
  </si>
  <si>
    <t>01/13/2020 08:08:59</t>
  </si>
  <si>
    <t>36e4538d-7bc0-4189-8ec9-db302244e1a8.tmp</t>
  </si>
  <si>
    <t>\\acsfs\profiles$\ANAPDSB\Downloads\36e4538d-7bc0-4189-8ec9-db302244e1a8.tmp</t>
  </si>
  <si>
    <t>eb003dee-7624-460e-803e-feba2e3db94e.tmp</t>
  </si>
  <si>
    <t>\\acsfs\profiles$\paulovadc\Downloads\eb003dee-7624-460e-803e-feba2e3db94e.tmp</t>
  </si>
  <si>
    <t>01/13/2020 08:05:50</t>
  </si>
  <si>
    <t>01/13/2020 08:11:28</t>
  </si>
  <si>
    <t>01/13/2020 08:06:20</t>
  </si>
  <si>
    <t>01/13/2020 08:06:50</t>
  </si>
  <si>
    <t>01/13/2020 08:07:20</t>
  </si>
  <si>
    <t>01/13/2020 08:06:12</t>
  </si>
  <si>
    <t>01/13/2020 08:10:43</t>
  </si>
  <si>
    <t>01/13/2020 08:12:27</t>
  </si>
  <si>
    <t>290465a0-2bf3-4ed4-ace0-25d93d3f0ea2.tmp</t>
  </si>
  <si>
    <t>\\acsfs\profiles$\geovannasm\Downloads\290465a0-2bf3-4ed4-ace0-25d93d3f0ea2.tmp</t>
  </si>
  <si>
    <t>01/13/2020 08:12:30</t>
  </si>
  <si>
    <t>01/13/2020 08:13:27</t>
  </si>
  <si>
    <t>10.200.60.45</t>
  </si>
  <si>
    <t>\\acsfs\Deptos\Operacao\Banco_Votorantim\Supervisao\SUPERS BV CARTÕES\LAYOUT TV´S\</t>
  </si>
  <si>
    <t>.~lock.TV ANA E VITOR.ppt#</t>
  </si>
  <si>
    <t>\\acsfs\Deptos\Operacao\Banco_Votorantim\Supervisao\SUPERS BV CARTÕES\LAYOUT TV´S\.~lock.TV ANA E VITOR.ppt#</t>
  </si>
  <si>
    <t>978edb7e-556c-492a-af2f-04ebc13c18f6.tmp</t>
  </si>
  <si>
    <t>\\acsfs\profiles$\rafaelahpn\Downloads\978edb7e-556c-492a-af2f-04ebc13c18f6.tmp</t>
  </si>
  <si>
    <t>01/13/2020 08:08:49</t>
  </si>
  <si>
    <t>c16122b4-540f-4cb0-bae4-0993692baeae.tmp</t>
  </si>
  <si>
    <t>\\acsfs\profiles$\rafaelahpn\Downloads\c16122b4-540f-4cb0-bae4-0993692baeae.tmp</t>
  </si>
  <si>
    <t>01/13/2020 08:09:18</t>
  </si>
  <si>
    <t>f8ae88da-e5fe-470c-a1df-8b8a10524175.tmp</t>
  </si>
  <si>
    <t>\\acsfs\profiles$\rafaelahpn\Downloads\f8ae88da-e5fe-470c-a1df-8b8a10524175.tmp</t>
  </si>
  <si>
    <t>01/13/2020 08:10:06</t>
  </si>
  <si>
    <t>2b2e4c61-42ec-4e05-9ca4-f8bffdff51e4.tmp</t>
  </si>
  <si>
    <t>\\acsfs\profiles$\rafaelahpn\Downloads\2b2e4c61-42ec-4e05-9ca4-f8bffdff51e4.tmp</t>
  </si>
  <si>
    <t>01/13/2020 08:12:58</t>
  </si>
  <si>
    <t>01/13/2020 08:12:59</t>
  </si>
  <si>
    <t>01/13/2020 08:13:54</t>
  </si>
  <si>
    <t>01/13/2020 08:14:27</t>
  </si>
  <si>
    <t>99f913ca-43bd-44a7-b4db-0fd98f247854.tmp</t>
  </si>
  <si>
    <t>\\acsfs\profiles$\wedersonbadr\My Documents\My Music\99f913ca-43bd-44a7-b4db-0fd98f247854.tmp</t>
  </si>
  <si>
    <t>01/13/2020 08:13:24</t>
  </si>
  <si>
    <t>01/13/2020 08:16:27</t>
  </si>
  <si>
    <t>rafaelrf</t>
  </si>
  <si>
    <t>\\acsfs\profiles$\RAFAELRF\Downloads\</t>
  </si>
  <si>
    <t>f6a6e010-8666-450d-b64e-635bff7f4b7e.tmp</t>
  </si>
  <si>
    <t>\\acsfs\profiles$\RAFAELRF\Downloads\f6a6e010-8666-450d-b64e-635bff7f4b7e.tmp</t>
  </si>
  <si>
    <t>01/13/2020 08:14:05</t>
  </si>
  <si>
    <t>6e007795-b0c7-4b44-b970-4d2511add544.tmp</t>
  </si>
  <si>
    <t>\\acsfs\profiles$\RAFAELRF\Downloads\6e007795-b0c7-4b44-b970-4d2511add544.tmp</t>
  </si>
  <si>
    <t>01/13/2020 08:14:06</t>
  </si>
  <si>
    <t>31be9cee-cf7c-4dc0-a8a1-c065ad7bbf0b.tmp</t>
  </si>
  <si>
    <t>\\acsfs\profiles$\RAFAELRF\Downloads\31be9cee-cf7c-4dc0-a8a1-c065ad7bbf0b.tmp</t>
  </si>
  <si>
    <t>01/13/2020 08:14:08</t>
  </si>
  <si>
    <t>f1e496f1-a919-45f6-85e5-9a7c244029b8.tmp</t>
  </si>
  <si>
    <t>\\acsfs\profiles$\RAFAELRF\Downloads\f1e496f1-a919-45f6-85e5-9a7c244029b8.tmp</t>
  </si>
  <si>
    <t>\\acsfs\profiles$\RAFAELRF\Downloads\f1e496f1-a919-45f6-85e5-9a7c244029b8.tmp\</t>
  </si>
  <si>
    <t>\\acsfs\profiles$\RAFAELRF\Downloads\f1e496f1-a919-45f6-85e5-9a7c244029b8.tmp\META-INF\</t>
  </si>
  <si>
    <t>\\acsfs\profiles$\RAFAELRF\Downloads\f1e496f1-a919-45f6-85e5-9a7c244029b8.tmp\Thumbnails\</t>
  </si>
  <si>
    <t>01/13/2020 08:14:45</t>
  </si>
  <si>
    <t>2239420a-5989-4387-97a6-916a2192604e.tmp</t>
  </si>
  <si>
    <t>\\acsfs\profiles$\RAFAELRF\Downloads\2239420a-5989-4387-97a6-916a2192604e.tmp</t>
  </si>
  <si>
    <t>01/13/2020 08:16:12</t>
  </si>
  <si>
    <t>01/13/2020 08:16:13</t>
  </si>
  <si>
    <t>01/13/2020 08:16:14</t>
  </si>
  <si>
    <t>01/13/2020 08:16:15</t>
  </si>
  <si>
    <t>01/13/2020 08:16:16</t>
  </si>
  <si>
    <t>01/13/2020 08:17:27</t>
  </si>
  <si>
    <t>01/13/2020 08:16:17</t>
  </si>
  <si>
    <t>01/13/2020 08:14:26</t>
  </si>
  <si>
    <t>01/13/2020 08:18:27</t>
  </si>
  <si>
    <t>PRINT MET LIFE FLAVIA CRISTINE.png</t>
  </si>
  <si>
    <t>\\acsfs\DEPTOS\Operacao\Banco_Votorantim\Qualidade\Anderson\Jose\anderson\PRINT MET LIFE FLAVIA CRISTINE.png</t>
  </si>
  <si>
    <t>01/13/2020 08:13:37</t>
  </si>
  <si>
    <t>\\acsfs\Deptos\Operacao\Banco_Votorantim\Supervisao\SUPERS BV CARTÕES\LAYOUT TV´S\Thumbs.db</t>
  </si>
  <si>
    <t>01/13/2020 08:15:39</t>
  </si>
  <si>
    <t>e08c9007-d8f4-4868-8975-a9a4442ccb13.tmp</t>
  </si>
  <si>
    <t>\\acsfs\profiles$\rafaelahpn\Downloads\e08c9007-d8f4-4868-8975-a9a4442ccb13.tmp</t>
  </si>
  <si>
    <t>01/13/2020 08:14:13</t>
  </si>
  <si>
    <t>01/13/2020 08:19:27</t>
  </si>
  <si>
    <t>804a626b-cde8-400e-830a-a70e25528191.tmp</t>
  </si>
  <si>
    <t>\\acsfs\profiles$\vivianealda\Downloads\804a626b-cde8-400e-830a-a70e25528191.tmp</t>
  </si>
  <si>
    <t>01/13/2020 08:16:08</t>
  </si>
  <si>
    <t>01/13/2020 08:20:27</t>
  </si>
  <si>
    <t>01/13/2020 08:15:00</t>
  </si>
  <si>
    <t>XLOG_gleycekos_13012020_081442.log</t>
  </si>
  <si>
    <t>\\acsfs\profiles$\gleycekos\My Documents\xworkcenter\logs\XLOG_gleycekos_13012020_081442.log</t>
  </si>
  <si>
    <t>01/13/2020 08:17:21</t>
  </si>
  <si>
    <t>d9c89480-704a-4d57-8187-7bed3619cb42.tmp</t>
  </si>
  <si>
    <t>\\acsfs\profiles$\LUCASNS\Downloads\d9c89480-704a-4d57-8187-7bed3619cb42.tmp</t>
  </si>
  <si>
    <t>01/13/2020 08:17:35</t>
  </si>
  <si>
    <t>f1dffaa4-1d69-4124-aff6-189bd8f97fa1.tmp</t>
  </si>
  <si>
    <t>\\acsfs\profiles$\LUCASNS\Downloads\f1dffaa4-1d69-4124-aff6-189bd8f97fa1.tmp</t>
  </si>
  <si>
    <t>01/13/2020 08:16:42</t>
  </si>
  <si>
    <t>https://joaogvc@algartech.com,marianadjc@algartech.com,rafaelggs@algartech.com,taysdss@algartech.com,viniciussg@algartech.com</t>
  </si>
  <si>
    <t>01/13/2020 08:20:20</t>
  </si>
  <si>
    <t>1b59b3de-259d-4047-9db6-ba8722a92a0a.tmp</t>
  </si>
  <si>
    <t>\\acsfs\profiles$\mariajra\Downloads\1b59b3de-259d-4047-9db6-ba8722a92a0a.tmp</t>
  </si>
  <si>
    <t>01/13/2020 08:17:20</t>
  </si>
  <si>
    <t>01/13/2020 08:21:27</t>
  </si>
  <si>
    <t>01/13/2020 08:17:50</t>
  </si>
  <si>
    <t>01/13/2020 08:18:20</t>
  </si>
  <si>
    <t>01/13/2020 08:18:50</t>
  </si>
  <si>
    <t>01/13/2020 08:19:20</t>
  </si>
  <si>
    <t>01/13/2020 08:19:50</t>
  </si>
  <si>
    <t>bb0a7d9f-639d-4674-b828-30181727d4d6.tmp</t>
  </si>
  <si>
    <t>\\acsfs\profiles$\RAFAELRF\Downloads\bb0a7d9f-639d-4674-b828-30181727d4d6.tmp</t>
  </si>
  <si>
    <t>01/13/2020 08:19:46</t>
  </si>
  <si>
    <t>9b3ab568-f0d8-4c95-b8fa-76f00d276e11.tmp</t>
  </si>
  <si>
    <t>\\acsfs\profiles$\larissaad\Downloads\9b3ab568-f0d8-4c95-b8fa-76f00d276e11.tmp</t>
  </si>
  <si>
    <t>d5d3ab43-2012-4114-9037-58a4b876bf1e.tmp</t>
  </si>
  <si>
    <t>\\acsfs\profiles$\larissaad\Downloads\d5d3ab43-2012-4114-9037-58a4b876bf1e.tmp</t>
  </si>
  <si>
    <t>01/13/2020 08:20:35</t>
  </si>
  <si>
    <t>96e05a39-5ef2-4d00-83ad-66e436a085b9.tmp</t>
  </si>
  <si>
    <t>\\acsfs\profiles$\larissaad\Downloads\96e05a39-5ef2-4d00-83ad-66e436a085b9.tmp</t>
  </si>
  <si>
    <t>01/13/2020 08:20:42</t>
  </si>
  <si>
    <t>0d53d571-9135-480a-9ae3-a73ac615cadb.tmp</t>
  </si>
  <si>
    <t>\\acsfs\profiles$\larissaad\Downloads\0d53d571-9135-480a-9ae3-a73ac615cadb.tmp</t>
  </si>
  <si>
    <t>01/13/2020 08:18:57</t>
  </si>
  <si>
    <t>01/13/2020 08:22:27</t>
  </si>
  <si>
    <t>01/13/2020 08:16:18</t>
  </si>
  <si>
    <t>01/13/2020 08:16:19</t>
  </si>
  <si>
    <t>01/13/2020 08:19:42</t>
  </si>
  <si>
    <t>01/13/2020 08:16:20</t>
  </si>
  <si>
    <t>01/13/2020 08:16:21</t>
  </si>
  <si>
    <t>01/13/2020 08:16:22</t>
  </si>
  <si>
    <t>01/13/2020 08:16:23</t>
  </si>
  <si>
    <t>01/13/2020 08:16:24</t>
  </si>
  <si>
    <t>01/13/2020 08:20:53</t>
  </si>
  <si>
    <t>37878fc4-5916-41d0-94b7-55ef8ae616e5.tmp</t>
  </si>
  <si>
    <t>\\acsfs\profiles$\ayalabfi\Downloads\37878fc4-5916-41d0-94b7-55ef8ae616e5.tmp</t>
  </si>
  <si>
    <t>01/13/2020 08:20:54</t>
  </si>
  <si>
    <t>3fb7a952-4f69-46eb-a901-17ffd8bd7200.tmp</t>
  </si>
  <si>
    <t>\\acsfs\profiles$\ayalabfi\Downloads\3fb7a952-4f69-46eb-a901-17ffd8bd7200.tmp</t>
  </si>
  <si>
    <t>01/13/2020 08:20:57</t>
  </si>
  <si>
    <t>8b685ed7-63cb-48ab-b8de-89e418f42524.tmp</t>
  </si>
  <si>
    <t>\\acsfs\profiles$\ayalabfi\Downloads\8b685ed7-63cb-48ab-b8de-89e418f42524.tmp</t>
  </si>
  <si>
    <t>01/13/2020 08:22:06</t>
  </si>
  <si>
    <t>f6a36a83-be2e-4bf3-bc70-83d75bdb63de.tmp</t>
  </si>
  <si>
    <t>\\acsfs\profiles$\ayalabfi\Downloads\f6a36a83-be2e-4bf3-bc70-83d75bdb63de.tmp</t>
  </si>
  <si>
    <t>01/13/2020 08:22:15</t>
  </si>
  <si>
    <t>01/13/2020 08:23:27</t>
  </si>
  <si>
    <t>01/13/2020 08:18:14</t>
  </si>
  <si>
    <t>\\acsfs\DEPTOS\EDUCACAO EMPRESARIAL\2 - Operações\0 - BV\5 - QUALIDADE\Nova pasta\</t>
  </si>
  <si>
    <t>LIGAÇÃO FLAVIA MET LIFE_1_6766346926229104442_1_32.wav</t>
  </si>
  <si>
    <t>\\acsfs\DEPTOS\EDUCACAO EMPRESARIAL\2 - Operações\0 - BV\5 - QUALIDADE\Nova pasta\LIGAÇÃO FLAVIA MET LIFE_1_6766346926229104442_1_32.wav</t>
  </si>
  <si>
    <t>01/13/2020 08:22:47</t>
  </si>
  <si>
    <t>01/13/2020 08:20:11</t>
  </si>
  <si>
    <t>01/13/2020 08:24:27</t>
  </si>
  <si>
    <t>01/13/2020 08:22:38</t>
  </si>
  <si>
    <t>01/13/2020 08:22:44</t>
  </si>
  <si>
    <t>01/13/2020 08:22:56</t>
  </si>
  <si>
    <t>01/13/2020 08:23:04</t>
  </si>
  <si>
    <t>01/13/2020 08:23:21</t>
  </si>
  <si>
    <t>01/13/2020 08:23:34</t>
  </si>
  <si>
    <t>01/13/2020 08:22:39</t>
  </si>
  <si>
    <t>31f95535-e139-4eb7-a773-0a4e3e0338f2.tmp</t>
  </si>
  <si>
    <t>\\acsfs\profiles$\KARENDSR\Downloads\31f95535-e139-4eb7-a773-0a4e3e0338f2.tmp</t>
  </si>
  <si>
    <t>7db68f38-cfbc-48a6-9ef9-93a95daf8e5a.tmp</t>
  </si>
  <si>
    <t>\\acsfs\profiles$\KARENDSR\Downloads\7db68f38-cfbc-48a6-9ef9-93a95daf8e5a.tmp</t>
  </si>
  <si>
    <t>01/13/2020 08:19:21</t>
  </si>
  <si>
    <t>b626cf7e-0824-4505-ad4e-23b084364008.tmp</t>
  </si>
  <si>
    <t>\\acsfs\profiles$\quindaizaagds\Downloads\b626cf7e-0824-4505-ad4e-23b084364008.tmp</t>
  </si>
  <si>
    <t>01/13/2020 08:20:59</t>
  </si>
  <si>
    <t>e887dd51-a216-4676-8a2f-e7b7cf20220c.tmp</t>
  </si>
  <si>
    <t>\\acsfs\profiles$\quindaizaagds\Downloads\e887dd51-a216-4676-8a2f-e7b7cf20220c.tmp</t>
  </si>
  <si>
    <t>01/13/2020 08:23:07</t>
  </si>
  <si>
    <t>ea2d56f7-ceb6-4adb-9209-9aa47fa59456.tmp</t>
  </si>
  <si>
    <t>\\acsfs\profiles$\quindaizaagds\Downloads\ea2d56f7-ceb6-4adb-9209-9aa47fa59456.tmp</t>
  </si>
  <si>
    <t>01/13/2020 08:25:28</t>
  </si>
  <si>
    <t>01/13/2020 08:21:13</t>
  </si>
  <si>
    <t>01/13/2020 08:21:29</t>
  </si>
  <si>
    <t>01/13/2020 08:24:45</t>
  </si>
  <si>
    <t>01/13/2020 08:20:50</t>
  </si>
  <si>
    <t>01/13/2020 08:26:27</t>
  </si>
  <si>
    <t>01/13/2020 08:21:20</t>
  </si>
  <si>
    <t>01/13/2020 08:21:50</t>
  </si>
  <si>
    <t>01/13/2020 08:22:20</t>
  </si>
  <si>
    <t>01/13/2020 08:22:50</t>
  </si>
  <si>
    <t>01/13/2020 08:23:20</t>
  </si>
  <si>
    <t>01/13/2020 08:23:50</t>
  </si>
  <si>
    <t>01/13/2020 08:24:20</t>
  </si>
  <si>
    <t>01/13/2020 08:24:50</t>
  </si>
  <si>
    <t>01/13/2020 08:20:43</t>
  </si>
  <si>
    <t>.~lock.BANCO DE DADOS - OPERAÇÃO.xlsx#</t>
  </si>
  <si>
    <t>\\acsfs\profiles$\RAFAELRF\Downloads\.~lock.BANCO DE DADOS - OPERAÇÃO.xlsx#</t>
  </si>
  <si>
    <t>01/13/2020 08:24:04</t>
  </si>
  <si>
    <t>01/13/2020 08:27:28</t>
  </si>
  <si>
    <t>10.200.66.42</t>
  </si>
  <si>
    <t>b3fcab65-4895-442b-b5f2-ecc1bbc1fa62.tmp</t>
  </si>
  <si>
    <t>\\acsfs\profiles$\antoniosva\Downloads\b3fcab65-4895-442b-b5f2-ecc1bbc1fa62.tmp</t>
  </si>
  <si>
    <t>98ffc7bc-c63a-455f-a4b8-5325266c3e33.tmp</t>
  </si>
  <si>
    <t>\\acsfs\profiles$\antoniosva\Downloads\98ffc7bc-c63a-455f-a4b8-5325266c3e33.tmp</t>
  </si>
  <si>
    <t>01/13/2020 08:24:12</t>
  </si>
  <si>
    <t>af05b9f7-f433-4845-84ca-7183a348d55f.tmp</t>
  </si>
  <si>
    <t>\\acsfs\profiles$\antoniosva\Downloads\af05b9f7-f433-4845-84ca-7183a348d55f.tmp</t>
  </si>
  <si>
    <t>01/13/2020 08:24:15</t>
  </si>
  <si>
    <t>25d43451-f204-42c1-8ab4-b9604bb90548.tmp</t>
  </si>
  <si>
    <t>\\acsfs\profiles$\antoniosva\Downloads\25d43451-f204-42c1-8ab4-b9604bb90548.tmp</t>
  </si>
  <si>
    <t>01/13/2020 08:25:44</t>
  </si>
  <si>
    <t>47c8ac76-9264-4a74-835a-6bac9b145203.tmp</t>
  </si>
  <si>
    <t>\\acsfs\profiles$\antoniosva\Downloads\47c8ac76-9264-4a74-835a-6bac9b145203.tmp</t>
  </si>
  <si>
    <t>01/13/2020 08:24:17</t>
  </si>
  <si>
    <t>d372950b-36ee-451d-8a8f-9cbe826ccc33.tmp</t>
  </si>
  <si>
    <t>\\acsfs\profiles$\geovannasm\Downloads\d372950b-36ee-451d-8a8f-9cbe826ccc33.tmp</t>
  </si>
  <si>
    <t>01/13/2020 08:25:20</t>
  </si>
  <si>
    <t>7c981d29-b1de-45ad-9939-a12b98d8d384.tmp</t>
  </si>
  <si>
    <t>\\acsfs\profiles$\geovannasm\Downloads\7c981d29-b1de-45ad-9939-a12b98d8d384.tmp</t>
  </si>
  <si>
    <t>01/13/2020 08:26:07</t>
  </si>
  <si>
    <t>2d7e8eae-793c-4bf3-bb22-6639acf30310.tmp</t>
  </si>
  <si>
    <t>\\acsfs\profiles$\geovannasm\Downloads\2d7e8eae-793c-4bf3-bb22-6639acf30310.tmp</t>
  </si>
  <si>
    <t>01/13/2020 08:24:16</t>
  </si>
  <si>
    <t>5ef1f814-a566-418d-b57c-3178242bb12c.tmp</t>
  </si>
  <si>
    <t>\\acsfs\profiles$\ayalabfi\Downloads\5ef1f814-a566-418d-b57c-3178242bb12c.tmp</t>
  </si>
  <si>
    <t>01/13/2020 08:23:51</t>
  </si>
  <si>
    <t>01/13/2020 08:29:27</t>
  </si>
  <si>
    <t>01/13/2020 08:24:05</t>
  </si>
  <si>
    <t>01/13/2020 08:24:14</t>
  </si>
  <si>
    <t>01/13/2020 08:27:11</t>
  </si>
  <si>
    <t>01/13/2020 08:27:16</t>
  </si>
  <si>
    <t>01/13/2020 08:27:25</t>
  </si>
  <si>
    <t>01/13/2020 08:27:31</t>
  </si>
  <si>
    <t>01/13/2020 08:27:34</t>
  </si>
  <si>
    <t>01/13/2020 08:27:38</t>
  </si>
  <si>
    <t>01/13/2020 08:27:47</t>
  </si>
  <si>
    <t>01/13/2020 08:28:11</t>
  </si>
  <si>
    <t>01/13/2020 08:28:19</t>
  </si>
  <si>
    <t>01/13/2020 08:28:34</t>
  </si>
  <si>
    <t>01/13/2020 08:28:43</t>
  </si>
  <si>
    <t>01/13/2020 08:23:57</t>
  </si>
  <si>
    <t>d1b5e04e-b175-4327-9297-4f0c35229eba.tmp</t>
  </si>
  <si>
    <t>\\acsfs\profiles$\KARENDSR\Downloads\d1b5e04e-b175-4327-9297-4f0c35229eba.tmp</t>
  </si>
  <si>
    <t>01/13/2020 08:24:26</t>
  </si>
  <si>
    <t>a3a06ab5-3bab-48b8-9151-63fe89e472ef.tmp</t>
  </si>
  <si>
    <t>\\acsfs\profiles$\KARENDSR\Downloads\a3a06ab5-3bab-48b8-9151-63fe89e472ef.tmp</t>
  </si>
  <si>
    <t>01/13/2020 08:25:51</t>
  </si>
  <si>
    <t>01/13/2020 08:30:26</t>
  </si>
  <si>
    <t>https://joaogvc@algartech.com,marianadjc@algartech.com,planejamentodeoperacoesetrafego@bv.com.br,raphaelmco@algartech.com.br,ricardodfm@algartech.com.br,taysdss@algartech.com,viniciussg@algartech.com</t>
  </si>
  <si>
    <t>01/13/2020 08:28:33</t>
  </si>
  <si>
    <t>01/13/2020 08:25:08</t>
  </si>
  <si>
    <t>01/13/2020 08:27:12</t>
  </si>
  <si>
    <t>01/13/2020 08:26:20</t>
  </si>
  <si>
    <t>01/13/2020 08:31:27</t>
  </si>
  <si>
    <t>01/13/2020 08:27:20</t>
  </si>
  <si>
    <t>01/13/2020 08:27:50</t>
  </si>
  <si>
    <t>01/13/2020 08:28:20</t>
  </si>
  <si>
    <t>01/13/2020 08:29:52</t>
  </si>
  <si>
    <t>bd087640-b627-4c55-9db4-543e910eb4a8.tmp</t>
  </si>
  <si>
    <t>\\acsfs\profiles$\isabellegtds\Downloads\bd087640-b627-4c55-9db4-543e910eb4a8.tmp</t>
  </si>
  <si>
    <t>01/13/2020 08:30:23</t>
  </si>
  <si>
    <t>b69ef53e-a3d9-4e40-8648-3369074e43fc.tmp</t>
  </si>
  <si>
    <t>\\acsfs\profiles$\isabellegtds\Downloads\b69ef53e-a3d9-4e40-8648-3369074e43fc.tmp</t>
  </si>
  <si>
    <t>01/13/2020 08:30:10</t>
  </si>
  <si>
    <t>01/13/2020 08:32:27</t>
  </si>
  <si>
    <t>01/13/2020 08:30:55</t>
  </si>
  <si>
    <t>db5c1e89-d951-408c-8be9-8129f18cfed5.tmp</t>
  </si>
  <si>
    <t>\\acsfs\profiles$\victoriaksr\Downloads\db5c1e89-d951-408c-8be9-8129f18cfed5.tmp</t>
  </si>
  <si>
    <t>01/13/2020 08:30:15</t>
  </si>
  <si>
    <t>ee20da5a-3a89-4aea-b00c-f8217b397343.tmp</t>
  </si>
  <si>
    <t>\\acsfs\profiles$\Angelicacldr\Downloads\ee20da5a-3a89-4aea-b00c-f8217b397343.tmp</t>
  </si>
  <si>
    <t>01/13/2020 08:31:37</t>
  </si>
  <si>
    <t>017e17f5-6f92-4671-a51e-311e4bb47613.tmp</t>
  </si>
  <si>
    <t>\\acsfs\profiles$\Angelicacldr\Downloads\017e17f5-6f92-4671-a51e-311e4bb47613.tmp</t>
  </si>
  <si>
    <t>01/13/2020 08:28:30</t>
  </si>
  <si>
    <t>01/13/2020 08:29:30</t>
  </si>
  <si>
    <t>072fadf0-bc28-4b4f-9a16-153f9a763911.tmp</t>
  </si>
  <si>
    <t>\\acsfs\profiles$\lucasgpe\Downloads\072fadf0-bc28-4b4f-9a16-153f9a763911.tmp</t>
  </si>
  <si>
    <t>01/13/2020 08:31:28</t>
  </si>
  <si>
    <t>83a8e5a8-ff1d-4e91-87a6-2cf38c4d4522.tmp</t>
  </si>
  <si>
    <t>\\acsfs\profiles$\lucasgpe\Downloads\83a8e5a8-ff1d-4e91-87a6-2cf38c4d4522.tmp</t>
  </si>
  <si>
    <t>01/13/2020 08:27:01</t>
  </si>
  <si>
    <t>7558d83a-eb75-4ffd-adef-467464401ec7.tmp</t>
  </si>
  <si>
    <t>\\acsfs\profiles$\antoniosva\Downloads\7558d83a-eb75-4ffd-adef-467464401ec7.tmp</t>
  </si>
  <si>
    <t>01/13/2020 08:27:42</t>
  </si>
  <si>
    <t>01e5e40c-d2e6-48ef-abf5-5bcdabafe03e.tmp</t>
  </si>
  <si>
    <t>\\acsfs\profiles$\antoniosva\Downloads\01e5e40c-d2e6-48ef-abf5-5bcdabafe03e.tmp</t>
  </si>
  <si>
    <t>01/13/2020 08:30:22</t>
  </si>
  <si>
    <t>781129d9-a2f1-4132-8011-b6201fcd0ba0.tmp</t>
  </si>
  <si>
    <t>\\acsfs\profiles$\antoniosva\Downloads\781129d9-a2f1-4132-8011-b6201fcd0ba0.tmp</t>
  </si>
  <si>
    <t>01/13/2020 08:29:31</t>
  </si>
  <si>
    <t>01/13/2020 08:33:27</t>
  </si>
  <si>
    <t>01/13/2020 08:31:00</t>
  </si>
  <si>
    <t>01/13/2020 08:34:27</t>
  </si>
  <si>
    <t>6e8ae35c-a6ef-4d7a-a98b-1494cbc6401e.tmp</t>
  </si>
  <si>
    <t>\\acsfs\profiles$\gabrielaff\Downloads\6e8ae35c-a6ef-4d7a-a98b-1494cbc6401e.tmp</t>
  </si>
  <si>
    <t>01/13/2020 08:29:06</t>
  </si>
  <si>
    <t>01/13/2020 08:29:16</t>
  </si>
  <si>
    <t>01/13/2020 08:29:43</t>
  </si>
  <si>
    <t>01/13/2020 08:30:09</t>
  </si>
  <si>
    <t>01/13/2020 08:30:13</t>
  </si>
  <si>
    <t>01/13/2020 08:30:28</t>
  </si>
  <si>
    <t>01/13/2020 08:31:04</t>
  </si>
  <si>
    <t>01/13/2020 08:31:09</t>
  </si>
  <si>
    <t>01/13/2020 08:31:29</t>
  </si>
  <si>
    <t>01/13/2020 08:31:33</t>
  </si>
  <si>
    <t>01/13/2020 08:31:45</t>
  </si>
  <si>
    <t>01/13/2020 08:31:52</t>
  </si>
  <si>
    <t>bvcartes-supervisores@algarnet.onmicrosoft.com;bvs-centralcartoes@bv.com.br;eduardo.santana@bv.com.br;</t>
  </si>
  <si>
    <t>bvcartes-supervisores@algarnet.onmicrosoft.com,bvs-centralcartoes@bv.com.br,eduardo.santana@bv.com.br</t>
  </si>
  <si>
    <t>01/13/2020 08:33:41</t>
  </si>
  <si>
    <t>fc5c14a1-7cce-4453-a8b3-98b96b3d84f1.tmp</t>
  </si>
  <si>
    <t>\\acsfs\profiles$\quindaizaagds\Downloads\fc5c14a1-7cce-4453-a8b3-98b96b3d84f1.tmp</t>
  </si>
  <si>
    <t>01/13/2020 08:31:34</t>
  </si>
  <si>
    <t>61315373-839d-4c9b-906e-fd3ca6f8da31.tmp</t>
  </si>
  <si>
    <t>\\acsfs\profiles$\lorraynevam\Downloads\61315373-839d-4c9b-906e-fd3ca6f8da31.tmp</t>
  </si>
  <si>
    <t>01/13/2020 08:32:11</t>
  </si>
  <si>
    <t>1ff0a95e-c113-4200-a0d0-01b2244b8e2c.tmp</t>
  </si>
  <si>
    <t>\\acsfs\profiles$\lorraynevam\Downloads\1ff0a95e-c113-4200-a0d0-01b2244b8e2c.tmp</t>
  </si>
  <si>
    <t>01/13/2020 08:32:00</t>
  </si>
  <si>
    <t>01/13/2020 08:35:28</t>
  </si>
  <si>
    <t>dd56305b-b49f-4607-a8ff-a0dc047620ab.tmp</t>
  </si>
  <si>
    <t>\\acsfs\profiles$\luanarda\Downloads\dd56305b-b49f-4607-a8ff-a0dc047620ab.tmp</t>
  </si>
  <si>
    <t>01/13/2020 08:30:43</t>
  </si>
  <si>
    <t>01/13/2020 08:30:44</t>
  </si>
  <si>
    <t>01/13/2020 08:32:18</t>
  </si>
  <si>
    <t>01/13/2020 08:30:38</t>
  </si>
  <si>
    <t>01/13/2020 08:32:46</t>
  </si>
  <si>
    <t>01/13/2020 08:37:27</t>
  </si>
  <si>
    <t>$I8B7IRD.ica</t>
  </si>
  <si>
    <t>\\acsfs\profiles$\victoriaksr\Downloads\$RECYCLE.BIN\$I8B7IRD.ica</t>
  </si>
  <si>
    <t>01/13/2020 08:32:47</t>
  </si>
  <si>
    <t>9d52560c-f380-42f0-a556-0e7b9e643d2a.tmp</t>
  </si>
  <si>
    <t>\\acsfs\profiles$\Angelicacldr\Downloads\9d52560c-f380-42f0-a556-0e7b9e643d2a.tmp</t>
  </si>
  <si>
    <t>01/13/2020 08:33:31</t>
  </si>
  <si>
    <t>eeaa0064-7bd0-47d9-855a-f85df5c16c66.tmp</t>
  </si>
  <si>
    <t>\\acsfs\profiles$\Angelicacldr\Downloads\eeaa0064-7bd0-47d9-855a-f85df5c16c66.tmp</t>
  </si>
  <si>
    <t>01/13/2020 08:34:01</t>
  </si>
  <si>
    <t>087a23a0-dc77-424a-934c-57f1c40abaf3.tmp</t>
  </si>
  <si>
    <t>\\acsfs\profiles$\Angelicacldr\Downloads\087a23a0-dc77-424a-934c-57f1c40abaf3.tmp</t>
  </si>
  <si>
    <t>01/13/2020 08:34:13</t>
  </si>
  <si>
    <t>985c8b0b-5489-4e4c-b50d-f4352c983a44.tmp</t>
  </si>
  <si>
    <t>\\acsfs\profiles$\Angelicacldr\Downloads\985c8b0b-5489-4e4c-b50d-f4352c983a44.tmp</t>
  </si>
  <si>
    <t>01/13/2020 08:32:37</t>
  </si>
  <si>
    <t>01/13/2020 08:32:58</t>
  </si>
  <si>
    <t>01/13/2020 08:35:13</t>
  </si>
  <si>
    <t>01/13/2020 08:38:27</t>
  </si>
  <si>
    <t>e7cc6524-d973-4086-aa00-e5ee777cc67d.tmp</t>
  </si>
  <si>
    <t>\\acsfs\profiles$\rafaelahpn\Downloads\e7cc6524-d973-4086-aa00-e5ee777cc67d.tmp</t>
  </si>
  <si>
    <t>01/13/2020 08:37:30</t>
  </si>
  <si>
    <t>01/13/2020 08:37:31</t>
  </si>
  <si>
    <t>01/13/2020 08:36:19</t>
  </si>
  <si>
    <t>01/13/2020 08:39:27</t>
  </si>
  <si>
    <t>0c8a7d8e-5f1d-42fb-bf0e-66bf3f53cb81.tmp</t>
  </si>
  <si>
    <t>\\acsfs\profiles$\nataliacsl\Downloads\0c8a7d8e-5f1d-42fb-bf0e-66bf3f53cb81.tmp</t>
  </si>
  <si>
    <t>01/13/2020 08:37:59</t>
  </si>
  <si>
    <t>354b3c31-3b09-44a1-b1c0-5b20e2688dea.tmp</t>
  </si>
  <si>
    <t>\\acsfs\profiles$\nataliacsl\Downloads\354b3c31-3b09-44a1-b1c0-5b20e2688dea.tmp</t>
  </si>
  <si>
    <t>01/13/2020 08:35:58</t>
  </si>
  <si>
    <t>24b7ff34-56b4-4596-8d42-c7ce7beecc3f.tmp</t>
  </si>
  <si>
    <t>\\acsfs\profiles$\larissaad\Downloads\24b7ff34-56b4-4596-8d42-c7ce7beecc3f.tmp</t>
  </si>
  <si>
    <t>01/13/2020 08:36:01</t>
  </si>
  <si>
    <t>80070721-79ea-47a8-9789-6161167bfdad.tmp</t>
  </si>
  <si>
    <t>\\acsfs\profiles$\larissaad\Downloads\80070721-79ea-47a8-9789-6161167bfdad.tmp</t>
  </si>
  <si>
    <t>01/13/2020 08:36:07</t>
  </si>
  <si>
    <t>58378944-9f5e-49ef-ba81-f8de293e33f6.tmp</t>
  </si>
  <si>
    <t>\\acsfs\profiles$\larissaad\Downloads\58378944-9f5e-49ef-ba81-f8de293e33f6.tmp</t>
  </si>
  <si>
    <t>01/13/2020 08:34:50</t>
  </si>
  <si>
    <t>01/13/2020 08:34:24</t>
  </si>
  <si>
    <t>96117864-7c42-498a-a10d-072fd0c1fc55.tmp</t>
  </si>
  <si>
    <t>\\acsfs\profiles$\quindaizaagds\Downloads\96117864-7c42-498a-a10d-072fd0c1fc55.tmp</t>
  </si>
  <si>
    <t>01/13/2020 08:35:50</t>
  </si>
  <si>
    <t>01/13/2020 08:41:27</t>
  </si>
  <si>
    <t>01/13/2020 08:36:24</t>
  </si>
  <si>
    <t>19fb7cbc-942b-4858-a5c1-1d7196bf8285.tmp</t>
  </si>
  <si>
    <t>\\acsfs\profiles$\sarahbal\Downloads\19fb7cbc-942b-4858-a5c1-1d7196bf8285.tmp</t>
  </si>
  <si>
    <t>01/13/2020 08:38:31</t>
  </si>
  <si>
    <t>01/13/2020 08:37:10</t>
  </si>
  <si>
    <t>01/13/2020 08:42:28</t>
  </si>
  <si>
    <t>fb8ac774-e2e4-4f02-8fe4-8a2faf873034.tmp</t>
  </si>
  <si>
    <t>\\acsfs\profiles$\victoriaksr\Downloads\fb8ac774-e2e4-4f02-8fe4-8a2faf873034.tmp</t>
  </si>
  <si>
    <t>01/13/2020 08:38:19</t>
  </si>
  <si>
    <t>7bf0097c-230c-409d-8270-0e77d7ac32eb.tmp</t>
  </si>
  <si>
    <t>\\acsfs\profiles$\Angelicacldr\Downloads\7bf0097c-230c-409d-8270-0e77d7ac32eb.tmp</t>
  </si>
  <si>
    <t>01/13/2020 08:38:46</t>
  </si>
  <si>
    <t>01/13/2020 08:39:00</t>
  </si>
  <si>
    <t>01/13/2020 08:42:33</t>
  </si>
  <si>
    <t>01/13/2020 08:43:27</t>
  </si>
  <si>
    <t>0a88308d-57ce-4445-bf2e-a2648c18615b.tmp</t>
  </si>
  <si>
    <t>\\acsfs\profiles$\ROZENCAM\Downloads\0a88308d-57ce-4445-bf2e-a2648c18615b.tmp</t>
  </si>
  <si>
    <t>01/13/2020 08:39:15</t>
  </si>
  <si>
    <t>ae9d0b2c-660a-47d8-84fb-c8c2f0286937.tmp</t>
  </si>
  <si>
    <t>\\acsfs\profiles$\rafaelahpn\Downloads\ae9d0b2c-660a-47d8-84fb-c8c2f0286937.tmp</t>
  </si>
  <si>
    <t>01/13/2020 08:41:18</t>
  </si>
  <si>
    <t>01/13/2020 08:44:27</t>
  </si>
  <si>
    <t>01/13/2020 08:40:36</t>
  </si>
  <si>
    <t>946f71a9-7e0d-4427-b7b4-0de5b8f74a52.tmp</t>
  </si>
  <si>
    <t>\\acsfs\profiles$\gabrielaff\Downloads\946f71a9-7e0d-4427-b7b4-0de5b8f74a52.tmp</t>
  </si>
  <si>
    <t>01/13/2020 08:39:52</t>
  </si>
  <si>
    <t>01/13/2020 08:39:53</t>
  </si>
  <si>
    <t>01/13/2020 08:41:05</t>
  </si>
  <si>
    <t>c1eb3302-186d-4326-90cb-98ef970c30ec.tmp</t>
  </si>
  <si>
    <t>\\acsfs\profiles$\lorraynevam\Downloads\c1eb3302-186d-4326-90cb-98ef970c30ec.tmp</t>
  </si>
  <si>
    <t>01/13/2020 08:40:38</t>
  </si>
  <si>
    <t>01/13/2020 08:42:08</t>
  </si>
  <si>
    <t>ana.armelin@btgpactual.com;cobranca.tech@algartech.com;dario.luiz@btgpactual.com;faturamento@algartech.com;melissafpq@algartech.com;renata.silva@algartech.com;rose.melo@btgpactual.com;sh-pagamentos@btgpactual.com;sh-vmo@btgpactual.com;simonerfp@algartech.com;tatiane.rodrigues@algartech.com;</t>
  </si>
  <si>
    <t>BTG PACTUAL _HORAS EXTRAS SETEMBRO 2019.xlsx</t>
  </si>
  <si>
    <t>ana.armelin@btgpactual.com,cobranca.tech@algartech.com,dario.luiz@btgpactual.com,faturamento@algartech.com,melissafpq@algartech.com,renata.silva@algartech.com,rose.melo@btgpactual.com,sh-pagamentos@btgpactual.com,sh-vmo@btgpactual.com,simonerfp@algartech.com,tatiane.rodrigues@algartech.com</t>
  </si>
  <si>
    <t>01/13/2020 08:42:15</t>
  </si>
  <si>
    <t>01/13/2020 08:45:27</t>
  </si>
  <si>
    <t>lu130441buys.tmp</t>
  </si>
  <si>
    <t>\\acsfs\profiles$\CINTIADCF\lu130441buys.tmp</t>
  </si>
  <si>
    <t>\\acsfs\profiles$\CINTIADCF\lu130441buys.tmp\</t>
  </si>
  <si>
    <t>\\acsfs\profiles$\CINTIADCF\lu130441buys.tmp\META-INF\</t>
  </si>
  <si>
    <t>\\acsfs\profiles$\CINTIADCF\lu130441buys.tmp\Thumbnails\</t>
  </si>
  <si>
    <t>01/13/2020 08:42:21</t>
  </si>
  <si>
    <t>https://bvcartes-supervisores@algarnet.onmicrosoft.com,joaogvc@algartech.com,leonardoao@algartech.com,marianadjc@algartech.com,paulacn@algartech.com,ricardodfm@algartech.com.br,taysdss@algartech.com,viniciussg@algartech.com</t>
  </si>
  <si>
    <t>01/13/2020 08:42:45</t>
  </si>
  <si>
    <t>https://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3/2020 08:41:49</t>
  </si>
  <si>
    <t>01/13/2020 08:47:27</t>
  </si>
  <si>
    <t>0eefc2ef-cfb2-4db4-8913-c268533f59a1.tmp</t>
  </si>
  <si>
    <t>\\acsfs\profiles$\Angelicacldr\Downloads\0eefc2ef-cfb2-4db4-8913-c268533f59a1.tmp</t>
  </si>
  <si>
    <t>01/13/2020 08:45:52</t>
  </si>
  <si>
    <t>01/13/2020 08:45:53</t>
  </si>
  <si>
    <t>01/13/2020 08:45:54</t>
  </si>
  <si>
    <t>01/13/2020 08:45:55</t>
  </si>
  <si>
    <t>01/13/2020 08:45:56</t>
  </si>
  <si>
    <t>01/13/2020 08:45:57</t>
  </si>
  <si>
    <t>01/13/2020 08:45:58</t>
  </si>
  <si>
    <t>01/13/2020 08:45:59</t>
  </si>
  <si>
    <t>01/13/2020 08:46:00</t>
  </si>
  <si>
    <t>01/13/2020 08:46:01</t>
  </si>
  <si>
    <t>01/13/2020 08:44:44</t>
  </si>
  <si>
    <t>01/13/2020 08:46:02</t>
  </si>
  <si>
    <t>01/13/2020 08:46:03</t>
  </si>
  <si>
    <t>01/13/2020 08:46:04</t>
  </si>
  <si>
    <t>01/13/2020 08:46:05</t>
  </si>
  <si>
    <t>01/13/2020 08:46:06</t>
  </si>
  <si>
    <t>01/13/2020 08:46:07</t>
  </si>
  <si>
    <t>01/13/2020 08:46:08</t>
  </si>
  <si>
    <t>01/13/2020 08:46:09</t>
  </si>
  <si>
    <t>01/13/2020 08:46:10</t>
  </si>
  <si>
    <t>01/13/2020 08:46:11</t>
  </si>
  <si>
    <t>01/13/2020 08:46:12</t>
  </si>
  <si>
    <t>01/13/2020 08:44:47</t>
  </si>
  <si>
    <t>http://clients2.google.com/domainreliability/upload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;permissionid;picture;thumbnailversion�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,permissionid,picture,thumbnailversion�,workspaceids</t>
  </si>
  <si>
    <t>01/13/2020 08:44:52</t>
  </si>
  <si>
    <t>http://clients4.google.com/rappor</t>
  </si>
  <si>
    <t>01/13/2020 08:44:53</t>
  </si>
  <si>
    <t>http:///batch?%24ct=multipart%2Fmixed%3B%20boundary%3D%22%3D%3D%3D%3D%3Dew8q9dsi6gga%3D%3D%3D%3D%3D%22&amp;key=AIzaSyAy9VVXHSpS2IJpptzYtGbLP3-3_l0aBk4</t>
  </si>
  <si>
    <t>01/13/2020 08:45:00</t>
  </si>
  <si>
    <t>http:///batch?%24ct=multipart%2Fmixed%3B%20boundary%3D%22%3D%3D%3D%3D%3D7kximv2mnf8d%3D%3D%3D%3D%3D%22&amp;key=AIzaSyAy9VVXHSpS2IJpptzYtGbLP3-3_l0aBk4</t>
  </si>
  <si>
    <t>01/13/2020 08:45:01</t>
  </si>
  <si>
    <t>http:///batch?%24ct=multipart%2Fmixed%3B%20boundary%3D%22%3D%3D%3D%3D%3Dkzjii9dde4q8%3D%3D%3D%3D%3D%22&amp;key=AIzaSyAy9VVXHSpS2IJpptzYtGbLP3-3_l0aBk4</t>
  </si>
  <si>
    <t>01/13/2020 08:45:10</t>
  </si>
  <si>
    <t>http:///batch?%24ct=multipart%2Fmixed%3B%20boundary%3D%22%3D%3D%3D%3D%3Dan2zz95kl6r4%3D%3D%3D%3D%3D%22&amp;key=AIzaSyAy9VVXHSpS2IJpptzYtGbLP3-3_l0aBk4</t>
  </si>
  <si>
    <t>01/13/2020 08:45:11</t>
  </si>
  <si>
    <t>http:///batch?%24ct=multipart%2Fmixed%3B%20boundary%3D%22%3D%3D%3D%3D%3Dnej1fy1butxz%3D%3D%3D%3D%3D%22&amp;key=AIzaSyAy9VVXHSpS2IJpptzYtGbLP3-3_l0aBk4</t>
  </si>
  <si>
    <t>01/13/2020 08:45:12</t>
  </si>
  <si>
    <t>http:///batch?%24ct=multipart%2Fmixed%3B%20boundary%3D%22%3D%3D%3D%3D%3D9pfk12rau33l%3D%3D%3D%3D%3D%22&amp;key=AIzaSyAy9VVXHSpS2IJpptzYtGbLP3-3_l0aBk4</t>
  </si>
  <si>
    <t>01/13/2020 08:47:28</t>
  </si>
  <si>
    <t>01/13/2020 08:48:27</t>
  </si>
  <si>
    <t>01/13/2020 08:47:17</t>
  </si>
  <si>
    <t>01/13/2020 08:46:21</t>
  </si>
  <si>
    <t>C:\Users\giseleclss\Desktop\SESMT - Vidas e Licenças\</t>
  </si>
  <si>
    <t>SESMT - Vidas e Licenças.xlsx</t>
  </si>
  <si>
    <t>01/13/2020 08:51:27</t>
  </si>
  <si>
    <t>01/13/2020 08:47:09</t>
  </si>
  <si>
    <t>01/13/2020 08:52:27</t>
  </si>
  <si>
    <t>f420bb61-6efe-4939-9005-f707ba5414a8.tmp</t>
  </si>
  <si>
    <t>\\acsfs\profiles$\Angelicacldr\Downloads\f420bb61-6efe-4939-9005-f707ba5414a8.tmp</t>
  </si>
  <si>
    <t>01/13/2020 08:49:02</t>
  </si>
  <si>
    <t>01/13/2020 08:52:51</t>
  </si>
  <si>
    <t>01/13/2020 08:53:27</t>
  </si>
  <si>
    <t>01/13/2020 08:52:56</t>
  </si>
  <si>
    <t>01/13/2020 08:48:48</t>
  </si>
  <si>
    <t>eff3c182-3d02-41ce-931c-aaf0f993fa44.tmp</t>
  </si>
  <si>
    <t>\\acsfs\profiles$\rafaelamsv\Downloads\eff3c182-3d02-41ce-931c-aaf0f993fa44.tmp</t>
  </si>
  <si>
    <t>01/13/2020 08:49:31</t>
  </si>
  <si>
    <t>f582b32a-13d4-4f40-91d0-3dbff9beda73.tmp</t>
  </si>
  <si>
    <t>\\acsfs\profiles$\rafaelamsv\Downloads\f582b32a-13d4-4f40-91d0-3dbff9beda73.tmp</t>
  </si>
  <si>
    <t>01/13/2020 08:50:30</t>
  </si>
  <si>
    <t>01/13/2020 08:52:34</t>
  </si>
  <si>
    <t>01/13/2020 08:54:27</t>
  </si>
  <si>
    <t>299825c7-e541-4c81-9077-90d6c108664b.tmp</t>
  </si>
  <si>
    <t>\\acsfs\profiles$\gabrielaff\Downloads\299825c7-e541-4c81-9077-90d6c108664b.tmp</t>
  </si>
  <si>
    <t>01/13/2020 08:51:36</t>
  </si>
  <si>
    <t>01/13/2020 08:52:09</t>
  </si>
  <si>
    <t>c89b4d8c-f137-432e-a911-8c2eeac14f8e.tmp</t>
  </si>
  <si>
    <t>\\acsfs\profiles$\larissaad\Downloads\c89b4d8c-f137-432e-a911-8c2eeac14f8e.tmp</t>
  </si>
  <si>
    <t>01/13/2020 08:49:33</t>
  </si>
  <si>
    <t>01/13/2020 08:50:18</t>
  </si>
  <si>
    <t>alexiagam@algartech.com.br;alineso@algartech.com;erikabfs@algartech.com;fabiolacc@algartecnologia.com.br;gabrielleabp@algartech.com;renatafs@algartech.com;suciellerr@algartech.com;suciellerr@algartech.com.br;tamiresgp@algartech.com;tamiresgp@algartech.com.br;</t>
  </si>
  <si>
    <t>Resultado Parcial de Qualidade - Contestação e Cac</t>
  </si>
  <si>
    <t>Dados análise Fabiola- Janeiro2020.xlsb</t>
  </si>
  <si>
    <t>alexiagam@algartech.com.br,alineso@algartech.com,erikabfs@algartech.com,fabiolacc@algartecnologia.com.br,gabrielleabp@algartech.com,renatafs@algartech.com,suciellerr@algartech.com,suciellerr@algartech.com.br,tamiresgp@algartech.com,tamiresgp@algartech.com.br</t>
  </si>
  <si>
    <t>01/13/2020 08:49:53</t>
  </si>
  <si>
    <t>01/13/2020 08:55:27</t>
  </si>
  <si>
    <t>01/13/2020 08:54:53</t>
  </si>
  <si>
    <t>01/13/2020 08:54:59</t>
  </si>
  <si>
    <t>01/13/2020 08:54:37</t>
  </si>
  <si>
    <t>4bd4970a-2b25-4716-852b-0e7e157d7a4d.tmp</t>
  </si>
  <si>
    <t>\\acsfs\profiles$\paulovadc\Downloads\4bd4970a-2b25-4716-852b-0e7e157d7a4d.tmp</t>
  </si>
  <si>
    <t>01/13/2020 08:56:27</t>
  </si>
  <si>
    <t>10.200.59.7</t>
  </si>
  <si>
    <t>FC-01-7C-B3-BC-C7</t>
  </si>
  <si>
    <t>C:\Users\diegobg\Downloads\</t>
  </si>
  <si>
    <t>12 Dezembro - Front.xlsb</t>
  </si>
  <si>
    <t>12 Dezembro - Ilha Especialista.xlsb</t>
  </si>
  <si>
    <t>12 DEZEMBRO - TECH ON LINE 557379.xlsx</t>
  </si>
  <si>
    <t>12 DEZEMBRO - TECH ON LINE 557382.xlsx</t>
  </si>
  <si>
    <t>01/13/2020 08:52:41</t>
  </si>
  <si>
    <t>01/13/2020 08:57:28</t>
  </si>
  <si>
    <t>01/13/2020 08:56:00</t>
  </si>
  <si>
    <t>01/13/2020 08:58:27</t>
  </si>
  <si>
    <t>01/13/2020 08:56:08</t>
  </si>
  <si>
    <t>01/13/2020 08:56:40</t>
  </si>
  <si>
    <t>01/13/2020 08:56:46</t>
  </si>
  <si>
    <t>01/13/2020 08:54:19</t>
  </si>
  <si>
    <t>4961f1a7-cf50-4582-8609-9ab2eb49febd.tmp</t>
  </si>
  <si>
    <t>\\acsfs\profiles$\gabrielhca\Downloads\4961f1a7-cf50-4582-8609-9ab2eb49febd.tmp</t>
  </si>
  <si>
    <t>01/13/2020 08:54:25</t>
  </si>
  <si>
    <t>6ed87419-1d7d-456e-b59f-41d30e60b809.tmp</t>
  </si>
  <si>
    <t>\\acsfs\profiles$\gabrielhca\Downloads\6ed87419-1d7d-456e-b59f-41d30e60b809.tmp</t>
  </si>
  <si>
    <t>01/13/2020 08:54:47</t>
  </si>
  <si>
    <t>333758ff-a419-4894-88e7-a297e6a6b5b7.tmp</t>
  </si>
  <si>
    <t>\\acsfs\profiles$\gabrielhca\Downloads\333758ff-a419-4894-88e7-a297e6a6b5b7.tmp</t>
  </si>
  <si>
    <t>01/13/2020 08:55:53</t>
  </si>
  <si>
    <t>6733c5a1-46ae-41b8-831a-a50b1a9faa5a.tmp</t>
  </si>
  <si>
    <t>\\acsfs\profiles$\gabrielhca\Downloads\6733c5a1-46ae-41b8-831a-a50b1a9faa5a.tmp</t>
  </si>
  <si>
    <t>01/13/2020 08:53:00</t>
  </si>
  <si>
    <t>01/13/2020 08:56:42</t>
  </si>
  <si>
    <t>08ae5dc9-e7dd-44a7-b7fd-df76267f76e7.tmp</t>
  </si>
  <si>
    <t>\\acsfs\profiles$\gabrielhca\Downloads\08ae5dc9-e7dd-44a7-b7fd-df76267f76e7.tmp</t>
  </si>
  <si>
    <t>01/13/2020 08:53:49</t>
  </si>
  <si>
    <t>01/13/2020 08:54:00</t>
  </si>
  <si>
    <t>01/13/2020 08:54:10</t>
  </si>
  <si>
    <t>01/13/2020 08:54:32</t>
  </si>
  <si>
    <t>01/13/2020 08:54:50</t>
  </si>
  <si>
    <t>01/13/2020 08:55:08</t>
  </si>
  <si>
    <t>01/13/2020 08:55:20</t>
  </si>
  <si>
    <t>01/13/2020 08:55:30</t>
  </si>
  <si>
    <t>01/13/2020 08:56:06</t>
  </si>
  <si>
    <t>01/13/2020 08:56:30</t>
  </si>
  <si>
    <t>01/13/2020 08:56:57</t>
  </si>
  <si>
    <t>01/13/2020 08:57:00</t>
  </si>
  <si>
    <t>01/13/2020 08:57:05</t>
  </si>
  <si>
    <t>01/13/2020 08:57:11</t>
  </si>
  <si>
    <t>01/13/2020 08:57:22</t>
  </si>
  <si>
    <t>01/13/2020 08:57:31</t>
  </si>
  <si>
    <t>01/13/2020 08:57:47</t>
  </si>
  <si>
    <t>01/13/2020 08:53:40</t>
  </si>
  <si>
    <t>01/13/2020 08:53:41</t>
  </si>
  <si>
    <t>01/13/2020 08:54:51</t>
  </si>
  <si>
    <t>01/13/2020 08:59:27</t>
  </si>
  <si>
    <t>01/13/2020 08:59:10</t>
  </si>
  <si>
    <t>anapscl@algartech.com;micheless@algartech.com.br;misdonegocio@algartech.com.br;priscilalb@algartech.com.br;</t>
  </si>
  <si>
    <t>Estudo de Indicadores</t>
  </si>
  <si>
    <t>anapscl@algartech.com,micheless@algartech.com.br,misdonegocio@algartech.com.br,priscilalb@algartech.com.br</t>
  </si>
  <si>
    <t>01/13/2020 08:57:15</t>
  </si>
  <si>
    <t>01/13/2020 09:00:27</t>
  </si>
  <si>
    <t>01/13/2020 08:58:16</t>
  </si>
  <si>
    <t>01/13/2020 08:55:02</t>
  </si>
  <si>
    <t>01/13/2020 08:55:03</t>
  </si>
  <si>
    <t>lu263961x8m76.tmp</t>
  </si>
  <si>
    <t>\\acsfs\profiles$\BRUNAAR\Numero\lu263961x8m76.tmp</t>
  </si>
  <si>
    <t>01/13/2020 08:55:45</t>
  </si>
  <si>
    <t>01/13/2020 08:55:51</t>
  </si>
  <si>
    <t>01/13/2020 08:55:52</t>
  </si>
  <si>
    <t>01/13/2020 08:56:09</t>
  </si>
  <si>
    <t>01/13/2020 08:56:11</t>
  </si>
  <si>
    <t>01/13/2020 08:56:13</t>
  </si>
  <si>
    <t>01/13/2020 08:56:49</t>
  </si>
  <si>
    <t>01/13/2020 08:56:51</t>
  </si>
  <si>
    <t>01/13/2020 08:57:04</t>
  </si>
  <si>
    <t>01/13/2020 08:57:14</t>
  </si>
  <si>
    <t>01/13/2020 08:57:42</t>
  </si>
  <si>
    <t>01/13/2020 08:57:48</t>
  </si>
  <si>
    <t>01/13/2020 08:57:51</t>
  </si>
  <si>
    <t>01/13/2020 08:57:59</t>
  </si>
  <si>
    <t>01/13/2020 08:58:24</t>
  </si>
  <si>
    <t>01/13/2020 08:58:36</t>
  </si>
  <si>
    <t>01/13/2020 08:58:37</t>
  </si>
  <si>
    <t>01/13/2020 08:58:59</t>
  </si>
  <si>
    <t>01/13/2020 08:59:05</t>
  </si>
  <si>
    <t>01/13/2020 08:59:29</t>
  </si>
  <si>
    <t>01/13/2020 08:59:43</t>
  </si>
  <si>
    <t>01/13/2020 08:59:48</t>
  </si>
  <si>
    <t>01/13/2020 08:59:55</t>
  </si>
  <si>
    <t>01/13/2020 08:59:59</t>
  </si>
  <si>
    <t>01/13/2020 09:01:27</t>
  </si>
  <si>
    <t>01/13/2020 08:56:50</t>
  </si>
  <si>
    <t>e2570830-4e7a-4235-a67e-3bf98abad565.tmp</t>
  </si>
  <si>
    <t>\\acsfs\profiles$\danielmlds\Downloads\e2570830-4e7a-4235-a67e-3bf98abad565.tmp</t>
  </si>
  <si>
    <t>01/13/2020 08:57:45</t>
  </si>
  <si>
    <t>508c6b97-7b81-4722-8481-8cac7a8bf7d3.tmp</t>
  </si>
  <si>
    <t>\\acsfs\profiles$\danielmlds\Downloads\508c6b97-7b81-4722-8481-8cac7a8bf7d3.tmp</t>
  </si>
  <si>
    <t>01/13/2020 08:55:50</t>
  </si>
  <si>
    <t>01/13/2020 08:58:20</t>
  </si>
  <si>
    <t>01/13/2020 08:58:50</t>
  </si>
  <si>
    <t>01/13/2020 08:59:50</t>
  </si>
  <si>
    <t>01/13/2020 08:58:05</t>
  </si>
  <si>
    <t>01/13/2020 09:02:27</t>
  </si>
  <si>
    <t>01/13/2020 09:02:13</t>
  </si>
  <si>
    <t>01/13/2020 09:03:27</t>
  </si>
  <si>
    <t>2b712816-bffd-4f1c-873b-e9449bbaadd7.tmp</t>
  </si>
  <si>
    <t>\\acsfs\profiles$\maxmillianosv\Downloads\2b712816-bffd-4f1c-873b-e9449bbaadd7.tmp</t>
  </si>
  <si>
    <t>01/13/2020 08:58:54</t>
  </si>
  <si>
    <t>01/13/2020 08:59:00</t>
  </si>
  <si>
    <t>01/13/2020 08:59:35</t>
  </si>
  <si>
    <t>01/13/2020 08:59:41</t>
  </si>
  <si>
    <t>01/13/2020 09:00:22</t>
  </si>
  <si>
    <t>01/13/2020 09:00:31</t>
  </si>
  <si>
    <t>01/13/2020 09:00:49</t>
  </si>
  <si>
    <t>01/13/2020 09:01:14</t>
  </si>
  <si>
    <t>01/13/2020 09:01:53</t>
  </si>
  <si>
    <t>01/13/2020 09:01:57</t>
  </si>
  <si>
    <t>01/13/2020 09:01:59</t>
  </si>
  <si>
    <t>01/13/2020 09:02:14</t>
  </si>
  <si>
    <t>01/13/2020 09:02:19</t>
  </si>
  <si>
    <t>01/13/2020 09:02:28</t>
  </si>
  <si>
    <t>01/13/2020 08:59:15</t>
  </si>
  <si>
    <t>01/13/2020 09:04:28</t>
  </si>
  <si>
    <t>MC´s_Camila.xlsx</t>
  </si>
  <si>
    <t>01/13/2020 09:00:53</t>
  </si>
  <si>
    <t>01/13/2020 09:05:27</t>
  </si>
  <si>
    <t>70342472-7c8e-4713-a5f2-ffed6c05afc3.tmp</t>
  </si>
  <si>
    <t>\\acsfs\profiles$\cintiadcf\Downloads\70342472-7c8e-4713-a5f2-ffed6c05afc3.tmp</t>
  </si>
  <si>
    <t>01/13/2020 09:03:34</t>
  </si>
  <si>
    <t>lu263961x8m79.tmp</t>
  </si>
  <si>
    <t>\\acsfs\profiles$\BRUNAAR\Numero\lu263961x8m79.tmp</t>
  </si>
  <si>
    <t>01/13/2020 09:00:08</t>
  </si>
  <si>
    <t>01/13/2020 09:00:13</t>
  </si>
  <si>
    <t>01/13/2020 09:02:10</t>
  </si>
  <si>
    <t>01/13/2020 09:02:11</t>
  </si>
  <si>
    <t>01/13/2020 09:02:21</t>
  </si>
  <si>
    <t>01/13/2020 09:02:31</t>
  </si>
  <si>
    <t>01/13/2020 09:02:32</t>
  </si>
  <si>
    <t>01/13/2020 09:02:41</t>
  </si>
  <si>
    <t>01/13/2020 09:02:49</t>
  </si>
  <si>
    <t>01/13/2020 09:04:44</t>
  </si>
  <si>
    <t>01/13/2020 09:04:59</t>
  </si>
  <si>
    <t>01/13/2020 09:01:50</t>
  </si>
  <si>
    <t>bbafb421-22a0-4bd7-a7fe-9c813a6a2c37.tmp</t>
  </si>
  <si>
    <t>\\acsfs\profiles$\mariajra\Downloads\bbafb421-22a0-4bd7-a7fe-9c813a6a2c37.tmp</t>
  </si>
  <si>
    <t>fb54dadc-ba50-45f2-9522-15ea9636e2cd.tmp</t>
  </si>
  <si>
    <t>\\acsfs\profiles$\mariajra\Downloads\fb54dadc-ba50-45f2-9522-15ea9636e2cd.tmp</t>
  </si>
  <si>
    <t>01/13/2020 09:01:37</t>
  </si>
  <si>
    <t>01/13/2020 09:06:28</t>
  </si>
  <si>
    <t>01/13/2020 09:05:32</t>
  </si>
  <si>
    <t>01/13/2020 09:04:25</t>
  </si>
  <si>
    <t>01/13/2020 09:07:27</t>
  </si>
  <si>
    <t>e1a11fa3-6d1f-4b52-a4b7-6c5eb0719d71.tmp</t>
  </si>
  <si>
    <t>\\acsfs\profiles$\Flaviojmm\Downloads\e1a11fa3-6d1f-4b52-a4b7-6c5eb0719d71.tmp</t>
  </si>
  <si>
    <t>01/13/2020 09:05:21</t>
  </si>
  <si>
    <t>44be4fc4-fc04-4261-944b-bc00c4fdd218.tmp</t>
  </si>
  <si>
    <t>\\acsfs\profiles$\Flaviojmm\Downloads\44be4fc4-fc04-4261-944b-bc00c4fdd218.tmp</t>
  </si>
  <si>
    <t>01/13/2020 09:02:50</t>
  </si>
  <si>
    <t>c876bff3-0ae8-4654-9d5b-819146b67cc5.tmp</t>
  </si>
  <si>
    <t>\\acsfs\profiles$\geovannasm\Downloads\c876bff3-0ae8-4654-9d5b-819146b67cc5.tmp</t>
  </si>
  <si>
    <t>01/13/2020 09:03:06</t>
  </si>
  <si>
    <t>01/13/2020 09:08:27</t>
  </si>
  <si>
    <t>01/13/2020 09:04:06</t>
  </si>
  <si>
    <t>01/13/2020 09:08:28</t>
  </si>
  <si>
    <t>01/13/2020 09:04:56</t>
  </si>
  <si>
    <t>01/13/2020 09:04:57</t>
  </si>
  <si>
    <t>01/13/2020 09:05:48</t>
  </si>
  <si>
    <t>01/13/2020 09:10:27</t>
  </si>
  <si>
    <t>01/13/2020 09:09:24</t>
  </si>
  <si>
    <t>01/13/2020 09:05:10</t>
  </si>
  <si>
    <t>e8a7d134-b382-4adf-b1ff-0733154e55f2.tmp</t>
  </si>
  <si>
    <t>\\acsfs\profiles$\BRUNAAR\Downloads\e8a7d134-b382-4adf-b1ff-0733154e55f2.tmp</t>
  </si>
  <si>
    <t>01/13/2020 09:05:15</t>
  </si>
  <si>
    <t>b25f039b-adad-4652-925a-b31644704f32.tmp</t>
  </si>
  <si>
    <t>\\acsfs\profiles$\BRUNAAR\Downloads\b25f039b-adad-4652-925a-b31644704f32.tmp</t>
  </si>
  <si>
    <t>01/13/2020 09:06:47</t>
  </si>
  <si>
    <t>01/13/2020 09:08:51</t>
  </si>
  <si>
    <t>01/13/2020 09:08:52</t>
  </si>
  <si>
    <t>01/13/2020 09:08:29</t>
  </si>
  <si>
    <t>01/13/2020 09:08:37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09:09:19</t>
  </si>
  <si>
    <t>01/13/2020 09:09:34</t>
  </si>
  <si>
    <t>01/13/2020 09:09:36</t>
  </si>
  <si>
    <t>01/13/2020 09:09:53</t>
  </si>
  <si>
    <t>01/13/2020 09:10:02</t>
  </si>
  <si>
    <t>01/13/2020 09:05:50</t>
  </si>
  <si>
    <t>01/13/2020 09:11:27</t>
  </si>
  <si>
    <t>01/13/2020 09:06:20</t>
  </si>
  <si>
    <t>01/13/2020 09:06:51</t>
  </si>
  <si>
    <t>\\acsfs\profiles$\RAFAELRF\meu\</t>
  </si>
  <si>
    <t>\\acsfs\profiles$\RAFAELRF\meu\.~lock.Filas-ALGAR - JONATAN.xlsx#</t>
  </si>
  <si>
    <t>\\acsfs\profiles$\RAFAELRF\meu\.~lock.Filas Rafael.ods#</t>
  </si>
  <si>
    <t>01/13/2020 09:08:16</t>
  </si>
  <si>
    <t>01/13/2020 09:12:27</t>
  </si>
  <si>
    <t>c179b8e0-a086-42fa-9c22-96a5eb8a8661.tmp</t>
  </si>
  <si>
    <t>\\acsfs\profiles$\ayalabfi\Downloads\c179b8e0-a086-42fa-9c22-96a5eb8a8661.tmp</t>
  </si>
  <si>
    <t>01/13/2020 09:09:35</t>
  </si>
  <si>
    <t>01/13/2020 09:13:27</t>
  </si>
  <si>
    <t>01/13/2020 09:12:50</t>
  </si>
  <si>
    <t>01/13/2020 09:12:51</t>
  </si>
  <si>
    <t>01/13/2020 09:10:18</t>
  </si>
  <si>
    <t>b54d3c5e-92ee-4fe5-b240-9c0899beade9.tmp</t>
  </si>
  <si>
    <t>\\acsfs\profiles$\gabrielsma\Downloads\b54d3c5e-92ee-4fe5-b240-9c0899beade9.tmp</t>
  </si>
  <si>
    <t>01/13/2020 09:10:31</t>
  </si>
  <si>
    <t>\\acsfs\ACS\Gabriel da Silva\Contemporânea\Comissão e Incentivo\Histórico\Q29udHJvbGxlci5JbnRyYW5ldC1DaHJvbWU-.ica.crdownload</t>
  </si>
  <si>
    <t>01/13/2020 09:13:40</t>
  </si>
  <si>
    <t>01/13/2020 09:14:27</t>
  </si>
  <si>
    <t>01/13/2020 09:09:57</t>
  </si>
  <si>
    <t>01/13/2020 09:15:27</t>
  </si>
  <si>
    <t>01/13/2020 09:10:28</t>
  </si>
  <si>
    <t>https://bvcartes-supervisores@algarnet.onmicrosoft.com,joaogvc@algartech.com,leonardoao@algartech.com,marianadjc@algartech.com,paulacn@algartech.com,planejamentodeoperacoesetrafego@bv.com.br,raphaelmco@algartech.com.br,ricardodfm@algartech.com.br,taysdss@algartech.com,viniciussg@algartech.com</t>
  </si>
  <si>
    <t>01/13/2020 09:10:56</t>
  </si>
  <si>
    <t>01/13/2020 09:11:18</t>
  </si>
  <si>
    <t>f3edc8bc-d63d-4cfa-99d9-dda7faf39985.tmp</t>
  </si>
  <si>
    <t>\\acsfs\profiles$\claudiajca\Downloads\f3edc8bc-d63d-4cfa-99d9-dda7faf39985.tmp</t>
  </si>
  <si>
    <t>01/13/2020 09:10:33</t>
  </si>
  <si>
    <t>01/13/2020 09:11:10</t>
  </si>
  <si>
    <t>01/13/2020 09:11:15</t>
  </si>
  <si>
    <t>01/13/2020 09:11:43</t>
  </si>
  <si>
    <t>01/13/2020 09:11:49</t>
  </si>
  <si>
    <t>01/13/2020 09:12:33</t>
  </si>
  <si>
    <t>01/13/2020 09:13:03</t>
  </si>
  <si>
    <t>01/13/2020 09:13:15</t>
  </si>
  <si>
    <t>01/13/2020 09:13:20</t>
  </si>
  <si>
    <t>01/13/2020 09:13:37</t>
  </si>
  <si>
    <t>01/13/2020 09:13:42</t>
  </si>
  <si>
    <t>01/13/2020 09:13:48</t>
  </si>
  <si>
    <t>01/13/2020 09:13:52</t>
  </si>
  <si>
    <t>01/13/2020 09:14:03</t>
  </si>
  <si>
    <t>01/13/2020 09:14:12</t>
  </si>
  <si>
    <t>01/13/2020 09:14:19</t>
  </si>
  <si>
    <t>01/13/2020 09:14:36</t>
  </si>
  <si>
    <t>01/13/2020 09:14:49</t>
  </si>
  <si>
    <t>01/13/2020 09:15:07</t>
  </si>
  <si>
    <t>01/13/2020 09:12:20</t>
  </si>
  <si>
    <t>01/13/2020 09:16:27</t>
  </si>
  <si>
    <t>01/13/2020 09:14:50</t>
  </si>
  <si>
    <t>01/13/2020 09:14:58</t>
  </si>
  <si>
    <t>01/13/2020 09:17:27</t>
  </si>
  <si>
    <t>01/13/2020 09:15:13</t>
  </si>
  <si>
    <t>ba20d06d-e731-44be-8ed2-55130899e55d.tmp</t>
  </si>
  <si>
    <t>\\acsfs\profiles$\kellzylenneasr\Downloads\ba20d06d-e731-44be-8ed2-55130899e55d.tmp</t>
  </si>
  <si>
    <t>01/13/2020 09:15:19</t>
  </si>
  <si>
    <t>01/13/2020 09:17:02</t>
  </si>
  <si>
    <t>24feb296-c0d8-410a-b592-c862ea1c5c44.tmp</t>
  </si>
  <si>
    <t>\\acsfs\profiles$\kellzylenneasr\Downloads\24feb296-c0d8-410a-b592-c862ea1c5c44.tmp</t>
  </si>
  <si>
    <t>01/13/2020 09:13:06</t>
  </si>
  <si>
    <t>01/13/2020 09:18:27</t>
  </si>
  <si>
    <t>48e154b8-1a95-4122-aa4a-cd11c096b228.tmp</t>
  </si>
  <si>
    <t>\\acsfs\profiles$\maxmillianosv\Downloads\48e154b8-1a95-4122-aa4a-cd11c096b228.tmp</t>
  </si>
  <si>
    <t>01/13/2020 09:13:11</t>
  </si>
  <si>
    <t>580a3fbb-df52-4411-bba5-abfcddda8aed.tmp</t>
  </si>
  <si>
    <t>\\acsfs\profiles$\maxmillianosv\Downloads\580a3fbb-df52-4411-bba5-abfcddda8aed.tmp</t>
  </si>
  <si>
    <t>01/13/2020 09:13:19</t>
  </si>
  <si>
    <t>f015febb-ccbc-4cf7-8c2f-05015624eb4f.tmp</t>
  </si>
  <si>
    <t>\\acsfs\profiles$\maxmillianosv\Downloads\f015febb-ccbc-4cf7-8c2f-05015624eb4f.tmp</t>
  </si>
  <si>
    <t>04a0a110-93c5-4886-a5f4-4ca712a8be8b.tmp</t>
  </si>
  <si>
    <t>\\acsfs\profiles$\maxmillianosv\Downloads\04a0a110-93c5-4886-a5f4-4ca712a8be8b.tmp</t>
  </si>
  <si>
    <t>01/13/2020 09:15:42</t>
  </si>
  <si>
    <t>E04860A3.tmp</t>
  </si>
  <si>
    <t>\\acsfs\ACS\Gabriel da Silva\Contemporânea\NPS\NPS_Voz\Janeiro.20\E04860A3.tmp</t>
  </si>
  <si>
    <t>01/13/2020 09:15:44</t>
  </si>
  <si>
    <t>~$Pesquisa_Satisfação_0901_1201.xlsx</t>
  </si>
  <si>
    <t>\\acsfs\ACS\Gabriel da Silva\Contemporânea\NPS\NPS_Voz\Janeiro.20\~$Pesquisa_Satisfação_0901_1201.xlsx</t>
  </si>
  <si>
    <t>01/13/2020 09:17:15</t>
  </si>
  <si>
    <t>01/13/2020 09:19:27</t>
  </si>
  <si>
    <t>Não confirmado 592560.crdownload</t>
  </si>
  <si>
    <t>\\acsfs\ACS\Gabriel da Silva\Contemporânea\Gen\Não confirmado 592560.crdownload</t>
  </si>
  <si>
    <t>01/13/2020 09:16:33</t>
  </si>
  <si>
    <t>6bbc67e9-65e1-4c96-a7e6-2c6f0c9291d3.tmp</t>
  </si>
  <si>
    <t>\\acsfs\profiles$\larissaad\Downloads\6bbc67e9-65e1-4c96-a7e6-2c6f0c9291d3.tmp</t>
  </si>
  <si>
    <t>01/13/2020 09:16:37</t>
  </si>
  <si>
    <t>2bc4086d-3ed3-435d-9223-7b716c838440.tmp</t>
  </si>
  <si>
    <t>\\acsfs\profiles$\larissaad\Downloads\2bc4086d-3ed3-435d-9223-7b716c838440.tmp</t>
  </si>
  <si>
    <t>01/13/2020 09:18:33</t>
  </si>
  <si>
    <t>01/13/2020 09:17:17</t>
  </si>
  <si>
    <t>01/13/2020 09:20:27</t>
  </si>
  <si>
    <t>ff350218-1c1d-4b33-9be9-70a1bbb16d2c.tmp</t>
  </si>
  <si>
    <t>\\acsfs\profiles$\luanarda\Downloads\ff350218-1c1d-4b33-9be9-70a1bbb16d2c.tmp</t>
  </si>
  <si>
    <t>01/13/2020 09:15:52</t>
  </si>
  <si>
    <t>01/13/2020 09:15:53</t>
  </si>
  <si>
    <t>ances,ancest,ancestorhasaugmen,ancestorhasaugmentedpermissions,containsunsubscribedchildren,displayname,domain,emaila,emailaddress,essedteamdr,file(kind,fileid,filesize,hasthumbnail,hasvisitorpermissions,id,id),items(deleted,items(kind,ken,kind,lastmodifyinguser(kind,lastviewedbymedate,modifiedbymedate,modifieddate,ontainsunsubscribedchildren,owners(kind,per,permiss,permission,permissionid,pict,pictu,picture,rpermissions,shared,sharedwithmedate,thumbnailversion,title,userpermission(role),workspaceids</t>
  </si>
  <si>
    <t>01/13/2020 09:15:57</t>
  </si>
  <si>
    <t>01/13/2020 09:16:03</t>
  </si>
  <si>
    <t>01/13/2020 09:16:41</t>
  </si>
  <si>
    <t>01/13/2020 09:16:48</t>
  </si>
  <si>
    <t>01/13/2020 09:17:18</t>
  </si>
  <si>
    <t>01/13/2020 09:18:02</t>
  </si>
  <si>
    <t>01/13/2020 09:18:09</t>
  </si>
  <si>
    <t>01/13/2020 09:19:16</t>
  </si>
  <si>
    <t>01/13/2020 09:19:25</t>
  </si>
  <si>
    <t>01/13/2020 09:19:32</t>
  </si>
  <si>
    <t>01/13/2020 09:19:37</t>
  </si>
  <si>
    <t>01/13/2020 09:19:41</t>
  </si>
  <si>
    <t>01/13/2020 09:19:51</t>
  </si>
  <si>
    <t>01/13/2020 09:19:57</t>
  </si>
  <si>
    <t>01/13/2020 09:20:02</t>
  </si>
  <si>
    <t>01/13/2020 09:20:06</t>
  </si>
  <si>
    <t>mail.google.com/sync/u/0/i/s?hl=pt-BR&amp;c=685</t>
  </si>
  <si>
    <t>01/13/2020 09:15:30</t>
  </si>
  <si>
    <t>abbe46aa-738a-4860-98fb-f134efca5147.tmp</t>
  </si>
  <si>
    <t>\\acsfs\profiles$\mariajra\Downloads\abbe46aa-738a-4860-98fb-f134efca5147.tmp</t>
  </si>
  <si>
    <t>01/13/2020 09:17:50</t>
  </si>
  <si>
    <t>01/13/2020 09:21:27</t>
  </si>
  <si>
    <t>01/13/2020 09:18:20</t>
  </si>
  <si>
    <t>01/13/2020 09:18:50</t>
  </si>
  <si>
    <t>01/13/2020 09:19:20</t>
  </si>
  <si>
    <t>01/13/2020 09:19:50</t>
  </si>
  <si>
    <t>01/13/2020 09:16:30</t>
  </si>
  <si>
    <t>01/13/2020 09:21:16</t>
  </si>
  <si>
    <t>01/13/2020 09:22:27</t>
  </si>
  <si>
    <t>6a4558fc-a5f6-4237-8cdc-cddb73fad398.tmp</t>
  </si>
  <si>
    <t>\\acsfs\profiles$\PEDROHAB\Downloads\6a4558fc-a5f6-4237-8cdc-cddb73fad398.tmp</t>
  </si>
  <si>
    <t>01/13/2020 09:17:10</t>
  </si>
  <si>
    <t>01/13/2020 09:21:13</t>
  </si>
  <si>
    <t>ac72aada-aa70-45ec-a3f0-cc1f14bec9cb.tmp</t>
  </si>
  <si>
    <t>\\acsfs\profiles$\inarajst\Downloads\ac72aada-aa70-45ec-a3f0-cc1f14bec9cb.tmp</t>
  </si>
  <si>
    <t>01/13/2020 09:23:27</t>
  </si>
  <si>
    <t>01/13/2020 09:22:13</t>
  </si>
  <si>
    <t>\\acsfs\ACS\Gabriel da Silva\Contemporânea\NPS\C6493423.tmp\</t>
  </si>
  <si>
    <t>\\acsfs\ACS\Gabriel da Silva\Contemporânea\NPS\C6493423.tmp\:Zone.Identifier:$DATA</t>
  </si>
  <si>
    <t>01/13/2020 09:22:16</t>
  </si>
  <si>
    <t>01/13/2020 09:24:28</t>
  </si>
  <si>
    <t>\\acsfs\ACS\Gabriel da Silva\Contemporânea\NPS\C6493423.tmp</t>
  </si>
  <si>
    <t>C6493423.tmp</t>
  </si>
  <si>
    <t>01/13/2020 09:23:11</t>
  </si>
  <si>
    <t>\\acsfs\ACS\Gabriel da Silva\Contemporânea\NPS\3A7EA1F.tmp\</t>
  </si>
  <si>
    <t>\\acsfs\ACS\Gabriel da Silva\Contemporânea\NPS\3A7EA1F.tmp</t>
  </si>
  <si>
    <t>3A7EA1F.tmp</t>
  </si>
  <si>
    <t>01/13/2020 09:23:13</t>
  </si>
  <si>
    <t>01/13/2020 09:19:00</t>
  </si>
  <si>
    <t>15604c86-6ae0-4235-a032-83c298f15361.tmp</t>
  </si>
  <si>
    <t>\\acsfs\profiles$\gabrielaff\Downloads\15604c86-6ae0-4235-a032-83c298f15361.tmp</t>
  </si>
  <si>
    <t>01/13/2020 09:20:41</t>
  </si>
  <si>
    <t>19a634c4-996b-4fee-bd8f-e3e61b052e9a.tmp</t>
  </si>
  <si>
    <t>\\acsfs\profiles$\nathaliarmr\Downloads\19a634c4-996b-4fee-bd8f-e3e61b052e9a.tmp</t>
  </si>
  <si>
    <t>01/13/2020 09:18:58</t>
  </si>
  <si>
    <t>bedd4e62-cdca-4f55-b963-4704094db260.tmp</t>
  </si>
  <si>
    <t>\\acsfs\profiles$\quindaizaagds\Downloads\bedd4e62-cdca-4f55-b963-4704094db260.tmp</t>
  </si>
  <si>
    <t>01/13/2020 09:19:29</t>
  </si>
  <si>
    <t>37b10ade-7ffb-4c90-a10c-a2325503f4a1.tmp</t>
  </si>
  <si>
    <t>\\acsfs\profiles$\quindaizaagds\Downloads\37b10ade-7ffb-4c90-a10c-a2325503f4a1.tmp</t>
  </si>
  <si>
    <t>01/13/2020 09:19:52</t>
  </si>
  <si>
    <t>44d38bf9-a69c-4ca4-a230-0ecff2389fad.tmp</t>
  </si>
  <si>
    <t>\\acsfs\profiles$\quindaizaagds\Downloads\44d38bf9-a69c-4ca4-a230-0ecff2389fad.tmp</t>
  </si>
  <si>
    <t>01/13/2020 09:20:55</t>
  </si>
  <si>
    <t>4462b86d-fbb1-42fa-8bc2-6fdd52dd4097.tmp</t>
  </si>
  <si>
    <t>\\acsfs\profiles$\nathaliarmr\Downloads\4462b86d-fbb1-42fa-8bc2-6fdd52dd4097.tmp</t>
  </si>
  <si>
    <t>01/13/2020 09:21:03</t>
  </si>
  <si>
    <t>99c7ced8-0bde-40cf-bd8c-4cff63a620bb.tmp</t>
  </si>
  <si>
    <t>\\acsfs\profiles$\quindaizaagds\Downloads\99c7ced8-0bde-40cf-bd8c-4cff63a620bb.tmp</t>
  </si>
  <si>
    <t>01/13/2020 09:22:11</t>
  </si>
  <si>
    <t>0096ce63-f97d-4b57-a8bd-59bc19f1e174.tmp</t>
  </si>
  <si>
    <t>\\acsfs\profiles$\leticiala\Downloads\0096ce63-f97d-4b57-a8bd-59bc19f1e174.tmp</t>
  </si>
  <si>
    <t>01/13/2020 09:19:22</t>
  </si>
  <si>
    <t>evertonpdsr@algartech.com.br;renatass@algartech.com.br;</t>
  </si>
  <si>
    <t>evertonpdsr@algartech.com.br,renatass@algartech.com.br</t>
  </si>
  <si>
    <t>01/13/2020 09:23:28</t>
  </si>
  <si>
    <t>48187832-8b83-434b-9ddc-f5ee0dcc6a94.tmp</t>
  </si>
  <si>
    <t>\\acsfs\profiles$\felipetds\Downloads\48187832-8b83-434b-9ddc-f5ee0dcc6a94.tmp</t>
  </si>
  <si>
    <t>01/13/2020 09:22:06</t>
  </si>
  <si>
    <t>01/13/2020 09:25:27</t>
  </si>
  <si>
    <t>01/13/2020 09:23:49</t>
  </si>
  <si>
    <t>https://bvcartes-supervisores@algarnet.onmicrosoft.com,joaogvc@algartech.com,leonardoao@algartech.com,marianadjc@algartech.com,paulacn@algartech.com,ricardodfm@algartech.com.br,taysdss@algartech.com</t>
  </si>
  <si>
    <t>01/13/2020 09:24:04</t>
  </si>
  <si>
    <t>01/13/2020 09:20:13</t>
  </si>
  <si>
    <t>mail.google.com/sync/u/0/i/s?hl=pt-BR&amp;c=687</t>
  </si>
  <si>
    <t>01/13/2020 09:20:18</t>
  </si>
  <si>
    <t>01/13/2020 09:20:50</t>
  </si>
  <si>
    <t>01/13/2020 09:20:52</t>
  </si>
  <si>
    <t>01/13/2020 09:20:53</t>
  </si>
  <si>
    <t>01/13/2020 09:20:59</t>
  </si>
  <si>
    <t>01/13/2020 09:21:08</t>
  </si>
  <si>
    <t>01/13/2020 09:21:24</t>
  </si>
  <si>
    <t>01/13/2020 09:22:21</t>
  </si>
  <si>
    <t>01/13/2020 09:25:06</t>
  </si>
  <si>
    <t>\\udpavonfs01\AVON\00 - ACOMPANHAMENTO AVON\04 - BACKOFFICE CORNERSTONE\2020\01.2020\RELATORIO\11.01.2020\Acompanhamento Backoffice Cornerstone JAN.20.xlsx</t>
  </si>
  <si>
    <t>01/13/2020 09:26:27</t>
  </si>
  <si>
    <t>01/13/2020 09:21:50</t>
  </si>
  <si>
    <t>01/13/2020 09:22:20</t>
  </si>
  <si>
    <t>01/13/2020 09:22:50</t>
  </si>
  <si>
    <t>01/13/2020 09:23:20</t>
  </si>
  <si>
    <t>01/13/2020 09:24:09</t>
  </si>
  <si>
    <t>01/13/2020 09:24:23</t>
  </si>
  <si>
    <t>mail.google.com/_/upload?authuser=0&amp;dcp=asu-n&amp;upload_id=AEnB2UoaOX9A_DfaLuuVlcf9l1sg78PojMwVqTKLno7QQ9_2yx3upTs-aVKrHNSoYiuhnWgaiSs6WcggCSzLWU6OwGSOJRhWGK4PY_xG1vouvRc0B_GGUjE&amp;upload_protocol=resumable</t>
  </si>
  <si>
    <t>D:\AlgarTech\Planejamento_Engenharia\Opex\2020 - Solicitacoes\SSDs + Caddy DR Next\</t>
  </si>
  <si>
    <t>Formulário Compra - Proposta Comercial Aquisicao SSD + Caddy.xlsx</t>
  </si>
  <si>
    <t>01/13/2020 09:22:51</t>
  </si>
  <si>
    <t>01/13/2020 09:27:27</t>
  </si>
  <si>
    <t>fff42d24-6a23-494b-acc7-deec151ea188.tmp</t>
  </si>
  <si>
    <t>\\acsfs\profiles$\PEDROHAB\Downloads\fff42d24-6a23-494b-acc7-deec151ea188.tmp</t>
  </si>
  <si>
    <t>01/13/2020 09:24:35</t>
  </si>
  <si>
    <t>http:///batch?%24ct=multipart%2Fmixed%3B%20boundary%3D%22%3D%3D%3D%3D%3De7ynhs1du14b%3D%3D%3D%3D%3D%22&amp;key=AIzaSyAy9VVXHSpS2IJpptzYtGbLP3-3_l0aBk4</t>
  </si>
  <si>
    <t>01/13/2020 09:24:36</t>
  </si>
  <si>
    <t>http:///batch?%24ct=multipart%2Fmixed%3B%20boundary%3D%22%3D%3D%3D%3D%3D29gofxph87x2%3D%3D%3D%3D%3D%22&amp;key=AIzaSyAy9VVXHSpS2IJpptzYtGbLP3-3_l0aBk4</t>
  </si>
  <si>
    <t>01/13/2020 09:24:37</t>
  </si>
  <si>
    <t>http:///batch?%24ct=multipart%2Fmixed%3B%20boundary%3D%22%3D%3D%3D%3D%3Daqrajslw0wxa%3D%3D%3D%3D%3D%22&amp;key=AIzaSyAy9VVXHSpS2IJpptzYtGbLP3-3_l0aBk4</t>
  </si>
  <si>
    <t>01/13/2020 09:27:04</t>
  </si>
  <si>
    <t>Árvore Categorização Whirlpool Ecohouse CAC_Corporativo_ 13_01_2020(version final).xls</t>
  </si>
  <si>
    <t>01/13/2020 09:26:39</t>
  </si>
  <si>
    <t>01/13/2020 09:28:27</t>
  </si>
  <si>
    <t>c13fe6be-7b28-4452-a9e0-ce706d8bc4c9.tmp</t>
  </si>
  <si>
    <t>\\acsfs\profiles$\maxmillianosv\Downloads\c13fe6be-7b28-4452-a9e0-ce706d8bc4c9.tmp</t>
  </si>
  <si>
    <t>01/13/2020 09:26:12</t>
  </si>
  <si>
    <t>01/13/2020 09:27:37</t>
  </si>
  <si>
    <t>mail.google.com/_/upload?authuser=0&amp;dcp=asu-n&amp;upload_id=AEnB2UqVT5Dtl32o7WNl3JvvCclZSFkD1AozEEINIfEXDKYaFZi0e1inPeoFoJHuR-GjYBsgUx1Bs0h9RHYO1R9-6N9ZO7DgcEHzruU2XJ0VFx2BB8uXPbw&amp;upload_protocol=resumable</t>
  </si>
  <si>
    <t>andersonrf@algartech.com;joaonsm@algartech.com;leandrom@algartech.com;leonardofdsa@algartech.com;lucasfbr@algartech.com;marceloat@algartech.com;marcosvas@algartech.com;</t>
  </si>
  <si>
    <t>C:\Users\daniloasb\Desktop\Repasse Operação 17-01\</t>
  </si>
  <si>
    <t>17-01-2019 Formulário Cadastro e Atualização de ICs.xlsx</t>
  </si>
  <si>
    <t>andersonrf@algartech.com,joaonsm@algartech.com,leandrom@algartech.com,leonardofdsa@algartech.com,lucasfbr@algartech.com,marceloat@algartech.com,marcosvas@algartech.com</t>
  </si>
  <si>
    <t>mail.google.com/_/upload?authuser=0&amp;dcp=asu-n&amp;upload_id=AEnB2Uoq5OlxbnIDtRg_0O_s-IXOA7h4Y8zw8LTdt92M3gsZxXpae9NLi4vdWqswoFlkW6mLgW9O7hy0Y2BBtlgucPNnDTUJ-_F2to87s3ZCcJxHN2qy6vk&amp;upload_protocol=resumable</t>
  </si>
  <si>
    <t>C:\Users\daniloasb\Desktop\Projetos Documentos\AVON\</t>
  </si>
  <si>
    <t>layout operação.xlsx</t>
  </si>
  <si>
    <t>01/13/2020 09:24:31</t>
  </si>
  <si>
    <t>9f062aca-48fb-453f-942c-d82c14926873.tmp</t>
  </si>
  <si>
    <t>\\acsfs\profiles$\rafaelamsv\Downloads\9f062aca-48fb-453f-942c-d82c14926873.tmp</t>
  </si>
  <si>
    <t>01/13/2020 09:29:28</t>
  </si>
  <si>
    <t>~$Incentivo BV - Consignado.xlsx</t>
  </si>
  <si>
    <t>\\acsfs\ACS\Gabriel da Silva\Contemporânea\Comissão e Incentivo\~$Incentivo BV - Consignado.xlsx</t>
  </si>
  <si>
    <t>01/13/2020 09:27:57</t>
  </si>
  <si>
    <t>\\acsfs\ACS\Gabriel da Silva\Contemporânea\NPS\9C777E5A.tmp\</t>
  </si>
  <si>
    <t>\\acsfs\ACS\Gabriel da Silva\Contemporânea\NPS\9C777E5A.tmp\:Zone.Identifier:$DATA</t>
  </si>
  <si>
    <t>01/13/2020 09:28:01</t>
  </si>
  <si>
    <t>\\acsfs\ACS\Gabriel da Silva\Contemporânea\NPS\9C777E5A.tmp</t>
  </si>
  <si>
    <t>9C777E5A.tmp</t>
  </si>
  <si>
    <t>01/13/2020 09:28:11</t>
  </si>
  <si>
    <t>01/13/2020 09:26:46</t>
  </si>
  <si>
    <t>94bbd0d5-834a-450b-bdfd-e3cfe46fde9b.tmp</t>
  </si>
  <si>
    <t>\\acsfs\profiles$\larissaad\Downloads\94bbd0d5-834a-450b-bdfd-e3cfe46fde9b.tmp</t>
  </si>
  <si>
    <t>01/13/2020 09:25:14</t>
  </si>
  <si>
    <t>6d331170-5cfa-4e4d-9818-419a9601bc2a.tmp</t>
  </si>
  <si>
    <t>\\acsfs\profiles$\nathaliarmr\Downloads\6d331170-5cfa-4e4d-9818-419a9601bc2a.tmp</t>
  </si>
  <si>
    <t>01/13/2020 09:27:12</t>
  </si>
  <si>
    <t>e6d57974-71f2-4182-9a2a-b11974449967.tmp</t>
  </si>
  <si>
    <t>\\acsfs\profiles$\leticiala\Downloads\e6d57974-71f2-4182-9a2a-b11974449967.tmp</t>
  </si>
  <si>
    <t>acc4dae1-40d6-4ca3-b21f-599f44a83ad9.tmp</t>
  </si>
  <si>
    <t>\\acsfs\profiles$\leticiala\Downloads\acc4dae1-40d6-4ca3-b21f-599f44a83ad9.tmp</t>
  </si>
  <si>
    <t>01/13/2020 09:26:00</t>
  </si>
  <si>
    <t>INDICADORES DE NPS.xlsx</t>
  </si>
  <si>
    <t>ancestorhasaugmentedpermissions,containsunsubscribedchildren,dis,displayname,domain,emailaddress,exp,expl,file(kind,fileid,filesize,hasthumbnail,hasvisitorpermissions,id,id),items(deleted,items(kind,ken,kind,lastmodifyi,lastmodifyinguser(kind,lastviewedbymedate,modifiedbymedate,modifieddate,ontainsunsubscribedchildren,owners(kind,permi,permis,permissionid,picture,picture�,rpermissions,s===== content-ty,shared,sharedwithmedate,thumbnailversion,title,userpermission(role),workspaceids</t>
  </si>
  <si>
    <t>01/13/2020 09:26:08</t>
  </si>
  <si>
    <t>01/13/2020 09:26:13</t>
  </si>
  <si>
    <t>01/13/2020 09:27:58</t>
  </si>
  <si>
    <t>01/13/2020 09:30:27</t>
  </si>
  <si>
    <t>01/13/2020 09:29:48</t>
  </si>
  <si>
    <t>01/13/2020 09:26:20</t>
  </si>
  <si>
    <t>01/13/2020 09:31:27</t>
  </si>
  <si>
    <t>01/13/2020 09:27:50</t>
  </si>
  <si>
    <t>01/13/2020 09:29:51</t>
  </si>
  <si>
    <t>01/13/2020 09:25:57</t>
  </si>
  <si>
    <t>74-86-7A-FC-CF-64</t>
  </si>
  <si>
    <t>VOTORANT-YB007</t>
  </si>
  <si>
    <t>GABRIELLA LEMES PEREIRA REIS (27481).contact</t>
  </si>
  <si>
    <t>\\acsfs\profiles$\gabriellalpr\Contacts\GABRIELLA LEMES PEREIRA REIS (27481).contact</t>
  </si>
  <si>
    <t>01/13/2020 09:26:14</t>
  </si>
  <si>
    <t>01/13/2020 09:26:15</t>
  </si>
  <si>
    <t>01/13/2020 09:26:16</t>
  </si>
  <si>
    <t>01/13/2020 09:26:17</t>
  </si>
  <si>
    <t>01/13/2020 09:26:18</t>
  </si>
  <si>
    <t>01/13/2020 09:26:19</t>
  </si>
  <si>
    <t>01/13/2020 09:26:21</t>
  </si>
  <si>
    <t>01/13/2020 09:26:22</t>
  </si>
  <si>
    <t>01/13/2020 09:26:23</t>
  </si>
  <si>
    <t>01/13/2020 09:26:24</t>
  </si>
  <si>
    <t>01/13/2020 09:26:57</t>
  </si>
  <si>
    <t>01/13/2020 09:26:58</t>
  </si>
  <si>
    <t>01/13/2020 09:28:33</t>
  </si>
  <si>
    <t>6d54be4a-dc35-4651-abbf-9114a411d442.tmp</t>
  </si>
  <si>
    <t>\\acsfs\profiles$\gabriellalpr\Downloads\6d54be4a-dc35-4651-abbf-9114a411d442.tmp</t>
  </si>
  <si>
    <t>01/13/2020 09:29:56</t>
  </si>
  <si>
    <t>01/13/2020 09:32:27</t>
  </si>
  <si>
    <t>01/13/2020 09:28:41</t>
  </si>
  <si>
    <t>055be141-a93f-4257-8bf8-cca163e66afa.tmp</t>
  </si>
  <si>
    <t>\\acsfs\profiles$\inarajst\Downloads\055be141-a93f-4257-8bf8-cca163e66afa.tmp</t>
  </si>
  <si>
    <t>01/13/2020 09:29:12</t>
  </si>
  <si>
    <t>3a3d48d9-3853-4f93-895a-35356ff37489.tmp</t>
  </si>
  <si>
    <t>\\acsfs\profiles$\inarajst\Downloads\3a3d48d9-3853-4f93-895a-35356ff37489.tmp</t>
  </si>
  <si>
    <t>01/13/2020 09:29:46</t>
  </si>
  <si>
    <t>01/13/2020 09:33:27</t>
  </si>
  <si>
    <t>https://udpwfmniceap02/pt_br/web/guest/home?p_auth=p0zsjvlg&amp;p_p_id=58&amp;p_p_lifecycle=1&amp;p_p_state=maximized&amp;p_p_mode=view&amp;savelastpath=0&amp;_58_struts_action=/login/forgot_password</t>
  </si>
  <si>
    <t>01/13/2020 09:29:57</t>
  </si>
  <si>
    <t>01/13/2020 09:30:35</t>
  </si>
  <si>
    <t>JOAO VITOR ALVES LIMA (22).contact</t>
  </si>
  <si>
    <t>\\acsfs\profiles$\JOAOVAL\Contacts\JOAO VITOR ALVES LIMA (22).contact</t>
  </si>
  <si>
    <t>01/13/2020 09:30:41</t>
  </si>
  <si>
    <t>01/13/2020 09:30:42</t>
  </si>
  <si>
    <t>01/13/2020 09:30:43</t>
  </si>
  <si>
    <t>01/13/2020 09:30:44</t>
  </si>
  <si>
    <t>01/13/2020 09:30:45</t>
  </si>
  <si>
    <t>01/13/2020 09:30:46</t>
  </si>
  <si>
    <t>01/13/2020 09:30:57</t>
  </si>
  <si>
    <t>01/13/2020 09:30:58</t>
  </si>
  <si>
    <t>01/13/2020 09:32:51</t>
  </si>
  <si>
    <t>01/13/2020 09:34:27</t>
  </si>
  <si>
    <t>\\acsfs\ACS\Gabriel da Silva\Contemporânea\NPS\3045BFD0.tmp\</t>
  </si>
  <si>
    <t>\\acsfs\ACS\Gabriel da Silva\Contemporânea\NPS\3045BFD0.tmp</t>
  </si>
  <si>
    <t>3045BFD0.tmp</t>
  </si>
  <si>
    <t>01/13/2020 09:31:51</t>
  </si>
  <si>
    <t>01/13/2020 09:32:59</t>
  </si>
  <si>
    <t>01/13/2020 09:33:12</t>
  </si>
  <si>
    <t>01/13/2020 09:35:27</t>
  </si>
  <si>
    <t>01/13/2020 09:32:10</t>
  </si>
  <si>
    <t>01/13/2020 09:32:55</t>
  </si>
  <si>
    <t>Erro fatal ALINE GUALBERTO SOARES.PNG</t>
  </si>
  <si>
    <t>\\acsfs\ACS\001 - Qualidade Lilian\PAULO\Pasta Tainara\Erro fatal ALINE GUALBERTO SOARES.PNG</t>
  </si>
  <si>
    <t>01/13/2020 09:34:49</t>
  </si>
  <si>
    <t>01/13/2020 09:36:28</t>
  </si>
  <si>
    <t>01/13/2020 09:33:22</t>
  </si>
  <si>
    <t>01/13/2020 09:33:38</t>
  </si>
  <si>
    <t>01/13/2020 09:32:21</t>
  </si>
  <si>
    <t>01/13/2020 09:33:51</t>
  </si>
  <si>
    <t>01/13/2020 09:34:21</t>
  </si>
  <si>
    <t>01/13/2020 09:34:51</t>
  </si>
  <si>
    <t>01/13/2020 09:33:03</t>
  </si>
  <si>
    <t>5f10b3bd-f5e5-47e1-b5be-a1941d3bef01.tmp</t>
  </si>
  <si>
    <t>\\acsfs\profiles$\sarahbal\Downloads\5f10b3bd-f5e5-47e1-b5be-a1941d3bef01.tmp</t>
  </si>
  <si>
    <t>01/13/2020 09:33:09</t>
  </si>
  <si>
    <t>327ab6cf-43fa-4765-8202-701fb95ec900.tmp</t>
  </si>
  <si>
    <t>\\acsfs\profiles$\sarahbal\Downloads\327ab6cf-43fa-4765-8202-701fb95ec900.tmp</t>
  </si>
  <si>
    <t>01/13/2020 09:32:25</t>
  </si>
  <si>
    <t>486a9bb6-b3e6-410a-a029-dd35f1347305.tmp</t>
  </si>
  <si>
    <t>\\acsfs\profiles$\gabriellalpr\Downloads\486a9bb6-b3e6-410a-a029-dd35f1347305.tmp</t>
  </si>
  <si>
    <t>01/13/2020 09:33:05</t>
  </si>
  <si>
    <t>3da47ac7-1622-47fd-98a1-319a56ae12af.tmp</t>
  </si>
  <si>
    <t>\\acsfs\profiles$\gabriellalpr\Downloads\3da47ac7-1622-47fd-98a1-319a56ae12af.tmp</t>
  </si>
  <si>
    <t>01/13/2020 09:34:01</t>
  </si>
  <si>
    <t>16a11b85-1fcd-4fc3-a8bf-ce456533d7e3.tmp</t>
  </si>
  <si>
    <t>\\acsfs\profiles$\gabriellalpr\Downloads\16a11b85-1fcd-4fc3-a8bf-ce456533d7e3.tmp</t>
  </si>
  <si>
    <t>01/13/2020 09:32:06</t>
  </si>
  <si>
    <t>6b52aa13-6a24-4b21-9ac4-891d77d09e3c.tmp</t>
  </si>
  <si>
    <t>\\acsfs\profiles$\jhonatadss\Downloads\6b52aa13-6a24-4b21-9ac4-891d77d09e3c.tmp</t>
  </si>
  <si>
    <t>01/13/2020 09:32:23</t>
  </si>
  <si>
    <t>Não confirmado 487722.crdownload</t>
  </si>
  <si>
    <t>\\acsfs\profiles$\jhonatadss\Downloads\Não confirmado 487722.crdownload</t>
  </si>
  <si>
    <t>00a5e16f-90af-4f88-b487-117af202ab8e.tmp</t>
  </si>
  <si>
    <t>\\acsfs\profiles$\jhonatadss\Downloads\00a5e16f-90af-4f88-b487-117af202ab8e.tmp</t>
  </si>
  <si>
    <t>b81dbb2a-5b9f-42d3-89f7-19b49b47972e.tmp</t>
  </si>
  <si>
    <t>\\acsfs\profiles$\jhonatadss\Downloads\b81dbb2a-5b9f-42d3-89f7-19b49b47972e.tmp</t>
  </si>
  <si>
    <t>01/13/2020 09:32:32</t>
  </si>
  <si>
    <t>Não confirmado 352392.crdownload</t>
  </si>
  <si>
    <t>\\acsfs\profiles$\jhonatadss\Downloads\Não confirmado 352392.crdownload</t>
  </si>
  <si>
    <t>bfa0ff20-bfa3-4067-8280-8fe64a97d8d8.tmp</t>
  </si>
  <si>
    <t>\\acsfs\profiles$\jhonatadss\Downloads\bfa0ff20-bfa3-4067-8280-8fe64a97d8d8.tmp</t>
  </si>
  <si>
    <t>01/13/2020 09:33:00</t>
  </si>
  <si>
    <t>01/13/2020 09:38:28</t>
  </si>
  <si>
    <t>ae92b4e4-ba8f-4e64-bb09-0a8406c83e2c.tmp</t>
  </si>
  <si>
    <t>\\acsfs\profiles$\JOAOVAL\Downloads\ae92b4e4-ba8f-4e64-bb09-0a8406c83e2c.tmp</t>
  </si>
  <si>
    <t>e52f4091-9c4e-42cb-b84e-89bd0b9fb18f.tmp</t>
  </si>
  <si>
    <t>\\acsfs\profiles$\JOAOVAL\Downloads\e52f4091-9c4e-42cb-b84e-89bd0b9fb18f.tmp</t>
  </si>
  <si>
    <t>e1319ec6-108a-49ad-acd1-c63f1a0ca0ec.tmp</t>
  </si>
  <si>
    <t>\\acsfs\profiles$\JOAOVAL\Downloads\e1319ec6-108a-49ad-acd1-c63f1a0ca0ec.tmp</t>
  </si>
  <si>
    <t>01/13/2020 09:34:31</t>
  </si>
  <si>
    <t>29bfa392-af04-45f1-aab2-b432aeee4afd.tmp</t>
  </si>
  <si>
    <t>\\acsfs\profiles$\JOAOVAL\Downloads\29bfa392-af04-45f1-aab2-b432aeee4afd.tmp</t>
  </si>
  <si>
    <t>01/13/2020 09:39:27</t>
  </si>
  <si>
    <t>~$Pesquisa_Satisfação_0801.xlsx</t>
  </si>
  <si>
    <t>\\acsfs\ACS\Gabriel da Silva\Contemporânea\NPS\NPS_Voz\Janeiro.20\~$Pesquisa_Satisfação_0801.xlsx</t>
  </si>
  <si>
    <t>01/13/2020 09:37:40</t>
  </si>
  <si>
    <t>\\acsfs\Deptos\Operacao\Banco_Votorantim\Supervisao\SUPERS BV CARTÕES\ADILSON\</t>
  </si>
  <si>
    <t>\\acsfs\Deptos\Operacao\Banco_Votorantim\Supervisao\SUPERS BV CARTÕES\ADILSON\Controle Equipe Adilson BV.xls</t>
  </si>
  <si>
    <t>01/13/2020 09:35:49</t>
  </si>
  <si>
    <t>01/13/2020 09:38:48</t>
  </si>
  <si>
    <t>01/13/2020 09:40:28</t>
  </si>
  <si>
    <t>01/13/2020 09:36:19</t>
  </si>
  <si>
    <t>5937622c-700d-4749-952b-2f39cca52a03.tmp</t>
  </si>
  <si>
    <t>\\acsfs\profiles$\vivianalds\Downloads\5937622c-700d-4749-952b-2f39cca52a03.tmp</t>
  </si>
  <si>
    <t>01/13/2020 09:38:13</t>
  </si>
  <si>
    <t>10.200.66.127</t>
  </si>
  <si>
    <t>74-86-7A-FB-1B-28</t>
  </si>
  <si>
    <t>VOTORANT-YB004</t>
  </si>
  <si>
    <t>WEDERSON BRUNO ALVES DOS REIS (30413).contact</t>
  </si>
  <si>
    <t>\\acsfs\profiles$\wedersonbadr\Contacts\WEDERSON BRUNO ALVES DOS REIS (30413).contact</t>
  </si>
  <si>
    <t>01/13/2020 09:38:30</t>
  </si>
  <si>
    <t>01/13/2020 09:38:31</t>
  </si>
  <si>
    <t>01/13/2020 09:38:32</t>
  </si>
  <si>
    <t>01/13/2020 09:38:33</t>
  </si>
  <si>
    <t>01/13/2020 09:38:34</t>
  </si>
  <si>
    <t>01/13/2020 09:38:35</t>
  </si>
  <si>
    <t>01/13/2020 09:38:36</t>
  </si>
  <si>
    <t>01/13/2020 09:38:37</t>
  </si>
  <si>
    <t>01/13/2020 09:38:38</t>
  </si>
  <si>
    <t>01/13/2020 09:38:39</t>
  </si>
  <si>
    <t>01/13/2020 09:36:40</t>
  </si>
  <si>
    <t>01/13/2020 09:38:40</t>
  </si>
  <si>
    <t>01/13/2020 09:39:35</t>
  </si>
  <si>
    <t>01/13/2020 09:39:36</t>
  </si>
  <si>
    <t>01/13/2020 09:40:21</t>
  </si>
  <si>
    <t>01/13/2020 09:41:27</t>
  </si>
  <si>
    <t>01/13/2020 09:40:19</t>
  </si>
  <si>
    <t>01/13/2020 09:42:28</t>
  </si>
  <si>
    <t>a27f43bd-737a-44f7-8a6d-c9cd0e344b3e.tmp</t>
  </si>
  <si>
    <t>\\acsfs\profiles$\adelvinsonle\Downloads\a27f43bd-737a-44f7-8a6d-c9cd0e344b3e.tmp</t>
  </si>
  <si>
    <t>01/13/2020 09:40:27</t>
  </si>
  <si>
    <t>01/13/2020 09:37:18</t>
  </si>
  <si>
    <t>mail.google.com/_/upload?authuser=1&amp;dcp=asu-n&amp;upload_id=AEnB2UrGixYjxKZvN7WEop7vGUuiWfV2WAOv3WDqGjnMkh3PMO5ZtPT_UzFJ11KtJFcYdUSGFjrFOoe67Bv3N9cGOz5Ov6Bz7u0EjtR2VjnDi6fnMT3vyZI&amp;upload_protocol=resumable</t>
  </si>
  <si>
    <t>\\acsfs\DEPTOS\Operacao\PCP\3 - Corporativo\RFP´s (Request for Proposal)\2020\Projeto Precificação\</t>
  </si>
  <si>
    <t>Modelo dimensionamento Precificação.xlsx</t>
  </si>
  <si>
    <t>01/13/2020 09:44:28</t>
  </si>
  <si>
    <t>\\acsfs\ACS\Gabriel da Silva\Contemporânea\NPS\781221C.tmp\</t>
  </si>
  <si>
    <t>\\acsfs\ACS\Gabriel da Silva\Contemporânea\NPS\781221C.tmp</t>
  </si>
  <si>
    <t>781221C.tmp</t>
  </si>
  <si>
    <t>01/13/2020 09:39:09</t>
  </si>
  <si>
    <t>\\acsfs\ACS\Gabriel da Silva\Contemporânea\NPS\5ECBB503.tmp\</t>
  </si>
  <si>
    <t>\\acsfs\ACS\Gabriel da Silva\Contemporânea\NPS\5ECBB503.tmp</t>
  </si>
  <si>
    <t>5ECBB503.tmp</t>
  </si>
  <si>
    <t>01/13/2020 09:39:58</t>
  </si>
  <si>
    <t>\\acsfs\ACS\Gabriel da Silva\Contemporânea\NPS\F1BD08FF.tmp\</t>
  </si>
  <si>
    <t>\\acsfs\ACS\Gabriel da Silva\Contemporânea\NPS\F1BD08FF.tmp</t>
  </si>
  <si>
    <t>F1BD08FF.tmp</t>
  </si>
  <si>
    <t>01/13/2020 09:40:06</t>
  </si>
  <si>
    <t>~$NPS CRBV.xlsb</t>
  </si>
  <si>
    <t>\\acsfs\ACS\Gabriel da Silva\Contemporânea\NPS\~$NPS CRBV.xlsb</t>
  </si>
  <si>
    <t>01/13/2020 09:40:07</t>
  </si>
  <si>
    <t>\\acsfs\ACS\Gabriel da Silva\Contemporânea\NPS\7D51FEBB.tmp\</t>
  </si>
  <si>
    <t>\\acsfs\ACS\Gabriel da Silva\Contemporânea\NPS\7D51FEBB.tmp</t>
  </si>
  <si>
    <t>7D51FEBB.tmp</t>
  </si>
  <si>
    <t>01/13/2020 09:40:08</t>
  </si>
  <si>
    <t>01/13/2020 09:40:36</t>
  </si>
  <si>
    <t>B451538E.tmp</t>
  </si>
  <si>
    <t>\\acsfs\ACS\Gabriel da Silva\Contemporânea\NPS\NPS_Voz\B451538E.tmp</t>
  </si>
  <si>
    <t>01/13/2020 09:40:37</t>
  </si>
  <si>
    <t>TMO - Cópia.xlsm</t>
  </si>
  <si>
    <t>\\acsfs\ACS\Gabriel da Silva\Contemporânea\TMO - Cópia.xlsm</t>
  </si>
  <si>
    <t>01/13/2020 09:41:58</t>
  </si>
  <si>
    <t>10197F73.tmp</t>
  </si>
  <si>
    <t>\\acsfs\ACS\Gabriel da Silva\Contemporânea\10197F73.tmp</t>
  </si>
  <si>
    <t>~$TMO_Jan.20.xlsm</t>
  </si>
  <si>
    <t>\\acsfs\ACS\Gabriel da Silva\Contemporânea\~$TMO_Jan.20.xlsm</t>
  </si>
  <si>
    <t>01/13/2020 09:41:59</t>
  </si>
  <si>
    <t>01/13/2020 09:42:00</t>
  </si>
  <si>
    <t>01/13/2020 09:42:44</t>
  </si>
  <si>
    <t>TMO_Jan.20.xlsm</t>
  </si>
  <si>
    <t>\\acsfs\ACS\Gabriel da Silva\Contemporânea\TMO_Jan.20.xlsm</t>
  </si>
  <si>
    <t>01/13/2020 09:40:12</t>
  </si>
  <si>
    <t>a2773d30-c69e-4115-bc9e-e9635415abf2.tmp</t>
  </si>
  <si>
    <t>\\acsfs\profiles$\nayarasds\Downloads\a2773d30-c69e-4115-bc9e-e9635415abf2.tmp</t>
  </si>
  <si>
    <t>01/13/2020 09:40:40</t>
  </si>
  <si>
    <t>01/13/2020 09:41:14</t>
  </si>
  <si>
    <t>919e5d78-1e28-46f7-aa10-61cd816562a8.tmp</t>
  </si>
  <si>
    <t>\\acsfs\profiles$\lorenabmc\Downloads\919e5d78-1e28-46f7-aa10-61cd816562a8.tmp</t>
  </si>
  <si>
    <t>01/13/2020 09:42:55</t>
  </si>
  <si>
    <t>227bfde1-7604-48ba-a6d5-17855de28afe.tmp</t>
  </si>
  <si>
    <t>\\acsfs\profiles$\lorenabmc\Downloads\227bfde1-7604-48ba-a6d5-17855de28afe.tmp</t>
  </si>
  <si>
    <t>01/13/2020 09:43:10</t>
  </si>
  <si>
    <t>3fa8f2ac-32d7-4faf-87a1-cada31972541.tmp</t>
  </si>
  <si>
    <t>\\acsfs\profiles$\lorenabmc\Downloads\3fa8f2ac-32d7-4faf-87a1-cada31972541.tmp</t>
  </si>
  <si>
    <t>01/13/2020 09:43:32</t>
  </si>
  <si>
    <t>01/13/2020 09:43:54</t>
  </si>
  <si>
    <t>5adf4690-40bb-4df0-b225-045b8365dac8.tmp</t>
  </si>
  <si>
    <t>\\acsfs\profiles$\LAISLG\Downloads\5adf4690-40bb-4df0-b225-045b8365dac8.tmp</t>
  </si>
  <si>
    <t>01/13/2020 09:40:15</t>
  </si>
  <si>
    <t>01/13/2020 09:39:46</t>
  </si>
  <si>
    <t>01/13/2020 09:45:27</t>
  </si>
  <si>
    <t>01/13/2020 09:42:41</t>
  </si>
  <si>
    <t>01/13/2020 09:42:47</t>
  </si>
  <si>
    <t>mail.google.com/sync/u/0/i/s?hl=pt-BR&amp;c=964</t>
  </si>
  <si>
    <t>01/13/2020 09:42:59</t>
  </si>
  <si>
    <t>01/13/2020 09:43:04</t>
  </si>
  <si>
    <t>01/13/2020 09:43:08</t>
  </si>
  <si>
    <t>01/13/2020 09:43:15</t>
  </si>
  <si>
    <t>01/13/2020 09:43:21</t>
  </si>
  <si>
    <t>01/13/2020 09:43:28</t>
  </si>
  <si>
    <t>01/13/2020 09:43:35</t>
  </si>
  <si>
    <t>01/13/2020 09:43:43</t>
  </si>
  <si>
    <t>01/13/2020 09:44:03</t>
  </si>
  <si>
    <t>01/13/2020 09:44:10</t>
  </si>
  <si>
    <t>01/13/2020 09:44:11</t>
  </si>
  <si>
    <t>01/13/2020 09:44:14</t>
  </si>
  <si>
    <t>01/13/2020 09:44:26</t>
  </si>
  <si>
    <t>01/13/2020 09:40:20</t>
  </si>
  <si>
    <t>01/13/2020 09:42:52</t>
  </si>
  <si>
    <t>01/13/2020 09:40:51</t>
  </si>
  <si>
    <t>01/13/2020 09:46:28</t>
  </si>
  <si>
    <t>01/13/2020 09:44:02</t>
  </si>
  <si>
    <t>01/13/2020 09:41:55</t>
  </si>
  <si>
    <t>01/13/2020 09:47:27</t>
  </si>
  <si>
    <t>acb5dbb2-d20a-45c7-b8a6-f046d9f23851.tmp</t>
  </si>
  <si>
    <t>\\acsfs\profiles$\adelvinsonle\Downloads\acb5dbb2-d20a-45c7-b8a6-f046d9f23851.tmp</t>
  </si>
  <si>
    <t>01/13/2020 09:46:22</t>
  </si>
  <si>
    <t>01/13/2020 09:48:27</t>
  </si>
  <si>
    <t>01/13/2020 09:47:43</t>
  </si>
  <si>
    <t>01/13/2020 09:44:38</t>
  </si>
  <si>
    <t>01/13/2020 09:48:05</t>
  </si>
  <si>
    <t>01/13/2020 09:48:07</t>
  </si>
  <si>
    <t>01/13/2020 09:49:27</t>
  </si>
  <si>
    <t>01/13/2020 09:43:57</t>
  </si>
  <si>
    <t>01/13/2020 09:45:34</t>
  </si>
  <si>
    <t>01/13/2020 09:45:43</t>
  </si>
  <si>
    <t>01/13/2020 09:46:10</t>
  </si>
  <si>
    <t>01/13/2020 09:48:22</t>
  </si>
  <si>
    <t>5ec94b25-185b-4423-adc6-2805e9a26462.tmp</t>
  </si>
  <si>
    <t>\\acsfs\profiles$\gabrielsma\Downloads\5ec94b25-185b-4423-adc6-2805e9a26462.tmp</t>
  </si>
  <si>
    <t>01/13/2020 09:46:09</t>
  </si>
  <si>
    <t>it.manager</t>
  </si>
  <si>
    <t>auto-install.xml</t>
  </si>
  <si>
    <t>01/13/2020 09:46:11</t>
  </si>
  <si>
    <t>01/13/2020 09:46:12</t>
  </si>
  <si>
    <t>C:\Users\adilsonloj\Contacts\</t>
  </si>
  <si>
    <t>C:\Users\adilsonloj\Desktop\</t>
  </si>
  <si>
    <t>C:\Users\adilsonloj\Documents\</t>
  </si>
  <si>
    <t>C:\Users\adilsonloj\Favorites\</t>
  </si>
  <si>
    <t>01/13/2020 09:47:18</t>
  </si>
  <si>
    <t>4f9aec8a-689c-47d6-837c-1d5ea07b1660.tmp</t>
  </si>
  <si>
    <t>\\acsfs\profiles$\lorenabmc\Downloads\4f9aec8a-689c-47d6-837c-1d5ea07b1660.tmp</t>
  </si>
  <si>
    <t>C:\Users\adilsonloj\Links\</t>
  </si>
  <si>
    <t>C:\Users\adilsonloj\Music\</t>
  </si>
  <si>
    <t>C:\Users\adilsonloj\Pictures\</t>
  </si>
  <si>
    <t>C:\Users\adilsonloj\Saved Games\</t>
  </si>
  <si>
    <t>C:\Users\adilsonloj\Searches\</t>
  </si>
  <si>
    <t>C:\Users\adilsonloj\Videos\</t>
  </si>
  <si>
    <t>C:\Users\adilsonloj\Favorites\Links\</t>
  </si>
  <si>
    <t>01/13/2020 09:44:12</t>
  </si>
  <si>
    <t>e7e16a7f-c30c-409d-bb4b-9eb7ac8caf26.tmp</t>
  </si>
  <si>
    <t>\\acsfs\profiles$\LAISLG\Downloads\e7e16a7f-c30c-409d-bb4b-9eb7ac8caf26.tmp</t>
  </si>
  <si>
    <t>C:\Users\adilsonloj\Favorites\Links for Brasil\</t>
  </si>
  <si>
    <t>01/13/2020 09:46:13</t>
  </si>
  <si>
    <t>C:\Users\alefgdo\Contacts\</t>
  </si>
  <si>
    <t>C:\Users\alefgdo\Desktop\</t>
  </si>
  <si>
    <t>01/13/2020 09:45:05</t>
  </si>
  <si>
    <t>8334251c-b29f-41d1-84d1-e484fc8e1ed4.tmp</t>
  </si>
  <si>
    <t>\\acsfs\profiles$\LAISLG\Downloads\8334251c-b29f-41d1-84d1-e484fc8e1ed4.tmp</t>
  </si>
  <si>
    <t>C:\Users\alefgdo\Documents\</t>
  </si>
  <si>
    <t>C:\Users\alefgdo\Downloads\</t>
  </si>
  <si>
    <t>C:\Users\alefgdo\Favorites\</t>
  </si>
  <si>
    <t>C:\Users\alefgdo\Links\</t>
  </si>
  <si>
    <t>C:\Users\alefgdo\Music\</t>
  </si>
  <si>
    <t>C:\Users\alefgdo\Pictures\</t>
  </si>
  <si>
    <t>C:\Users\alefgdo\Saved Games\</t>
  </si>
  <si>
    <t>C:\Users\alefgdo\Searches\</t>
  </si>
  <si>
    <t>C:\Users\alefgdo\Videos\</t>
  </si>
  <si>
    <t>C:\Users\alefgdo\Favorites\Links\</t>
  </si>
  <si>
    <t>C:\Users\alefgdo\Favorites\Links for Brasil\</t>
  </si>
  <si>
    <t>bfsvc.exe</t>
  </si>
  <si>
    <t>C:\Windows\pt-BR\</t>
  </si>
  <si>
    <t>bfsvc.exe.mui</t>
  </si>
  <si>
    <t>01/13/2020 09:46:14</t>
  </si>
  <si>
    <t>_default.pif</t>
  </si>
  <si>
    <t>C:\Users\anapn\Contacts\</t>
  </si>
  <si>
    <t>C:\Users\anapn\Desktop\</t>
  </si>
  <si>
    <t>C:\Users\anapn\Documents\</t>
  </si>
  <si>
    <t>C:\Users\anapn\Downloads\</t>
  </si>
  <si>
    <t>C:\Users\anapn\Favorites\</t>
  </si>
  <si>
    <t>C:\Users\anapn\Links\</t>
  </si>
  <si>
    <t>C:\Users\anapn\Music\</t>
  </si>
  <si>
    <t>C:\Users\anapn\Pictures\</t>
  </si>
  <si>
    <t>01/13/2020 09:46:15</t>
  </si>
  <si>
    <t>C:\Users\anapn\Saved Games\</t>
  </si>
  <si>
    <t>C:\Users\anapn\Searches\</t>
  </si>
  <si>
    <t>C:\Users\anapn\Videos\</t>
  </si>
  <si>
    <t>01/13/2020 09:46:18</t>
  </si>
  <si>
    <t>C:\Windows\System32\</t>
  </si>
  <si>
    <t>AdapterTroubleshooter.exe</t>
  </si>
  <si>
    <t>01/13/2020 09:46:17</t>
  </si>
  <si>
    <t>C:\Windows\System32\pt-BR\</t>
  </si>
  <si>
    <t>AdapterTroubleshooter.exe.mui</t>
  </si>
  <si>
    <t>01/13/2020 09:46:35</t>
  </si>
  <si>
    <t>01/13/2020 09:45:32</t>
  </si>
  <si>
    <t>a3334b84-968f-4ae1-be54-afc48f78a410.tmp</t>
  </si>
  <si>
    <t>\\acsfs\profiles$\leticiala\Downloads\a3334b84-968f-4ae1-be54-afc48f78a410.tmp</t>
  </si>
  <si>
    <t>01/13/2020 09:46:03</t>
  </si>
  <si>
    <t>25ce6d51-1966-4673-b74c-86fe5a217a14.tmp</t>
  </si>
  <si>
    <t>\\acsfs\profiles$\leticiala\Downloads\25ce6d51-1966-4673-b74c-86fe5a217a14.tmp</t>
  </si>
  <si>
    <t>01/13/2020 09:47:30</t>
  </si>
  <si>
    <t>01/13/2020 09:47:49</t>
  </si>
  <si>
    <t>01/13/2020 09:50:27</t>
  </si>
  <si>
    <t>e3d9bb8f-3c46-4c67-b721-2a9bd9f585a8.tmp</t>
  </si>
  <si>
    <t>\\acsfs\profiles$\cintiadcf\Downloads\e3d9bb8f-3c46-4c67-b721-2a9bd9f585a8.tmp</t>
  </si>
  <si>
    <t>01/13/2020 09:44:51</t>
  </si>
  <si>
    <t>01/13/2020 09:44:53</t>
  </si>
  <si>
    <t>01/13/2020 09:44:56</t>
  </si>
  <si>
    <t>01/13/2020 09:45:03</t>
  </si>
  <si>
    <t>01/13/2020 09:45:08</t>
  </si>
  <si>
    <t>01/13/2020 09:45:47</t>
  </si>
  <si>
    <t>01/13/2020 09:45:57</t>
  </si>
  <si>
    <t>mail.google.com/sync/u/0/i/s?hl=pt-BR&amp;c=1005</t>
  </si>
  <si>
    <t>01/13/2020 09:46:04</t>
  </si>
  <si>
    <t>mail.google.com/sync/u/0/i/s?hl=pt-BR&amp;c=1007</t>
  </si>
  <si>
    <t>andrelpsa@algartech.com;joaogvc@algartech.com;leonardoao@algartech.com;marianadjc@algartech.com;maristelavodq@bv.algartech.com;paulacn@algartech.com;planejamentodeoperacoesetrafego@bv.com.br;rafaelggs@algartech.com;raphaelmco@algartech.com.br;ricardodfm@algartech.com.br;taysdss@algartech.com;viniciussg@algartech.com;</t>
  </si>
  <si>
    <t>andrelpsa@algartech.com,joaogvc@algartech.com,leonardoao@algartech.com,marianadjc@algartech.com,maristelavodq@bv.algartech.com,paulacn@algartech.com,planejamentodeoperacoesetrafego@bv.com.br,rafaelggs@algartech.com,raphaelmco@algartech.com.br,ricardodfm@algartech.com.br,taysdss@algartech.com,viniciussg@algartech.com</t>
  </si>
  <si>
    <t>01/13/2020 09:46:20</t>
  </si>
  <si>
    <t>01/13/2020 09:47:02</t>
  </si>
  <si>
    <t>01/13/2020 09:47:44</t>
  </si>
  <si>
    <t>01/13/2020 09:47:46</t>
  </si>
  <si>
    <t>01/13/2020 09:46:57</t>
  </si>
  <si>
    <t>01/13/2020 09:47:51</t>
  </si>
  <si>
    <t>01/13/2020 09:51:27</t>
  </si>
  <si>
    <t>01/13/2020 09:48:21</t>
  </si>
  <si>
    <t>01/13/2020 09:49:41</t>
  </si>
  <si>
    <t>190263 - Avon SAC Front Digital + Pessoas.xlsb</t>
  </si>
  <si>
    <t>C:\Users\hewertontr\Desktop\AVON\BP\190263 - Avon SAC Front Digital + Pessoas.xlsb\</t>
  </si>
  <si>
    <t>01/13/2020 09:47:34</t>
  </si>
  <si>
    <t>fcbfc539-690d-4f12-b069-219b5e33349a.tmp</t>
  </si>
  <si>
    <t>\\acsfs\profiles$\gabriellalpr\Downloads\fcbfc539-690d-4f12-b069-219b5e33349a.tmp</t>
  </si>
  <si>
    <t>f7d7bcc1-0023-4e9f-9691-b0b4b5de2ff2.tmp</t>
  </si>
  <si>
    <t>\\acsfs\profiles$\jhonatadss\Downloads\f7d7bcc1-0023-4e9f-9691-b0b4b5de2ff2.tmp</t>
  </si>
  <si>
    <t>10.207.12.75</t>
  </si>
  <si>
    <t>RFI.xlsx</t>
  </si>
  <si>
    <t>C:\Users\marcoab\Desktop\ENC_ Convite_Concorrência_Filed - Ambiente distribuído - Movida (3).msg\s142\</t>
  </si>
  <si>
    <t>RFQ_Field.xlsx</t>
  </si>
  <si>
    <t>https://caey.fa.us2.oraclecloud.com/crmui/faces/fusewelcome?_adf.ctrl-state=ro1kwp92z_5</t>
  </si>
  <si>
    <t>C:\Users\marcoab\Desktop\Aviso Prévio - Contrato Concessão de Acessos 2019.eml\</t>
  </si>
  <si>
    <t>01/13/2020 09:48:02</t>
  </si>
  <si>
    <t>01/13/2020 09:52:27</t>
  </si>
  <si>
    <t>f18e3013-47d9-44db-9b14-219ec27d5fa8.tmp</t>
  </si>
  <si>
    <t>\\acsfs\profiles$\lucasgpe\Downloads\f18e3013-47d9-44db-9b14-219ec27d5fa8.tmp</t>
  </si>
  <si>
    <t>01/13/2020 09:51:26</t>
  </si>
  <si>
    <t>01/13/2020 09:51:45</t>
  </si>
  <si>
    <t>41a73c96-9424-47f1-9f69-ffedfce709ea.tmp</t>
  </si>
  <si>
    <t>\\acsfs\profiles$\mariagsg\Downloads\41a73c96-9424-47f1-9f69-ffedfce709ea.tmp</t>
  </si>
  <si>
    <t>01/13/2020 09:51:47</t>
  </si>
  <si>
    <t>c5fc7a94-7feb-4510-a746-524a9610aaf0.tmp</t>
  </si>
  <si>
    <t>\\acsfs\profiles$\mariagsg\Downloads\c5fc7a94-7feb-4510-a746-524a9610aaf0.tmp</t>
  </si>
  <si>
    <t>01/13/2020 09:48:42</t>
  </si>
  <si>
    <t>01/13/2020 09:54:28</t>
  </si>
  <si>
    <t>Não confirmado 633681.crdownload</t>
  </si>
  <si>
    <t>\\acsfs\ACS\Gabriel da Silva\Contemporânea\Comissão e Incentivo\Histórico\Não confirmado 633681.crdownload</t>
  </si>
  <si>
    <t>01/13/2020 09:50:40</t>
  </si>
  <si>
    <t>01/13/2020 09:51:13</t>
  </si>
  <si>
    <t>9c1fcbd2-d91f-4025-a779-f106d447d372.tmp</t>
  </si>
  <si>
    <t>\\acsfs\profiles$\lorraynevam\Downloads\9c1fcbd2-d91f-4025-a779-f106d447d372.tmp</t>
  </si>
  <si>
    <t>01/13/2020 09:54:07</t>
  </si>
  <si>
    <t>01/13/2020 09:55:28</t>
  </si>
  <si>
    <t>01/13/2020 09:54:45</t>
  </si>
  <si>
    <t>01/13/2020 09:51:51</t>
  </si>
  <si>
    <t>01/13/2020 09:56:28</t>
  </si>
  <si>
    <t>01/13/2020 09:52:21</t>
  </si>
  <si>
    <t>01/13/2020 09:52:52</t>
  </si>
  <si>
    <t>01/13/2020 09:53:22</t>
  </si>
  <si>
    <t>01/13/2020 09:53:52</t>
  </si>
  <si>
    <t>01/13/2020 09:54:52</t>
  </si>
  <si>
    <t>01/13/2020 09:52:47</t>
  </si>
  <si>
    <t>dd8a471d-5237-4e4e-8981-89ebd08f0acc.tmp</t>
  </si>
  <si>
    <t>\\acsfs\profiles$\jhonatadss\Downloads\dd8a471d-5237-4e4e-8981-89ebd08f0acc.tmp</t>
  </si>
  <si>
    <t>01/13/2020 09:55:49</t>
  </si>
  <si>
    <t>Folha Retificadora Rodrigo Pereira dos Santos 104829 (2).xlsx</t>
  </si>
  <si>
    <t>01/13/2020 09:51:58</t>
  </si>
  <si>
    <t>01/13/2020 09:57:28</t>
  </si>
  <si>
    <t>79664663-46a8-40c6-87a4-73536da09300.tmp</t>
  </si>
  <si>
    <t>\\acsfs\profiles$\kamilamrc\Downloads\79664663-46a8-40c6-87a4-73536da09300.tmp</t>
  </si>
  <si>
    <t>01/13/2020 09:53:15</t>
  </si>
  <si>
    <t>c27445af-1f27-4e4f-aefa-dd2760897525.tmp</t>
  </si>
  <si>
    <t>\\acsfs\profiles$\kamilamrc\Downloads\c27445af-1f27-4e4f-aefa-dd2760897525.tmp</t>
  </si>
  <si>
    <t>01/13/2020 09:53:37</t>
  </si>
  <si>
    <t>20068fdc-cf65-47b7-8695-a054496e76d8.tmp</t>
  </si>
  <si>
    <t>\\acsfs\profiles$\kamilamrc\Downloads\20068fdc-cf65-47b7-8695-a054496e76d8.tmp</t>
  </si>
  <si>
    <t>01/13/2020 09:53:50</t>
  </si>
  <si>
    <t>a6e5c7c9-d004-4ba4-82cf-3ea2baefc988.tmp</t>
  </si>
  <si>
    <t>\\acsfs\profiles$\kamilamrc\Downloads\a6e5c7c9-d004-4ba4-82cf-3ea2baefc988.tmp</t>
  </si>
  <si>
    <t>01/13/2020 09:53:55</t>
  </si>
  <si>
    <t>1556ac60-9bc8-4735-b247-a0b0578995f8.tmp</t>
  </si>
  <si>
    <t>\\acsfs\profiles$\kamilamrc\Downloads\1556ac60-9bc8-4735-b247-a0b0578995f8.tmp</t>
  </si>
  <si>
    <t>01/13/2020 09:54:02</t>
  </si>
  <si>
    <t>1de5f213-aa91-4eca-90ce-7497cac49beb.tmp</t>
  </si>
  <si>
    <t>\\acsfs\profiles$\kamilamrc\Downloads\1de5f213-aa91-4eca-90ce-7497cac49beb.tmp</t>
  </si>
  <si>
    <t>01/13/2020 09:53:11</t>
  </si>
  <si>
    <t>b6750e88-7473-4096-b256-85a03539c148.tmp</t>
  </si>
  <si>
    <t>\\acsfs\profiles$\mariagsg\Downloads\b6750e88-7473-4096-b256-85a03539c148.tmp</t>
  </si>
  <si>
    <t>01/13/2020 09:53:12</t>
  </si>
  <si>
    <t>b782c98b-080b-4ccf-97e7-33f94afeab3f.tmp</t>
  </si>
  <si>
    <t>\\acsfs\profiles$\mariagsg\Downloads\b782c98b-080b-4ccf-97e7-33f94afeab3f.tmp</t>
  </si>
  <si>
    <t>01/13/2020 09:57:10</t>
  </si>
  <si>
    <t>01/13/2020 09:54:33</t>
  </si>
  <si>
    <t>01/13/2020 09:58:28</t>
  </si>
  <si>
    <t>7b8b2ca5-d85d-48bc-ac46-38afb9f5349b.tmp</t>
  </si>
  <si>
    <t>\\acsfs\profiles$\ROZENCAM\Downloads\7b8b2ca5-d85d-48bc-ac46-38afb9f5349b.tmp</t>
  </si>
  <si>
    <t>01/13/2020 09:55:23</t>
  </si>
  <si>
    <t>201d3055-5cb1-4f9b-85b8-4c1708cc8ff6.tmp</t>
  </si>
  <si>
    <t>\\acsfs\profiles$\francislayneads\Downloads\201d3055-5cb1-4f9b-85b8-4c1708cc8ff6.tmp</t>
  </si>
  <si>
    <t>01/13/2020 09:55:52</t>
  </si>
  <si>
    <t>b4d76b5e-60ba-4925-b209-7cff0d652856.tmp</t>
  </si>
  <si>
    <t>\\acsfs\profiles$\francislayneads\Downloads\b4d76b5e-60ba-4925-b209-7cff0d652856.tmp</t>
  </si>
  <si>
    <t>01/13/2020 09:55:00</t>
  </si>
  <si>
    <t>01/13/2020 09:59:28</t>
  </si>
  <si>
    <t>Comissão BV - CRBV CDC Vendas.xlsx</t>
  </si>
  <si>
    <t>\\acsfs\ACS\Gabriel da Silva\Contemporânea\Comissão e Incentivo\Comissão BV - CRBV CDC Vendas.xlsx</t>
  </si>
  <si>
    <t>01/13/2020 09:55:11</t>
  </si>
  <si>
    <t>71868939-4900-443f-bb04-7d61c9e1a0e5.tmp</t>
  </si>
  <si>
    <t>\\acsfs\profiles$\gabrielsma\Downloads\71868939-4900-443f-bb04-7d61c9e1a0e5.tmp</t>
  </si>
  <si>
    <t>01/13/2020 09:57:34</t>
  </si>
  <si>
    <t>01/13/2020 09:58:40</t>
  </si>
  <si>
    <t>e6d76d4c-09b4-4528-bfa4-8c26d0afaad5.tmp</t>
  </si>
  <si>
    <t>\\acsfs\profiles$\gabrielafs\Downloads\e6d76d4c-09b4-4528-bfa4-8c26d0afaad5.tmp</t>
  </si>
  <si>
    <t>a6530847-51b5-48b4-a7bb-4a7aa561638d.tmp</t>
  </si>
  <si>
    <t>\\acsfs\profiles$\gabrielafs\Downloads\a6530847-51b5-48b4-a7bb-4a7aa561638d.tmp</t>
  </si>
  <si>
    <t>01/13/2020 09:58:41</t>
  </si>
  <si>
    <t>7f27d988-f03e-402f-92fc-425c1c435e6c.tmp</t>
  </si>
  <si>
    <t>\\acsfs\profiles$\gabrielafs\Downloads\7f27d988-f03e-402f-92fc-425c1c435e6c.tmp</t>
  </si>
  <si>
    <t>01/13/2020 09:56:17</t>
  </si>
  <si>
    <t>16759aed-148e-453a-a9aa-51a338a51d8a.tmp</t>
  </si>
  <si>
    <t>\\acsfs\profiles$\leticiala\Downloads\16759aed-148e-453a-a9aa-51a338a51d8a.tmp</t>
  </si>
  <si>
    <t>01/13/2020 09:59:02</t>
  </si>
  <si>
    <t>01/13/2020 09:58:01</t>
  </si>
  <si>
    <t>01/13/2020 10:00:28</t>
  </si>
  <si>
    <t>01/13/2020 09:57:04</t>
  </si>
  <si>
    <t>01/13/2020 09:58:56</t>
  </si>
  <si>
    <t>01/13/2020 09:58:22</t>
  </si>
  <si>
    <t>01/13/2020 10:01:29</t>
  </si>
  <si>
    <t>01/13/2020 09:58:52</t>
  </si>
  <si>
    <t>01/13/2020 09:59:22</t>
  </si>
  <si>
    <t>01/13/2020 09:59:52</t>
  </si>
  <si>
    <t>01/13/2020 10:00:22</t>
  </si>
  <si>
    <t>mail.google.com/_/upload?authuser=0&amp;dcp=asu-n&amp;upload_id=AEnB2UrKjDup_W9II1fG3S78pj4g_f7Q9BWaoPTvtV-deN4ZXPe8L1PbJlpjKB9-DnfhEJFC-Z-hC6yZ7vvC7w6wvkWkQLI27LjyqkmGr_chdJlDxOxznlc&amp;upload_protocol=resumable</t>
  </si>
  <si>
    <t>annecsm@algartech.com;brunocss@algartech.com;</t>
  </si>
  <si>
    <t>Plano de Guerra - Caixa.xlsx</t>
  </si>
  <si>
    <t>annecsm@algartech.com,brunocss@algartech.com</t>
  </si>
  <si>
    <t>01/13/2020 09:57:06</t>
  </si>
  <si>
    <t>01/13/2020 10:02:28</t>
  </si>
  <si>
    <t>01/13/2020 09:57:07</t>
  </si>
  <si>
    <t>01/13/2020 09:57:08</t>
  </si>
  <si>
    <t>01/13/2020 09:57:09</t>
  </si>
  <si>
    <t>01/13/2020 09:57:12</t>
  </si>
  <si>
    <t>01/13/2020 09:57:13</t>
  </si>
  <si>
    <t>01/13/2020 09:57:14</t>
  </si>
  <si>
    <t>01/13/2020 09:57:15</t>
  </si>
  <si>
    <t>01/13/2020 09:57:16</t>
  </si>
  <si>
    <t>01/13/2020 09:57:17</t>
  </si>
  <si>
    <t>01/13/2020 09:57:18</t>
  </si>
  <si>
    <t>01/13/2020 09:57:19</t>
  </si>
  <si>
    <t>01/13/2020 09:57:20</t>
  </si>
  <si>
    <t>01/13/2020 09:57:21</t>
  </si>
  <si>
    <t>01/13/2020 09:57:22</t>
  </si>
  <si>
    <t>01/13/2020 09:57:23</t>
  </si>
  <si>
    <t>01/13/2020 09:57:24</t>
  </si>
  <si>
    <t>01/13/2020 09:57:25</t>
  </si>
  <si>
    <t>01/13/2020 09:57:26</t>
  </si>
  <si>
    <t>01/13/2020 09:57:27</t>
  </si>
  <si>
    <t>01/13/2020 09:57:29</t>
  </si>
  <si>
    <t>01/13/2020 09:57:30</t>
  </si>
  <si>
    <t>01/13/2020 09:57:31</t>
  </si>
  <si>
    <t>01/13/2020 09:57:32</t>
  </si>
  <si>
    <t>01/13/2020 09:57:33</t>
  </si>
  <si>
    <t>01/13/2020 09:59:53</t>
  </si>
  <si>
    <t>MATHEUS HENRIQUE DOS SANTOS (23702).contact</t>
  </si>
  <si>
    <t>\\acsfs\profiles$\matheushds\Contacts\MATHEUS HENRIQUE DOS SANTOS (23702).contact</t>
  </si>
  <si>
    <t>01/13/2020 10:00:07</t>
  </si>
  <si>
    <t>01/13/2020 10:00:08</t>
  </si>
  <si>
    <t>01/13/2020 10:00:09</t>
  </si>
  <si>
    <t>01/13/2020 10:00:10</t>
  </si>
  <si>
    <t>01/13/2020 10:00:11</t>
  </si>
  <si>
    <t>01/13/2020 10:00:12</t>
  </si>
  <si>
    <t>01/13/2020 10:00:13</t>
  </si>
  <si>
    <t>01/13/2020 10:00:14</t>
  </si>
  <si>
    <t>01/13/2020 10:00:15</t>
  </si>
  <si>
    <t>01/13/2020 10:00:33</t>
  </si>
  <si>
    <t>01/13/2020 10:00:34</t>
  </si>
  <si>
    <t>01/13/2020 10:00:35</t>
  </si>
  <si>
    <t>01/13/2020 10:00:36</t>
  </si>
  <si>
    <t>01/13/2020 10:00:37</t>
  </si>
  <si>
    <t>01/13/2020 09:57:45</t>
  </si>
  <si>
    <t>ancestorhasaugmentedpermissions;andrelpsa@algartech.com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ancestorhasaugmentedpermissions,andrelpsa@algartech.com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1/13/2020 09:58:03</t>
  </si>
  <si>
    <t>01/13/2020 09:58:05</t>
  </si>
  <si>
    <t>01/13/2020 09:58:06</t>
  </si>
  <si>
    <t>01/13/2020 09:58:08</t>
  </si>
  <si>
    <t>01/13/2020 10:01:06</t>
  </si>
  <si>
    <t>mail.google.com/_/upload?authuser=0&amp;dcp=asu-n&amp;upload_id=AEnB2UpvJ8t_cOtPslVYoF9O6AjkEZn_r_WZr72CONUfozQJ2q_lJlWQfKVuGvMIp79d59j0is9PQL3j_Fq5lSu5d4FmAIeAb9cPfoEd1SIpYPiBKZ8RgxI&amp;upload_protocol=resumable</t>
  </si>
  <si>
    <t>\\acsfs\DEPTOS\Operacao\PCP\5 - Comum\ACOMPANHAMENTO AMEX\43 - ACOMPANHAMENTO PJ\3 - FINANCEIRO\2019\12 - Dezembro\</t>
  </si>
  <si>
    <t>Fechamento Financeiro_Dezembro_19 - Validado.xlsb</t>
  </si>
  <si>
    <t>01/13/2020 10:00:05</t>
  </si>
  <si>
    <t>01/13/2020 10:03:29</t>
  </si>
  <si>
    <t>10.200.58.122</t>
  </si>
  <si>
    <t>C:\Users\jefersonfo\Documents\Votorantim\RFP PROCON\</t>
  </si>
  <si>
    <t>Campos cadastro_02_01_20.xlsx</t>
  </si>
  <si>
    <t>Questionamentos.xlsx</t>
  </si>
  <si>
    <t>Questionamentos_Algar_07jan20_RESP ÁREA GEST.xlsx</t>
  </si>
  <si>
    <t>C:\Users\jefersonfo\Documents\Boticário\Apresentação Boticário - Evolução Digital VFinal.pptx\</t>
  </si>
  <si>
    <t>01/13/2020 10:01:14</t>
  </si>
  <si>
    <t>mail.google.com/_/upload?authuser=0&amp;dcp=asu-n&amp;upload_id=AEnB2UqNUa-DbewReoerHoi4S5B1iP5s4SHbtB1vop01tDBhy5sGMP8FiwZMFmulfM31xArTjc3zqlcas8f6jFTsiyRLRfMROREnIsSY9PA88OwzwED3ozc&amp;upload_protocol=resumable</t>
  </si>
  <si>
    <t>\\acsfs\engeset\ASA_ULA\NUCLEO_ATIVOS\RELATÓRIOS DE ATIVOS\Orçamento\2020\</t>
  </si>
  <si>
    <t>Cr's bloqueados 2020.xlsx</t>
  </si>
  <si>
    <t>01/13/2020 10:02:51</t>
  </si>
  <si>
    <t>98c4d948-d910-49a4-8a99-1ac8a559cb66.tmp</t>
  </si>
  <si>
    <t>\\acsfs\profiles$\nataliacsl\Downloads\98c4d948-d910-49a4-8a99-1ac8a559cb66.tmp</t>
  </si>
  <si>
    <t>01/13/2020 10:01:53</t>
  </si>
  <si>
    <t>01/13/2020 10:02:40</t>
  </si>
  <si>
    <t>01/13/2020 10:04:28</t>
  </si>
  <si>
    <t>635656d2-8ac4-4ac4-9432-f12eda5ec0d2.tmp</t>
  </si>
  <si>
    <t>\\acsfs\profiles$\ALYNYA\Downloads\635656d2-8ac4-4ac4-9432-f12eda5ec0d2.tmp</t>
  </si>
  <si>
    <t>01/13/2020 10:01:18</t>
  </si>
  <si>
    <t>4eacb67b-9ff4-42b2-b392-1720c5ee1322.tmp</t>
  </si>
  <si>
    <t>\\acsfs\profiles$\gabrielafs\Downloads\4eacb67b-9ff4-42b2-b392-1720c5ee1322.tmp</t>
  </si>
  <si>
    <t>03b2010a-9882-408f-9553-5c0ddf7f2ae6.tmp</t>
  </si>
  <si>
    <t>\\acsfs\profiles$\gabrielafs\Downloads\03b2010a-9882-408f-9553-5c0ddf7f2ae6.tmp</t>
  </si>
  <si>
    <t>01/13/2020 09:59:51</t>
  </si>
  <si>
    <t>amandasiol@algartech.com.br;danielarbr@algartech.com.br;danilobca@algartech.com.br;denisemso@algartech.com.br;josianesb@algartech.com.br;kellyao@algartech.com.br;marcellarr@algartech.com.br;moyaraasr@algartech.com.br;rafaelaas@algartech.com;suciellerr@algartech.com.br;</t>
  </si>
  <si>
    <t>Fechamento de Dezembro/2019</t>
  </si>
  <si>
    <t>Dados análise Rafaela (DEZEMBRO).xlsb</t>
  </si>
  <si>
    <t>amandasiol@algartech.com.br,danielarbr@algartech.com.br,danilobca@algartech.com.br,denisemso@algartech.com.br,josianesb@algartech.com.br,kellyao@algartech.com.br,marcellarr@algartech.com.br,moyaraasr@algartech.com.br,rafaelaas@algartech.com,suciellerr@algartech.com.br</t>
  </si>
  <si>
    <t>01/13/2020 10:01:57</t>
  </si>
  <si>
    <t>anapscl@algartech.com.br;fabio.ribeiro@algartech.com;fredericobs@algartecnologia.com.br;jaquelineaferr@algartech.com;katiargf@algartech.com;kelly.barbosa@temposervicos.com.br;luanaaoli@algartech.com;micheless@algartech.com.br;</t>
  </si>
  <si>
    <t>Relatório RA - Bradescard</t>
  </si>
  <si>
    <t>BASE RA - Bradescard1.xlsb</t>
  </si>
  <si>
    <t>anapscl@algartech.com.br,fabio.ribeiro@algartech.com,fredericobs@algartecnologia.com.br,jaquelineaferr@algartech.com,katiargf@algartech.com,kelly.barbosa@temposervicos.com.br,luanaaoli@algartech.com,micheless@algartech.com.br</t>
  </si>
  <si>
    <t>01/13/2020 10:02:38</t>
  </si>
  <si>
    <t>ana.palazzo@bradesco.com.br;anapscl@algartech.com.br;filipe.s.carvalho@bradesco.com.br;jaquelineaferr@algartech.com;katiargf@algartech.com;kelly.barbosa@temposervicos.com.br;kenia.oliveira@temposervicos.com.br;leticia.albuquerque@bradesco.com.br;lorena.r.silva@bradesco.com.br;micheless@algartech.com.br;reginaldo.cardozo@bradesco.com.br;solange.contriciani@bradesco.com.br;</t>
  </si>
  <si>
    <t>ana.palazzo@bradesco.com.br,anapscl@algartech.com.br,filipe.s.carvalho@bradesco.com.br,jaquelineaferr@algartech.com,katiargf@algartech.com,kelly.barbosa@temposervicos.com.br,kenia.oliveira@temposervicos.com.br,leticia.albuquerque@bradesco.com.br,lorena.r.silva@bradesco.com.br,micheless@algartech.com.br,reginaldo.cardozo@bradesco.com.br,solange.contriciani@bradesco.com.br</t>
  </si>
  <si>
    <t>01/13/2020 10:01:45</t>
  </si>
  <si>
    <t>01/13/2020 10:05:29</t>
  </si>
  <si>
    <t>RELATORIO DE LOGIN - FINANCEIRA - 09-01 - Cópia.xlsm</t>
  </si>
  <si>
    <t>\\acsfs\DEPTOS\Operacao\PCP\5 - Comum\PLANEJAMENTO BV\14 - ACOMPANHAMENTO\1 - REPORT ACOMPANHAMENTO\2020\1 - JANEIRO\FINANCEIRA\Login Logout Financeira\RELATORIO DE LOGIN - FINANCEIRA - 09-01 - Cópia.xlsm</t>
  </si>
  <si>
    <t>01/13/2020 10:01:49</t>
  </si>
  <si>
    <t>01/13/2020 10:00:52</t>
  </si>
  <si>
    <t>01/13/2020 10:06:28</t>
  </si>
  <si>
    <t>01/13/2020 10:03:52</t>
  </si>
  <si>
    <t>01/13/2020 10:04:22</t>
  </si>
  <si>
    <t>01/13/2020 10:04:52</t>
  </si>
  <si>
    <t>01/13/2020 10:04:00</t>
  </si>
  <si>
    <t>01/13/2020 10:02:09</t>
  </si>
  <si>
    <t>https://algar.folhasinergyrh.com.br/dependente/upload?id=0&amp;idsolicitacao=20492&amp;nomedependente=caua marques janini</t>
  </si>
  <si>
    <t>CARLA ALVES.7z</t>
  </si>
  <si>
    <t>C:\Users\robsonams\Desktop\CARLA ALVES.7z\</t>
  </si>
  <si>
    <t>image2020-01-09-172844.pdf</t>
  </si>
  <si>
    <t>01/13/2020 10:03:44</t>
  </si>
  <si>
    <t>https://algar.folhasinergyrh.com.br/dependente/upload?id=0&amp;idsolicitacao=20494&amp;nomedependente=rafael marques janini</t>
  </si>
  <si>
    <t>01/13/2020 10:03:23</t>
  </si>
  <si>
    <t>01/13/2020 10:07:28</t>
  </si>
  <si>
    <t>01/13/2020 10:02:49</t>
  </si>
  <si>
    <t>7d501de2-6307-4c0d-9bb6-29d744b179d3.tmp</t>
  </si>
  <si>
    <t>\\acsfs\profiles$\matheushds\Downloads\7d501de2-6307-4c0d-9bb6-29d744b179d3.tmp</t>
  </si>
  <si>
    <t>01/13/2020 10:04:33</t>
  </si>
  <si>
    <t>84cbc199-2cff-40d7-924d-71dd173b20ed.tmp</t>
  </si>
  <si>
    <t>\\acsfs\profiles$\matheushds\Downloads\84cbc199-2cff-40d7-924d-71dd173b20ed.tmp</t>
  </si>
  <si>
    <t>01/13/2020 10:05:11</t>
  </si>
  <si>
    <t>a3c79ac1-cc40-42dd-9c38-89299d70ccd5.tmp</t>
  </si>
  <si>
    <t>\\acsfs\profiles$\matheushds\Downloads\a3c79ac1-cc40-42dd-9c38-89299d70ccd5.tmp</t>
  </si>
  <si>
    <t>01/13/2020 10:05:58</t>
  </si>
  <si>
    <t>7fea9a88-f548-4b33-9997-3a011365bae4.tmp</t>
  </si>
  <si>
    <t>\\acsfs\profiles$\matheushds\Downloads\7fea9a88-f548-4b33-9997-3a011365bae4.tmp</t>
  </si>
  <si>
    <t>01/13/2020 10:03:27</t>
  </si>
  <si>
    <t>C:\Users\rafaelaas\Desktop\Dados para apresentação\</t>
  </si>
  <si>
    <t>Apoio Apresentações Negócios 2020.xlsx</t>
  </si>
  <si>
    <t>01/13/2020 10:05:44</t>
  </si>
  <si>
    <t>kit_pre_deslig_disp_sem_justa_causa_ind_100377_lays costa braga (2).pdf</t>
  </si>
  <si>
    <t>01/13/2020 10:03:21</t>
  </si>
  <si>
    <t>01/13/2020 10:08:29</t>
  </si>
  <si>
    <t>01/13/2020 10:06:23</t>
  </si>
  <si>
    <t>01/13/2020 10:06:32</t>
  </si>
  <si>
    <t>01/13/2020 10:06:36</t>
  </si>
  <si>
    <t>01/13/2020 10:07:02</t>
  </si>
  <si>
    <t>01/13/2020 10:07:32</t>
  </si>
  <si>
    <t>01/13/2020 10:07:53</t>
  </si>
  <si>
    <t>01/13/2020 10:07:57</t>
  </si>
  <si>
    <t>01/13/2020 10:08:02</t>
  </si>
  <si>
    <t>vocabulario atualizado- 10-01-20.xlsx</t>
  </si>
  <si>
    <t>5suxgpss6=,ancestorhasaugmentedpermissions,containsunsubscribedchildren,displ,display,displayname,domain,emailaddress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nailversion,thumbnailversion�,title,userpermission(role)</t>
  </si>
  <si>
    <t>vocabulario atualizado- 11-01-20.xlsx</t>
  </si>
  <si>
    <t>ancestorhasaugmentedpermissions,containsunsubscribedchildren,displ,display,displaynam,displayname,domain,emailaddress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nailversion,thumbnailversion�,title,userpermission(role)</t>
  </si>
  <si>
    <t>01/13/2020 10:09:02</t>
  </si>
  <si>
    <t>01/13/2020 10:09:28</t>
  </si>
  <si>
    <t>01/13/2020 10:09:03</t>
  </si>
  <si>
    <t>lu16756236ot2.tmp</t>
  </si>
  <si>
    <t>\\acsfs\profiles$\lorraynevam\Downloads\lu16756236ot2.tmp</t>
  </si>
  <si>
    <t>01/13/2020 10:09:16</t>
  </si>
  <si>
    <t>01/13/2020 10:10:29</t>
  </si>
  <si>
    <t>01/13/2020 10:07:01</t>
  </si>
  <si>
    <t>01/13/2020 10:08:53</t>
  </si>
  <si>
    <t>01/13/2020 10:10:04</t>
  </si>
  <si>
    <t>https://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0:08:23</t>
  </si>
  <si>
    <t>01/13/2020 10:11:28</t>
  </si>
  <si>
    <t>01/13/2020 10:07:43</t>
  </si>
  <si>
    <t>01/13/2020 10:12:28</t>
  </si>
  <si>
    <t>01/13/2020 10:08:11</t>
  </si>
  <si>
    <t>01/13/2020 10:13:28</t>
  </si>
  <si>
    <t>01/13/2020 10:09:01</t>
  </si>
  <si>
    <t>01/13/2020 10:08:24</t>
  </si>
  <si>
    <t>c0dadc40-8099-456a-93dd-5884a54ae463.tmp</t>
  </si>
  <si>
    <t>\\acsfs\profiles$\rafaelamsv\Downloads\c0dadc40-8099-456a-93dd-5884a54ae463.tmp</t>
  </si>
  <si>
    <t>01/13/2020 10:08:05</t>
  </si>
  <si>
    <t>01/13/2020 10:08:26</t>
  </si>
  <si>
    <t>01/13/2020 10:08:31</t>
  </si>
  <si>
    <t>01/13/2020 10:11:35</t>
  </si>
  <si>
    <t>01/13/2020 10:14:28</t>
  </si>
  <si>
    <t>01/13/2020 10:11:53</t>
  </si>
  <si>
    <t>e651fe25-cf8b-4406-ae2a-cec4c097d887.tmp</t>
  </si>
  <si>
    <t>\\acsfs\profiles$\anafsb\Downloads\e651fe25-cf8b-4406-ae2a-cec4c097d887.tmp</t>
  </si>
  <si>
    <t>01/13/2020 10:13:15</t>
  </si>
  <si>
    <t>26cf347a-72ee-44de-a9fc-65821234398d.tmp</t>
  </si>
  <si>
    <t>\\acsfs\profiles$\anafsb\Downloads\26cf347a-72ee-44de-a9fc-65821234398d.tmp</t>
  </si>
  <si>
    <t>01/13/2020 10:09:33</t>
  </si>
  <si>
    <t>01/13/2020 10:12:00</t>
  </si>
  <si>
    <t>01/13/2020 10:12:14</t>
  </si>
  <si>
    <t>01/13/2020 10:12:18</t>
  </si>
  <si>
    <t>01/13/2020 10:13:02</t>
  </si>
  <si>
    <t>01/13/2020 10:13:07</t>
  </si>
  <si>
    <t>01/13/2020 10:13:34</t>
  </si>
  <si>
    <t>01/13/2020 10:13:48</t>
  </si>
  <si>
    <t>01/13/2020 10:13:56</t>
  </si>
  <si>
    <t>\\acsfs\profiles$\lorraynevam\Downloads\lu16756236ot2.tmp\</t>
  </si>
  <si>
    <t>\\acsfs\profiles$\lorraynevam\Downloads\lu16756236ot2.tmp\META-INF\</t>
  </si>
  <si>
    <t>\\acsfs\profiles$\lorraynevam\Downloads\lu16756236ot2.tmp\Thumbnails\</t>
  </si>
  <si>
    <t>01/13/2020 10:09:43</t>
  </si>
  <si>
    <t>\\acsfs\profiles$\lorraynevam\</t>
  </si>
  <si>
    <t>.~lock.CONTROLE DE VENDAS JANEIRO.ods#</t>
  </si>
  <si>
    <t>\\acsfs\profiles$\lorraynevam\.~lock.CONTROLE DE VENDAS JANEIRO.ods#</t>
  </si>
  <si>
    <t>lu16756236ot6.tmp</t>
  </si>
  <si>
    <t>\\acsfs\profiles$\lorraynevam\lu16756236ot6.tmp</t>
  </si>
  <si>
    <t>\\acsfs\profiles$\lorraynevam\lu16756236ot6.tmp\</t>
  </si>
  <si>
    <t>\\acsfs\profiles$\lorraynevam\lu16756236ot6.tmp\META-INF\</t>
  </si>
  <si>
    <t>\\acsfs\profiles$\lorraynevam\lu16756236ot6.tmp\Thumbnails\</t>
  </si>
  <si>
    <t>01/13/2020 10:10:11</t>
  </si>
  <si>
    <t>01/13/2020 10:15:28</t>
  </si>
  <si>
    <t>8b671575-eb20-48b3-af7a-70b8bac0d0aa.tmp</t>
  </si>
  <si>
    <t>\\acsfs\profiles$\henriquehmdo\Downloads\8b671575-eb20-48b3-af7a-70b8bac0d0aa.tmp</t>
  </si>
  <si>
    <t>01/13/2020 10:11:23</t>
  </si>
  <si>
    <t>cffa061d-8299-4df2-b363-15ae95d98cbd.tmp</t>
  </si>
  <si>
    <t>\\acsfs\profiles$\BRUNAAR\Downloads\cffa061d-8299-4df2-b363-15ae95d98cbd.tmp</t>
  </si>
  <si>
    <t>01/13/2020 10:12:48</t>
  </si>
  <si>
    <t>01/13/2020 10:16:28</t>
  </si>
  <si>
    <t>01/13/2020 10:12:23</t>
  </si>
  <si>
    <t>01/13/2020 10:12:17</t>
  </si>
  <si>
    <t>ace1f1f5-27a9-4a1f-baec-7fcf990cfde9.tmp</t>
  </si>
  <si>
    <t>\\acsfs\profiles$\sarahbal\Downloads\ace1f1f5-27a9-4a1f-baec-7fcf990cfde9.tmp</t>
  </si>
  <si>
    <t>01/13/2020 10:14:20</t>
  </si>
  <si>
    <t>058e5f2b-9d9f-474c-a4a2-908846c92a35.tmp</t>
  </si>
  <si>
    <t>\\acsfs\profiles$\sarahbal\Downloads\058e5f2b-9d9f-474c-a4a2-908846c92a35.tmp</t>
  </si>
  <si>
    <t>01/13/2020 10:14:59</t>
  </si>
  <si>
    <t>01/13/2020 10:17:28</t>
  </si>
  <si>
    <t>mail.google.com/_/upload?authuser=0&amp;dcp=asu-n&amp;upload_id=AEnB2UozbtIrIuDHSqzpyQbNYFnu38iKFhSn_fBNmLweC05uRsvGDZ9fXTb2jrJnqoYzMAPCAuqURJ_Va1ySi04jXeds3EJ-LUB2-kU6cK_EnCFzUerzbuI&amp;upload_protocol=resumable</t>
  </si>
  <si>
    <t>Prévia Financeira_Janeiro_20 - Validada.xlsb</t>
  </si>
  <si>
    <t>01/13/2020 10:16:53</t>
  </si>
  <si>
    <t>01/13/2020 10:19:28</t>
  </si>
  <si>
    <t>01/13/2020 10:14:14</t>
  </si>
  <si>
    <t>01/13/2020 10:14:39</t>
  </si>
  <si>
    <t>01/13/2020 10:14:46</t>
  </si>
  <si>
    <t>01/13/2020 10:15:08</t>
  </si>
  <si>
    <t>01/13/2020 10:15:21</t>
  </si>
  <si>
    <t>01/13/2020 10:15:37</t>
  </si>
  <si>
    <t>01/13/2020 10:15:49</t>
  </si>
  <si>
    <t>01/13/2020 10:15:55</t>
  </si>
  <si>
    <t>01/13/2020 10:16:02</t>
  </si>
  <si>
    <t>01/13/2020 10:16:25</t>
  </si>
  <si>
    <t>anacarolinesn@algartech.com;anapscl@algartech.com.br;fabio.ribeiro@algartech.com;fredericobs@algartecnologia.com.br;julianatem@algartech.com;katiargf@algartech.com;lilian.alves@temposervicos.com.br;luanaaoli@algartech.com;micheless@algartech.com.br;</t>
  </si>
  <si>
    <t>Reclame Aqui- Atualizado</t>
  </si>
  <si>
    <t>BASE RA OFICIAL.xlsb</t>
  </si>
  <si>
    <t>anacarolinesn@algartech.com,anapscl@algartech.com.br,fabio.ribeiro@algartech.com,fredericobs@algartecnologia.com.br,julianatem@algartech.com,katiargf@algartech.com,lilian.alves@temposervicos.com.br,luanaaoli@algartech.com,micheless@algartech.com.br</t>
  </si>
  <si>
    <t>01/13/2020 10:17:23</t>
  </si>
  <si>
    <t>ana.palazzo@bradesco.com.br;anacarolinesn@algartech.com;anapscl@algartech.com.br;felipe.silva@temposervicos.com.br;katiargf@algartech.com;kenia.oliveira@temposervicos.com.br;lorena.r.silva@bradesco.com.br;micheless@algartech.com;reginaldo.cardozo@bradesco.com.br;solange.contriciani@bradesco.com.br;</t>
  </si>
  <si>
    <t>ana.palazzo@bradesco.com.br,anacarolinesn@algartech.com,anapscl@algartech.com.br,felipe.silva@temposervicos.com.br,katiargf@algartech.com,kenia.oliveira@temposervicos.com.br,lorena.r.silva@bradesco.com.br,micheless@algartech.com,reginaldo.cardozo@bradesco.com.br,solange.contriciani@bradesco.com.br</t>
  </si>
  <si>
    <t>01/13/2020 10:17:09</t>
  </si>
  <si>
    <t>01/13/2020 10:20:28</t>
  </si>
  <si>
    <t>01/13/2020 10:17:10</t>
  </si>
  <si>
    <t>01/13/2020 10:16:23</t>
  </si>
  <si>
    <t>01/13/2020 10:21:28</t>
  </si>
  <si>
    <t>01/13/2020 10:17:53</t>
  </si>
  <si>
    <t>01/13/2020 10:18:23</t>
  </si>
  <si>
    <t>01/13/2020 10:18:54</t>
  </si>
  <si>
    <t>01/13/2020 10:19:24</t>
  </si>
  <si>
    <t>01/13/2020 10:19:54</t>
  </si>
  <si>
    <t>01/13/2020 10:20:25</t>
  </si>
  <si>
    <t>lu564844brpb5.tmp</t>
  </si>
  <si>
    <t>\\acsfs\profiles$\ALEXANDREMM\lu564844brpb5.tmp</t>
  </si>
  <si>
    <t>\\acsfs\profiles$\ALEXANDREMM\lu564844brpb5.tmp\</t>
  </si>
  <si>
    <t>\\acsfs\profiles$\ALEXANDREMM\lu564844brpb5.tmp\META-INF\</t>
  </si>
  <si>
    <t>\\acsfs\profiles$\ALEXANDREMM\lu564844brpb5.tmp\Thumbnails\</t>
  </si>
  <si>
    <t>01/13/2020 10:20:02</t>
  </si>
  <si>
    <t>01/13/2020 10:22:28</t>
  </si>
  <si>
    <t>01/13/2020 10:19:16</t>
  </si>
  <si>
    <t>01/13/2020 10:20:15</t>
  </si>
  <si>
    <t>1333a2e7-b2c8-4dbc-a2c3-c82dc56eff43.tmp</t>
  </si>
  <si>
    <t>\\acsfs\profiles$\ayalabfi\Downloads\1333a2e7-b2c8-4dbc-a2c3-c82dc56eff43.tmp</t>
  </si>
  <si>
    <t>01/13/2020 10:18:57</t>
  </si>
  <si>
    <t>alinemds@algartech.com;antoniocoj@algartech.com;diogenespl@algartech.com.br;</t>
  </si>
  <si>
    <t>alinemds@algartech.com,antoniocoj@algartech.com,diogenespl@algartech.com.br</t>
  </si>
  <si>
    <t>01/13/2020 10:21:17</t>
  </si>
  <si>
    <t>01/13/2020 10:23:28</t>
  </si>
  <si>
    <t>ebab3ac3-23fe-48d7-8be6-36f7b4a97e29.tmp</t>
  </si>
  <si>
    <t>\\acsfs\profiles$\maxmillianosv\Downloads\ebab3ac3-23fe-48d7-8be6-36f7b4a97e29.tmp</t>
  </si>
  <si>
    <t>01/13/2020 10:22:03</t>
  </si>
  <si>
    <t>25027013-8e1f-4a94-b302-4c8a97a66778.tmp</t>
  </si>
  <si>
    <t>\\acsfs\profiles$\maxmillianosv\Downloads\25027013-8e1f-4a94-b302-4c8a97a66778.tmp</t>
  </si>
  <si>
    <t>01/13/2020 10:22:08</t>
  </si>
  <si>
    <t>3a853a66-1453-4c19-a8d3-a477efe8a3e2.tmp</t>
  </si>
  <si>
    <t>\\acsfs\profiles$\maxmillianosv\Downloads\3a853a66-1453-4c19-a8d3-a477efe8a3e2.tmp</t>
  </si>
  <si>
    <t>01/13/2020 10:22:13</t>
  </si>
  <si>
    <t>0ac87fbf-01e0-417e-a4e2-9710a087b16d.tmp</t>
  </si>
  <si>
    <t>\\acsfs\profiles$\maxmillianosv\Downloads\0ac87fbf-01e0-417e-a4e2-9710a087b16d.tmp</t>
  </si>
  <si>
    <t>01/13/2020 10:03:54</t>
  </si>
  <si>
    <t>C:\Users\dolvaner\Desktop\Projetos\Xperience\</t>
  </si>
  <si>
    <t>LISTA DE AÇÕES - XPERIENCE - Atualizado.xlsx</t>
  </si>
  <si>
    <t>01/13/2020 10:19:25</t>
  </si>
  <si>
    <t>01/13/2020 10:24:28</t>
  </si>
  <si>
    <t>01/13/2020 10:20:46</t>
  </si>
  <si>
    <t>544e7d51-24be-4b5d-aafd-a80db55ccfd0.tmp</t>
  </si>
  <si>
    <t>\\acsfs\profiles$\THYAGOSP\Downloads\544e7d51-24be-4b5d-aafd-a80db55ccfd0.tmp</t>
  </si>
  <si>
    <t>01/13/2020 10:22:23</t>
  </si>
  <si>
    <t>01/13/2020 10:22:44</t>
  </si>
  <si>
    <t>01/13/2020 10:25:28</t>
  </si>
  <si>
    <t>01/13/2020 10:20:52</t>
  </si>
  <si>
    <t>01/13/2020 10:22:48</t>
  </si>
  <si>
    <t>Cópia de REPORT ACOMPANHAMENTO - BV - JANEIRO2.xlsb</t>
  </si>
  <si>
    <t>\\acsfs\deptos\Operacao\PCP\5 - Comum\PLANEJAMENTO BV\14 - ACOMPANHAMENTO\1 - REPORT ACOMPANHAMENTO\2020\1 - JANEIRO\FINANCEIRA\Cópia de REPORT ACOMPANHAMENTO - BV - JANEIRO2.xlsb</t>
  </si>
  <si>
    <t>01/13/2020 10:23:34</t>
  </si>
  <si>
    <t>01/13/2020 10:24:53</t>
  </si>
  <si>
    <t>01/13/2020 10:21:54</t>
  </si>
  <si>
    <t>01/13/2020 10:26:28</t>
  </si>
  <si>
    <t>01/13/2020 10:22:24</t>
  </si>
  <si>
    <t>01/13/2020 10:22:54</t>
  </si>
  <si>
    <t>01/13/2020 10:23:54</t>
  </si>
  <si>
    <t>01/13/2020 10:24:24</t>
  </si>
  <si>
    <t>01/13/2020 10:24:54</t>
  </si>
  <si>
    <t>01/13/2020 10:23:57</t>
  </si>
  <si>
    <t>Daily Comercial_Janeiro2020.xlsm</t>
  </si>
  <si>
    <t>01/13/2020 10:26:44</t>
  </si>
  <si>
    <t>01/13/2020 10:27:28</t>
  </si>
  <si>
    <t>1c12e064-2de9-40b1-9777-616dc8adecba.tmp</t>
  </si>
  <si>
    <t>\\acsfs\profiles$\ayalabfi\Downloads\1c12e064-2de9-40b1-9777-616dc8adecba.tmp</t>
  </si>
  <si>
    <t>01/13/2020 10:23:00</t>
  </si>
  <si>
    <t>01/13/2020 10:28:28</t>
  </si>
  <si>
    <t>6e34fbc4-fa90-4112-bfc6-45632cc63109.tmp</t>
  </si>
  <si>
    <t>\\acsfs\profiles$\maxmillianosv\Downloads\6e34fbc4-fa90-4112-bfc6-45632cc63109.tmp</t>
  </si>
  <si>
    <t>01/13/2020 10:24:04</t>
  </si>
  <si>
    <t>eddaf673-6019-43b5-82e9-e88b5f39c3e3.tmp</t>
  </si>
  <si>
    <t>\\acsfs\profiles$\maxmillianosv\Downloads\eddaf673-6019-43b5-82e9-e88b5f39c3e3.tmp</t>
  </si>
  <si>
    <t>01/13/2020 10:25:03</t>
  </si>
  <si>
    <t>35672c46-9b15-4a1b-a023-d3003b56ee0c.tmp</t>
  </si>
  <si>
    <t>\\acsfs\profiles$\maxmillianosv\Downloads\35672c46-9b15-4a1b-a023-d3003b56ee0c.tmp</t>
  </si>
  <si>
    <t>01/13/2020 10:23:40</t>
  </si>
  <si>
    <t>01/13/2020 10:27:14</t>
  </si>
  <si>
    <t>01/13/2020 10:29:27</t>
  </si>
  <si>
    <t>01/13/2020 10:23:53</t>
  </si>
  <si>
    <t>01/13/2020 10:24:26</t>
  </si>
  <si>
    <t>01/13/2020 10:24:41</t>
  </si>
  <si>
    <t>01/13/2020 10:25:50</t>
  </si>
  <si>
    <t>4216accf-8df5-4b44-9077-44b4d89815f9.tmp</t>
  </si>
  <si>
    <t>\\acsfs\profiles$\larissaad\Downloads\4216accf-8df5-4b44-9077-44b4d89815f9.tmp</t>
  </si>
  <si>
    <t>01/13/2020 10:23:56</t>
  </si>
  <si>
    <t>84286e3c-adbc-402d-aeee-fcd6d7b93c09.tmp</t>
  </si>
  <si>
    <t>\\acsfs\profiles$\gabrielafs\Downloads\84286e3c-adbc-402d-aeee-fcd6d7b93c09.tmp</t>
  </si>
  <si>
    <t>74640c33-9d83-4ba9-9567-cefc4f690f8f.tmp</t>
  </si>
  <si>
    <t>\\acsfs\profiles$\gabrielafs\Downloads\74640c33-9d83-4ba9-9567-cefc4f690f8f.tmp</t>
  </si>
  <si>
    <t>01/13/2020 10:26:13</t>
  </si>
  <si>
    <t>01/13/2020 10:28:56</t>
  </si>
  <si>
    <t>01/13/2020 10:24:55</t>
  </si>
  <si>
    <t>01/13/2020 10:30:28</t>
  </si>
  <si>
    <t>01/13/2020 10:24:56</t>
  </si>
  <si>
    <t>01/13/2020 10:25:31</t>
  </si>
  <si>
    <t>01/13/2020 10:26:25</t>
  </si>
  <si>
    <t>https://joaogvc@algartech.com,marianadjc@algartech.com,planejamentodeoperacoesetrafego@bv.com.br,rafaelggs@algartech.com,ricardodfm@algartech.com.br,taysdss@algartech.com,viniciussg@algartech.com</t>
  </si>
  <si>
    <t>01/13/2020 10:26:39</t>
  </si>
  <si>
    <t>01/13/2020 10:26:57</t>
  </si>
  <si>
    <t>10.200.58.113</t>
  </si>
  <si>
    <t>AC-D5-64-F2-A2-C9</t>
  </si>
  <si>
    <t>NB-VILARINHO</t>
  </si>
  <si>
    <t>vilarinho</t>
  </si>
  <si>
    <t>mail.google.com/_/upload?authuser=0&amp;dcp=asu-n&amp;upload_id=AEnB2UqBlsaYPfte6LzQzQI2mqUUPvFNitm2saeVmd-EwfewsiOT5zZ6c_t9i3xkQ9tfV7FdbWh5J216b3_78cfaAtZDZRb7IA&amp;upload_protocol=resumable</t>
  </si>
  <si>
    <t>C:\Users\vilarinho\OneDrive - Grupo Algar\Algar Tech\Gestão Equipe\Méritos e Gratificações\Meritocracia Politica _Dez19\</t>
  </si>
  <si>
    <t>Lista Nomes Gratificação Especial Merito_2019_Jan2020_v2 (3)_FINALDAF.xlsx</t>
  </si>
  <si>
    <t>01/13/2020 10:25:20</t>
  </si>
  <si>
    <t>01/13/2020 10:25:53</t>
  </si>
  <si>
    <t>01/13/2020 10:26:03</t>
  </si>
  <si>
    <t>01/13/2020 10:26:08</t>
  </si>
  <si>
    <t>01/13/2020 10:26:35</t>
  </si>
  <si>
    <t>01/13/2020 10:26:56</t>
  </si>
  <si>
    <t>01/13/2020 10:27:00</t>
  </si>
  <si>
    <t>01/13/2020 10:27:04</t>
  </si>
  <si>
    <t>01/13/2020 10:27:09</t>
  </si>
  <si>
    <t>01/13/2020 10:27:23</t>
  </si>
  <si>
    <t>01/13/2020 10:27:31</t>
  </si>
  <si>
    <t>01/13/2020 10:27:36</t>
  </si>
  <si>
    <t>01/13/2020 10:27:52</t>
  </si>
  <si>
    <t>01/13/2020 10:28:01</t>
  </si>
  <si>
    <t>01/13/2020 10:28:18</t>
  </si>
  <si>
    <t>01/13/2020 10:28:22</t>
  </si>
  <si>
    <t>01/13/2020 10:28:23</t>
  </si>
  <si>
    <t>01/13/2020 10:28:27</t>
  </si>
  <si>
    <t>01/13/2020 10:28:32</t>
  </si>
  <si>
    <t>01/13/2020 10:28:35</t>
  </si>
  <si>
    <t>01/13/2020 10:28:52</t>
  </si>
  <si>
    <t>01/13/2020 10:29:00</t>
  </si>
  <si>
    <t>01/13/2020 10:29:08</t>
  </si>
  <si>
    <t>01/13/2020 10:26:55</t>
  </si>
  <si>
    <t>01/13/2020 10:31:28</t>
  </si>
  <si>
    <t>01/13/2020 10:27:55</t>
  </si>
  <si>
    <t>01/13/2020 10:28:25</t>
  </si>
  <si>
    <t>01/13/2020 10:28:55</t>
  </si>
  <si>
    <t>01/13/2020 10:29:25</t>
  </si>
  <si>
    <t>01/13/2020 10:29:55</t>
  </si>
  <si>
    <t>01/13/2020 10:30:34</t>
  </si>
  <si>
    <t>01/13/2020 10:28:43</t>
  </si>
  <si>
    <t>01/13/2020 10:32:28</t>
  </si>
  <si>
    <t>01/13/2020 10:30:44</t>
  </si>
  <si>
    <t>01/13/2020 10:30:51</t>
  </si>
  <si>
    <t>4repet0scaaaa4liaaaanmqf2kz44sg1npvhrp5ya-eah9mzpvg6kl9izriwjk97h6v_kcjh4sw2rf_itsulvo-3l6-wytsybqsmi4xv23fkeay8qmocdpcm6u6mkhgpg1ycp4mktrb_yi4ruhaswq2li4w3ybymavyxxvltnranpmk;</t>
  </si>
  <si>
    <t>4repet0scaaaa4liaaaanmqf2kz44sg1npvhrp5ya-eah9mzpvg6kl9izriwjk97h6v_kcjh4sw2rf_itsulvo-3l6-wytsybqsmi4xv23fkeay8qmocdpcm6u6mkhgpg1ycp4mktrb_yi4ruhaswq2li4w3ybymavyxxvltnranpmk</t>
  </si>
  <si>
    <t>01/13/2020 10:29:54</t>
  </si>
  <si>
    <t>01/13/2020 10:34:28</t>
  </si>
  <si>
    <t>01/13/2020 10:33:17</t>
  </si>
  <si>
    <t>0b9f95f9-49bf-4f14-b7f4-b77e734aca30.tmp</t>
  </si>
  <si>
    <t>\\acsfs\profiles$\quindaizaagds\Downloads\0b9f95f9-49bf-4f14-b7f4-b77e734aca30.tmp</t>
  </si>
  <si>
    <t>01/13/2020 10:33:35</t>
  </si>
  <si>
    <t>fcac54fe-bd70-4744-ac37-2781920dc4a3.tmp</t>
  </si>
  <si>
    <t>\\acsfs\profiles$\quindaizaagds\Downloads\fcac54fe-bd70-4744-ac37-2781920dc4a3.tmp</t>
  </si>
  <si>
    <t>01/13/2020 10:33:42</t>
  </si>
  <si>
    <t>fbec0d2a-139a-426d-b0b5-400fc76dd30e.tmp</t>
  </si>
  <si>
    <t>\\acsfs\profiles$\quindaizaagds\Downloads\fbec0d2a-139a-426d-b0b5-400fc76dd30e.tmp</t>
  </si>
  <si>
    <t>01/13/2020 10:29:22</t>
  </si>
  <si>
    <t>01/13/2020 10:34:46</t>
  </si>
  <si>
    <t>01/13/2020 10:35:28</t>
  </si>
  <si>
    <t>Agent State Details 10.01.2020.xlsx</t>
  </si>
  <si>
    <t>\\acsfs\deptos\Operacao\PCP\5 - Comum\PLANEJAMENTO BV\23 - EXTRAÇÕES\Agent State Details\2020\JANEIRO\Agent State Details 10.01.2020.xlsx</t>
  </si>
  <si>
    <t>01/13/2020 10:32:34</t>
  </si>
  <si>
    <t>6ba478d4-0b45-4fc0-975c-8d5b8187086b.tmp</t>
  </si>
  <si>
    <t>\\acsfs\profiles$\leonardobb\Downloads\6ba478d4-0b45-4fc0-975c-8d5b8187086b.tmp</t>
  </si>
  <si>
    <t>01/13/2020 10:32:35</t>
  </si>
  <si>
    <t>a5fb9a1c-34da-4d67-9b0f-1d41d2871702.tmp</t>
  </si>
  <si>
    <t>\\acsfs\profiles$\leonardobb\Downloads\a5fb9a1c-34da-4d67-9b0f-1d41d2871702.tmp</t>
  </si>
  <si>
    <t>01/13/2020 10:33:24</t>
  </si>
  <si>
    <t>aa207cd8-29d6-494e-9182-a52eaa4cebe8.tmp</t>
  </si>
  <si>
    <t>\\acsfs\profiles$\leonardobb\Downloads\aa207cd8-29d6-494e-9182-a52eaa4cebe8.tmp</t>
  </si>
  <si>
    <t>01/13/2020 10:34:04</t>
  </si>
  <si>
    <t>0b420dcc-01f9-4987-a025-83de0475a71d.tmp</t>
  </si>
  <si>
    <t>\\acsfs\profiles$\leonardobb\Downloads\0b420dcc-01f9-4987-a025-83de0475a71d.tmp</t>
  </si>
  <si>
    <t>01/13/2020 10:33:56</t>
  </si>
  <si>
    <t>01/13/2020 10:36:28</t>
  </si>
  <si>
    <t>01/13/2020 10:34:26</t>
  </si>
  <si>
    <t>01/13/2020 10:35:26</t>
  </si>
  <si>
    <t>01/13/2020 10:31:18</t>
  </si>
  <si>
    <t>01/13/2020 10:35:07</t>
  </si>
  <si>
    <t>01/13/2020 10:35:08</t>
  </si>
  <si>
    <t>lu564844brpbc.tmp</t>
  </si>
  <si>
    <t>\\acsfs\profiles$\ALEXANDREMM\lu564844brpbc.tmp</t>
  </si>
  <si>
    <t>\\acsfs\profiles$\ALEXANDREMM\lu564844brpbc.tmp\</t>
  </si>
  <si>
    <t>\\acsfs\profiles$\ALEXANDREMM\lu564844brpbc.tmp\META-INF\</t>
  </si>
  <si>
    <t>\\acsfs\profiles$\ALEXANDREMM\lu564844brpbc.tmp\Thumbnails\</t>
  </si>
  <si>
    <t>01/13/2020 10:34:48</t>
  </si>
  <si>
    <t>01/13/2020 10:37:28</t>
  </si>
  <si>
    <t>01/13/2020 10:34:49</t>
  </si>
  <si>
    <t>lu16208215igy.tmp</t>
  </si>
  <si>
    <t>\\acsfs\profiles$\victoriaksr\My Documents\lu16208215igy.tmp</t>
  </si>
  <si>
    <t>01/13/2020 10:32:54</t>
  </si>
  <si>
    <t>3515584f-714f-4fc1-8eba-a0914e9aec5f.tmp</t>
  </si>
  <si>
    <t>\\acsfs\profiles$\ayalabfi\Downloads\3515584f-714f-4fc1-8eba-a0914e9aec5f.tmp</t>
  </si>
  <si>
    <t>01/13/2020 10:33:44</t>
  </si>
  <si>
    <t>01/13/2020 10:38:28</t>
  </si>
  <si>
    <t>PRINT INFO METLIFE.png</t>
  </si>
  <si>
    <t>\\acsfs\DEPTOS\Operacao\Banco_Votorantim\Qualidade\Anderson\Jose\anderson\PRINT INFO METLIFE.png</t>
  </si>
  <si>
    <t>01/13/2020 10:34:09</t>
  </si>
  <si>
    <t>PRINT INFO METLIFE 2.png</t>
  </si>
  <si>
    <t>\\acsfs\DEPTOS\Operacao\Banco_Votorantim\Qualidade\Anderson\Jose\anderson\PRINT INFO METLIFE 2.png</t>
  </si>
  <si>
    <t>01/13/2020 10:34:01</t>
  </si>
  <si>
    <t>C:\Users\edilsonrb\Documents\02.Trabalho\86.ANO.2020\04.TALENTOS.HUMANOS\01.JANEIRO\</t>
  </si>
  <si>
    <t>Desdobramento de Metas Oficial - Ano 2020 - 1º semestre. Edilson Braga.xlsx</t>
  </si>
  <si>
    <t>01/13/2020 10:39:28</t>
  </si>
  <si>
    <t>01/13/2020 10:35:04</t>
  </si>
  <si>
    <t>01/13/2020 10:38:29</t>
  </si>
  <si>
    <t>01/13/2020 10:34:38</t>
  </si>
  <si>
    <t>01/13/2020 10:35:24</t>
  </si>
  <si>
    <t>01/13/2020 10:40:28</t>
  </si>
  <si>
    <t>mail.google.com/sync/u/0/i/s?hl=pt-BR&amp;c=1060</t>
  </si>
  <si>
    <t>mail.google.com/sync/u/0/i/s?hl=pt-BR&amp;c=1062</t>
  </si>
  <si>
    <t>01/13/2020 10:35:36</t>
  </si>
  <si>
    <t>01/13/2020 10:35:43</t>
  </si>
  <si>
    <t>01/13/2020 10:35:51</t>
  </si>
  <si>
    <t>01/13/2020 10:36:11</t>
  </si>
  <si>
    <t>01/13/2020 10:36:17</t>
  </si>
  <si>
    <t>mail.google.com/sync/u/0/i/s?hl=pt-BR&amp;c=1074</t>
  </si>
  <si>
    <t>01/13/2020 10:36:20</t>
  </si>
  <si>
    <t>mail.google.com/sync/u/0/i/s?hl=pt-BR&amp;c=1076</t>
  </si>
  <si>
    <t>01/13/2020 10:36:24</t>
  </si>
  <si>
    <t>mail.google.com/sync/u/0/i/s?hl=pt-BR&amp;c=1078</t>
  </si>
  <si>
    <t>01/13/2020 10:36:37</t>
  </si>
  <si>
    <t>mail.google.com/sync/u/0/i/s?hl=pt-BR&amp;c=1080</t>
  </si>
  <si>
    <t>joaogvc@algartech.com;leonardoao@algartech.com;marianadjc@algartech.com;paulacn@algartech.com;rafaelggs@algartech.com;ricardodfm@algartech.com.br;robsonams@algartech.com;taysdss@algartech.com;thiagordu@algartech.com;viniciussg@algartech.com;</t>
  </si>
  <si>
    <t>joaogvc@algartech.com,leonardoao@algartech.com,marianadjc@algartech.com,paulacn@algartech.com,rafaelggs@algartech.com,ricardodfm@algartech.com.br,robsonams@algartech.com,taysdss@algartech.com,thiagordu@algartech.com,viniciussg@algartech.com</t>
  </si>
  <si>
    <t>01/13/2020 10:37:18</t>
  </si>
  <si>
    <t>mail.google.com/sync/u/0/i/s?hl=pt-BR&amp;c=1084</t>
  </si>
  <si>
    <t>joaogvc@algartech.com;katia.cardoso@bv.com.br;leonardoao@algartech.com;paulacn@algartech.com;ricardodfm@algartech.com.br;robsonams@algartech.com;taysdss@algartech.com;viniciussg@algartech.com;</t>
  </si>
  <si>
    <t>joaogvc@algartech.com,katia.cardoso@bv.com.br,leonardoao@algartech.com,paulacn@algartech.com,ricardodfm@algartech.com.br,robsonams@algartech.com,taysdss@algartech.com,viniciussg@algartech.com</t>
  </si>
  <si>
    <t>01/13/2020 10:37:36</t>
  </si>
  <si>
    <t>mail.google.com/sync/u/0/i/s?hl=pt-BR&amp;c=1086</t>
  </si>
  <si>
    <t>01/13/2020 10:39:44</t>
  </si>
  <si>
    <t>bvcartes-supervisores@algarnet.onmicrosoft.com;joaogvc@algartech.com;leonardoao@algartech.com;marianadjc@algartech.com;paulacn@algartech.com;ricardodfm@algartech.com.br;robsonams@algartech.com;taysdss@algartech.com;</t>
  </si>
  <si>
    <t>bvcartes-supervisores@algarnet.onmicrosoft.com,joaogvc@algartech.com,leonardoao@algartech.com,marianadjc@algartech.com,paulacn@algartech.com,ricardodfm@algartech.com.br,robsonams@algartech.com,taysdss@algartech.com</t>
  </si>
  <si>
    <t>01/13/2020 10:37:39</t>
  </si>
  <si>
    <t>Agent State Details 11.01.2020.xlsx</t>
  </si>
  <si>
    <t>\\acsfs\deptos\Operacao\PCP\5 - Comum\PLANEJAMENTO BV\23 - EXTRAÇÕES\Agent State Details\2020\JANEIRO\Agent State Details 11.01.2020.xlsx</t>
  </si>
  <si>
    <t>01/13/2020 10:38:43</t>
  </si>
  <si>
    <t>Agent State Details 12.01.2020.xlsx</t>
  </si>
  <si>
    <t>\\acsfs\deptos\Operacao\PCP\5 - Comum\PLANEJAMENTO BV\23 - EXTRAÇÕES\Agent State Details\2020\JANEIRO\Agent State Details 12.01.2020.xlsx</t>
  </si>
  <si>
    <t>01/13/2020 10:37:26</t>
  </si>
  <si>
    <t>01/13/2020 10:41:29</t>
  </si>
  <si>
    <t>01/13/2020 10:37:27</t>
  </si>
  <si>
    <t>01/13/2020 10:37:57</t>
  </si>
  <si>
    <t>01/13/2020 10:42:14</t>
  </si>
  <si>
    <t>01/13/2020 10:43:28</t>
  </si>
  <si>
    <t>dc5f2a0c-d9a3-48c7-8273-aed76bf93e55.tmp</t>
  </si>
  <si>
    <t>\\acsfs\profiles$\ROZENCAM\Downloads\dc5f2a0c-d9a3-48c7-8273-aed76bf93e55.tmp</t>
  </si>
  <si>
    <t>01/13/2020 10:39:27</t>
  </si>
  <si>
    <t>01/13/2020 10:42:49</t>
  </si>
  <si>
    <t>01/13/2020 10:42:51</t>
  </si>
  <si>
    <t>mail.google.com/sync/u/0/i/s?hl=pt-BR&amp;c=928</t>
  </si>
  <si>
    <t>01/13/2020 10:39:36</t>
  </si>
  <si>
    <t>01/13/2020 10:44:29</t>
  </si>
  <si>
    <t>320c4c8e-1ce1-4b77-94f5-94f4a6cf454f.tmp</t>
  </si>
  <si>
    <t>\\acsfs\profiles$\danielac\Downloads\320c4c8e-1ce1-4b77-94f5-94f4a6cf454f.tmp</t>
  </si>
  <si>
    <t>01/13/2020 10:39:14</t>
  </si>
  <si>
    <t>\\acsfs\ACS\Gabriel da Silva\Contemporânea\Comissão e Incentivo\6DAFAF77.tmp\</t>
  </si>
  <si>
    <t>\\acsfs\ACS\Gabriel da Silva\Contemporânea\Comissão e Incentivo\6DAFAF77.tmp\:Zone.Identifier:$DATA</t>
  </si>
  <si>
    <t>01/13/2020 10:41:37</t>
  </si>
  <si>
    <t>50d15729-0668-4d5d-879c-1a851354869a.tmp</t>
  </si>
  <si>
    <t>\\acsfs\profiles$\larissaad\Downloads\50d15729-0668-4d5d-879c-1a851354869a.tmp</t>
  </si>
  <si>
    <t>01/13/2020 10:43:53</t>
  </si>
  <si>
    <t>01/13/2020 10:41:06</t>
  </si>
  <si>
    <t>01/13/2020 10:45:28</t>
  </si>
  <si>
    <t>01/13/2020 10:40:24</t>
  </si>
  <si>
    <t>01/13/2020 10:39:53</t>
  </si>
  <si>
    <t>joaogvc@algartech.com;leonardoao@algartech.com;paulacn@algartech.com;ricardodfm@algartech.com.br;robsonams@algartech.com;taysdss@algartech.com;</t>
  </si>
  <si>
    <t>joaogvc@algartech.com,leonardoao@algartech.com,paulacn@algartech.com,ricardodfm@algartech.com.br,robsonams@algartech.com,taysdss@algartech.com</t>
  </si>
  <si>
    <t>01/13/2020 10:40:22</t>
  </si>
  <si>
    <t>mail.google.com/sync/u/0/i/s?hl=pt-BR&amp;c=1094</t>
  </si>
  <si>
    <t>01/13/2020 10:40:25</t>
  </si>
  <si>
    <t>01/13/2020 10:40:39</t>
  </si>
  <si>
    <t>joaogvc@algartech.com;leonardoao@algartech.com;marianadjc@algartech.com;paulacn@algartech.com;rafaelggs@algartech.com;ricardodfm@algartech.com.br;robsonams@algartech.com;taysdss@algartech.com;viniciussg@algartech.com;</t>
  </si>
  <si>
    <t>joaogvc@algartech.com,leonardoao@algartech.com,marianadjc@algartech.com,paulacn@algartech.com,rafaelggs@algartech.com,ricardodfm@algartech.com.br,robsonams@algartech.com,taysdss@algartech.com,viniciussg@algartech.com</t>
  </si>
  <si>
    <t>01/13/2020 10:40:55</t>
  </si>
  <si>
    <t>mail.google.com/sync/u/0/i/s?hl=pt-BR&amp;c=1101</t>
  </si>
  <si>
    <t>01/13/2020 10:41:15</t>
  </si>
  <si>
    <t>mail.google.com/sync/u/0/i/s?hl=pt-BR&amp;c=1105</t>
  </si>
  <si>
    <t>01/13/2020 10:41:38</t>
  </si>
  <si>
    <t>joaogvc@algartech.com;leonardoao@algartech.com;marianadjc@algartech.com;paulacn@algartech.com;planejamentodeoperacoesetrafego@bv.com.br;raphaelmco@algartech.com.br;ricardodfm@algartech.com.br;robsonams@algartech.com;taysdss@algartech.com;viniciussg@algartech.com;</t>
  </si>
  <si>
    <t>joaogvc@algartech.com,leonardoao@algartech.com,marianadjc@algartech.com,paulacn@algartech.com,planejamentodeoperacoesetrafego@bv.com.br,raphaelmco@algartech.com.br,ricardodfm@algartech.com.br,robsonams@algartech.com,taysdss@algartech.com,viniciussg@algartech.com</t>
  </si>
  <si>
    <t>01/13/2020 10:41:48</t>
  </si>
  <si>
    <t>mail.google.com/sync/u/0/i/s?hl=pt-BR&amp;c=1113</t>
  </si>
  <si>
    <t>01/13/2020 10:41:59</t>
  </si>
  <si>
    <t>RELATORIO DE LOGIN - FINANCEIRA - 10-01.xlsm</t>
  </si>
  <si>
    <t>\\acsfs\DEPTOS\Operacao\PCP\5 - Comum\PLANEJAMENTO BV\14 - ACOMPANHAMENTO\1 - REPORT ACOMPANHAMENTO\2020\1 - JANEIRO\FINANCEIRA\Login Logout Financeira\RELATORIO DE LOGIN - FINANCEIRA - 10-01.xlsm</t>
  </si>
  <si>
    <t>01/13/2020 10:42:18</t>
  </si>
  <si>
    <t>01/13/2020 10:42:29</t>
  </si>
  <si>
    <t>mail.google.com/sync/u/0/i/s?hl=pt-BR&amp;c=1117</t>
  </si>
  <si>
    <t>01/13/2020 10:42:34</t>
  </si>
  <si>
    <t>01/13/2020 10:44:28</t>
  </si>
  <si>
    <t>01/13/2020 10:46:29</t>
  </si>
  <si>
    <t>01/13/2020 10:44:58</t>
  </si>
  <si>
    <t>01/13/2020 10:44:02</t>
  </si>
  <si>
    <t>01/13/2020 10:47:28</t>
  </si>
  <si>
    <t>01/13/2020 10:45:24</t>
  </si>
  <si>
    <t>01/13/2020 10:45:30</t>
  </si>
  <si>
    <t>https://sb-ssl.google.com/safebrowsing/clientreport/login?key=aizasyboti4mm-6x9wdnzijieyeu21opbxqwbgw</t>
  </si>
  <si>
    <t>01/13/2020 10:45:34</t>
  </si>
  <si>
    <t>01/13/2020 10:45:37</t>
  </si>
  <si>
    <t>01/13/2020 10:45:41</t>
  </si>
  <si>
    <t>01/13/2020 10:45:49</t>
  </si>
  <si>
    <t>01/13/2020 10:45:52</t>
  </si>
  <si>
    <t>01/13/2020 10:45:59</t>
  </si>
  <si>
    <t>01/13/2020 10:46:07</t>
  </si>
  <si>
    <t>01/13/2020 10:46:12</t>
  </si>
  <si>
    <t>01/13/2020 10:46:17</t>
  </si>
  <si>
    <t>01/13/2020 10:46:19</t>
  </si>
  <si>
    <t>01/13/2020 10:46:24</t>
  </si>
  <si>
    <t>01/13/2020 10:43:42</t>
  </si>
  <si>
    <t>01/13/2020 10:48:28</t>
  </si>
  <si>
    <t>01/13/2020 10:46:05</t>
  </si>
  <si>
    <t>01/13/2020 10:43:35</t>
  </si>
  <si>
    <t>01/13/2020 10:43:24</t>
  </si>
  <si>
    <t>01/13/2020 10:45:10</t>
  </si>
  <si>
    <t>LINK INFO METLIFE.txt</t>
  </si>
  <si>
    <t>\\acsfs\DEPTOS\Operacao\Banco_Votorantim\Qualidade\Anderson\Jose\anderson\LINK INFO METLIFE.txt</t>
  </si>
  <si>
    <t>01/13/2020 10:47:46</t>
  </si>
  <si>
    <t>01/13/2020 10:43:30</t>
  </si>
  <si>
    <t>mail.google.com/sync/u/0/i/s?hl=pt-BR&amp;c=930</t>
  </si>
  <si>
    <t>01/13/2020 10:43:50</t>
  </si>
  <si>
    <t>01/13/2020 10:43:57</t>
  </si>
  <si>
    <t>01/13/2020 10:44:03</t>
  </si>
  <si>
    <t>01/13/2020 10:44:18</t>
  </si>
  <si>
    <t>01/13/2020 10:44:47</t>
  </si>
  <si>
    <t>01/13/2020 10:44:56</t>
  </si>
  <si>
    <t>mail.google.com/sync/u/0/i/s?hl=pt-BR&amp;c=946</t>
  </si>
  <si>
    <t>01/13/2020 10:45:13</t>
  </si>
  <si>
    <t>01/13/2020 10:45:22</t>
  </si>
  <si>
    <t>01/13/2020 10:45:29</t>
  </si>
  <si>
    <t>01/13/2020 10:46:10</t>
  </si>
  <si>
    <t>mail.google.com/sync/u/0/i/s?hl=pt-BR&amp;c=956</t>
  </si>
  <si>
    <t>01/13/2020 10:46:22</t>
  </si>
  <si>
    <t>01/13/2020 10:46:30</t>
  </si>
  <si>
    <t>01/13/2020 10:47:49</t>
  </si>
  <si>
    <t>01/13/2020 10:49:28</t>
  </si>
  <si>
    <t>01/13/2020 10:46:49</t>
  </si>
  <si>
    <t>01/13/2020 10:50:28</t>
  </si>
  <si>
    <t>01/13/2020 10:45:47</t>
  </si>
  <si>
    <t>a9ec56fd-8795-4fe1-b6c2-a503acfcf7d1.tmp</t>
  </si>
  <si>
    <t>\\acsfs\profiles$\BRUNAAR\Downloads\a9ec56fd-8795-4fe1-b6c2-a503acfcf7d1.tmp</t>
  </si>
  <si>
    <t>01/13/2020 10:47:42</t>
  </si>
  <si>
    <t>https://joaogvc@algartech.com,leonardoao@algartech.com,marianadjc@algartech.com,paulacn@algartech.com,rafaelggs@algartech.com,ricardodfm@algartech.com.br,robsonams@algartech.com,taysdss@algartech.com,thiagordu@algartech.com,viniciussg@algartech.com</t>
  </si>
  <si>
    <t>Erro fatal ANA FLAVIA SOARES BARBOSA.PNG</t>
  </si>
  <si>
    <t>\\acsfs\ACS\001 - Qualidade Lilian\PAULO\Pasta Tainara\Erro fatal ANA FLAVIA SOARES BARBOSA.PNG</t>
  </si>
  <si>
    <t>01/13/2020 10:49:46</t>
  </si>
  <si>
    <t>01/13/2020 10:50:21</t>
  </si>
  <si>
    <t>01/13/2020 10:46:28</t>
  </si>
  <si>
    <t>01/13/2020 10:51:29</t>
  </si>
  <si>
    <t>01/13/2020 10:46:58</t>
  </si>
  <si>
    <t>01/13/2020 10:47:58</t>
  </si>
  <si>
    <t>01/13/2020 10:48:59</t>
  </si>
  <si>
    <t>01/13/2020 10:49:29</t>
  </si>
  <si>
    <t>01/13/2020 10:46:21</t>
  </si>
  <si>
    <t>55d3e4ab-5538-4e4f-a773-f06c11dbee5c.tmp</t>
  </si>
  <si>
    <t>\\acsfs\profiles$\jhonatadss\Downloads\55d3e4ab-5538-4e4f-a773-f06c11dbee5c.tmp</t>
  </si>
  <si>
    <t>01/13/2020 10:46:20</t>
  </si>
  <si>
    <t>\\acsfs\profiles$\anacdos\My Documents\My Pictures\$RECYCLE.BIN\</t>
  </si>
  <si>
    <t>$IWFQWWI.png</t>
  </si>
  <si>
    <t>\\acsfs\profiles$\anacdos\My Documents\My Pictures\$RECYCLE.BIN\$IWFQWWI.png</t>
  </si>
  <si>
    <t>01/13/2020 10:46:26</t>
  </si>
  <si>
    <t>$IDEIYZ0.PNG</t>
  </si>
  <si>
    <t>\\acsfs\profiles$\anacdos\My Documents\My Pictures\$RECYCLE.BIN\$IDEIYZ0.PNG</t>
  </si>
  <si>
    <t>01/13/2020 10:49:19</t>
  </si>
  <si>
    <t>01/13/2020 10:52:28</t>
  </si>
  <si>
    <t>01/13/2020 10:49:24</t>
  </si>
  <si>
    <t>01/13/2020 10:49:27</t>
  </si>
  <si>
    <t>01/13/2020 10:49:32</t>
  </si>
  <si>
    <t>01/13/2020 10:49:56</t>
  </si>
  <si>
    <t>01/13/2020 10:54:28</t>
  </si>
  <si>
    <t>01/13/2020 10:53:28</t>
  </si>
  <si>
    <t>\\acsfs\ACS\Gabriel da Silva\Contemporânea\Comissão e Incentivo\D902506B.tmp\</t>
  </si>
  <si>
    <t>\\acsfs\ACS\Gabriel da Silva\Contemporânea\Comissão e Incentivo\D902506B.tmp\:Zone.Identifier:$DATA</t>
  </si>
  <si>
    <t>01/13/2020 10:52:42</t>
  </si>
  <si>
    <t>01/13/2020 10:49:16</t>
  </si>
  <si>
    <t>ed5c1a2b-fa22-4576-abc8-d183d0894eb2.tmp</t>
  </si>
  <si>
    <t>\\acsfs\profiles$\KARENDSR\Downloads\ed5c1a2b-fa22-4576-abc8-d183d0894eb2.tmp</t>
  </si>
  <si>
    <t>01/13/2020 10:50:37</t>
  </si>
  <si>
    <t>01/13/2020 10:50:52</t>
  </si>
  <si>
    <t>7a9efc29-8a6f-4c2e-b356-203c3947bf41.tmp</t>
  </si>
  <si>
    <t>\\acsfs\profiles$\felipetds\Downloads\7a9efc29-8a6f-4c2e-b356-203c3947bf41.tmp</t>
  </si>
  <si>
    <t>01/13/2020 10:51:28</t>
  </si>
  <si>
    <t>01/13/2020 10:55:29</t>
  </si>
  <si>
    <t>18f438f9-e2c9-4add-928b-a636d82619af.tmp</t>
  </si>
  <si>
    <t>\\acsfs\profiles$\henriquehmdo\Downloads\18f438f9-e2c9-4add-928b-a636d82619af.tmp</t>
  </si>
  <si>
    <t>01/13/2020 10:54:09</t>
  </si>
  <si>
    <t>01/13/2020 10:50:19</t>
  </si>
  <si>
    <t>Agent utilization 01.01.2020 a 09.01.2020.xlsx</t>
  </si>
  <si>
    <t>\\acsfs\deptos\Operacao\PCP\5 - Comum\PLANEJAMENTO BV\23 - EXTRAÇÕES\Agent utilization\2020\Agent utilization 01.01.2020 a 09.01.2020.xlsx</t>
  </si>
  <si>
    <t>01/13/2020 10:52:20</t>
  </si>
  <si>
    <t>AGENT LOGIN LOGOUT DETAILS REPORT 10.01.2020.xlsx</t>
  </si>
  <si>
    <t>\\acsfs\deptos\Operacao\PCP\5 - Comum\PLANEJAMENTO BV\23 - EXTRAÇÕES\Agente Login Logout details report\2020\JANEIRO\AGENT LOGIN LOGOUT DETAILS REPORT 10.01.2020.xlsx</t>
  </si>
  <si>
    <t>01/13/2020 10:54:20</t>
  </si>
  <si>
    <t>AGENT LOGIN LOGOUT DETAILS REPORT 11.01.2020.xlsx</t>
  </si>
  <si>
    <t>\\acsfs\deptos\Operacao\PCP\5 - Comum\PLANEJAMENTO BV\23 - EXTRAÇÕES\Agente Login Logout details report\2020\JANEIRO\AGENT LOGIN LOGOUT DETAILS REPORT 11.01.2020.xlsx</t>
  </si>
  <si>
    <t>01/13/2020 10:53:45</t>
  </si>
  <si>
    <t>62f18c4e-3e6f-469d-9e6b-7d7441c6ad92.tmp</t>
  </si>
  <si>
    <t>\\acsfs\profiles$\leonardobb\Downloads\62f18c4e-3e6f-469d-9e6b-7d7441c6ad92.tmp</t>
  </si>
  <si>
    <t>01/13/2020 10:52:29</t>
  </si>
  <si>
    <t>01/13/2020 10:56:28</t>
  </si>
  <si>
    <t>01/13/2020 10:52:59</t>
  </si>
  <si>
    <t>01/13/2020 10:54:30</t>
  </si>
  <si>
    <t>01/13/2020 10:55:00</t>
  </si>
  <si>
    <t>01/13/2020 10:55:30</t>
  </si>
  <si>
    <t>01/13/2020 10:53:51</t>
  </si>
  <si>
    <t>01/13/2020 10:57:29</t>
  </si>
  <si>
    <t>2019 e 2020 orçado.xlsx</t>
  </si>
  <si>
    <t>4nm1wnx9i,actionitems,ancestorhasaugmen,ancestorhasaugmentedpe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,containsunsubscribedchildren,contentrestrictions(readonly),copyable,createddate,displayname,domain,email,emaila,emailaddres,emailaddress,explicitlytrashed,fileextension,filesize,flaggedforabuse,foldercolor,folderfeatures,hasaugmentedpermissions,haschildfolders,hasthumbnail,hasvisitorpermissions,hidden,id,id),items(kind,ken,labels(starred,lastmodifyinguser(kind,lastviewedbymedate,mimetype,modifiedbymedate,modifieddate,ontainsunsubscribedchildren,organizationdisplayname,owners(kind,p82eehcehpqacd8aqquiw?opendrive=false&amp;reason=1412&amp;synctype=0&amp;errorrecovery=false&amp;fields=kind,parents(id),passivelysubscribed,permissionid,picture,primarydomainname,pr</t>
  </si>
  <si>
    <t>01/13/2020 10:53:29</t>
  </si>
  <si>
    <t>d29d0f74-8582-4ac5-bcb3-f71c9a172bad.tmp</t>
  </si>
  <si>
    <t>\\acsfs\profiles$\lucasgpe\Downloads\d29d0f74-8582-4ac5-bcb3-f71c9a172bad.tmp</t>
  </si>
  <si>
    <t>01/13/2020 10:52:55</t>
  </si>
  <si>
    <t>01/13/2020 10:58:28</t>
  </si>
  <si>
    <t>algartechcpcbv@algartech.com;eliane.martins@bv.com.br;joaogvc@algartech.com;marianadjc@algartech.com;paulacn@algartech.com;rafael.ramos@bv.com.br;robsonams@algartech.com;</t>
  </si>
  <si>
    <t>algartechcpcbv@algartech.com,eliane.martins@bv.com.br,joaogvc@algartech.com,marianadjc@algartech.com,paulacn@algartech.com,rafael.ramos@bv.com.br,robsonams@algartech.com</t>
  </si>
  <si>
    <t>01/13/2020 10:53:22</t>
  </si>
  <si>
    <t>01/13/2020 10:53:23</t>
  </si>
  <si>
    <t>01/13/2020 10:54:40</t>
  </si>
  <si>
    <t>01/13/2020 10:54:46</t>
  </si>
  <si>
    <t>01/13/2020 10:54:47</t>
  </si>
  <si>
    <t>01/13/2020 10:55:55</t>
  </si>
  <si>
    <t>6fb403f7-f67c-404e-9818-348e1978d16e.tmp</t>
  </si>
  <si>
    <t>\\acsfs\profiles$\rafaelamsv\Downloads\6fb403f7-f67c-404e-9818-348e1978d16e.tmp</t>
  </si>
  <si>
    <t>01/13/2020 10:56:20</t>
  </si>
  <si>
    <t>01/13/2020 10:59:29</t>
  </si>
  <si>
    <t>01/13/2020 10:55:33</t>
  </si>
  <si>
    <t>mail.google.com/_/upload?authuser=1&amp;dcp=asu-n&amp;upload_id=AEnB2UqF1o3vOJN7uSLty7SoFIIV_fFeCzW3Nw8iKLEoZ4MWEdC9O-nhqTLhkVuueEEPUBPLO2G6GLE3BiTBWoY5HMpN4e6YhD5nA8UMrHNw-CGUJIb7Asw&amp;upload_protocol=resumable</t>
  </si>
  <si>
    <t>Volumetria Fale Conosco.xlsx</t>
  </si>
  <si>
    <t>01/13/2020 10:54:18</t>
  </si>
  <si>
    <t>2d7a289f-8cab-4fad-abf9-dc8e0201e4d2.tmp</t>
  </si>
  <si>
    <t>\\acsfs\profiles$\quindaizaagds\Downloads\2d7a289f-8cab-4fad-abf9-dc8e0201e4d2.tmp</t>
  </si>
  <si>
    <t>0ccd468d-bbce-48a8-93f5-d1fa2bcf853a.tmp</t>
  </si>
  <si>
    <t>\\acsfs\profiles$\quindaizaagds\Downloads\0ccd468d-bbce-48a8-93f5-d1fa2bcf853a.tmp</t>
  </si>
  <si>
    <t>01/13/2020 10:55:38</t>
  </si>
  <si>
    <t>01/13/2020 10:55:47</t>
  </si>
  <si>
    <t>01/13/2020 10:54:44</t>
  </si>
  <si>
    <t>lu6452104h4g.tmp</t>
  </si>
  <si>
    <t>\\acsfs\profiles$\jonathanwap\lu6452104h4g.tmp</t>
  </si>
  <si>
    <t>\\acsfs\profiles$\jonathanwap\lu6452104h4g.tmp\</t>
  </si>
  <si>
    <t>\\acsfs\profiles$\jonathanwap\lu6452104h4g.tmp\META-INF\</t>
  </si>
  <si>
    <t>\\acsfs\profiles$\jonathanwap\lu6452104h4g.tmp\Thumbnails\</t>
  </si>
  <si>
    <t>01/13/2020 10:56:30</t>
  </si>
  <si>
    <t>mail.google.com/_/upload?authuser=0&amp;dcp=asu-n&amp;upload_id=AEnB2UrYwNC0X9402ySdXpgWJgYmv_pxeMf75Sbkd6diyleL0SFeKOrMntvDg3j9r9X8PHf0Qg-VzEZZ0pOZDaEFNkHTNJnjJkC4ayRblEb8UdeCbBPoZYk&amp;upload_protocol=resumable</t>
  </si>
  <si>
    <t>C:\Marcopaulo\10 BRADESCO\Inter\</t>
  </si>
  <si>
    <t>Atividadess PJ.xlsx</t>
  </si>
  <si>
    <t>01/13/2020 10:59:24</t>
  </si>
  <si>
    <t>01/13/2020 11:00:28</t>
  </si>
  <si>
    <t>01/13/2020 10:56:24</t>
  </si>
  <si>
    <t>AGENT LOGIN LOGOUT DETAILS REPORT 12.01.2020.xlsx</t>
  </si>
  <si>
    <t>\\acsfs\deptos\Operacao\PCP\5 - Comum\PLANEJAMENTO BV\23 - EXTRAÇÕES\Agente Login Logout details report\2020\JANEIRO\AGENT LOGIN LOGOUT DETAILS REPORT 12.01.2020.xlsx</t>
  </si>
  <si>
    <t>01/13/2020 10:57:48</t>
  </si>
  <si>
    <t>Queue Summary Report 01.01.20 a 09.01.2020.xlsx</t>
  </si>
  <si>
    <t>\\acsfs\deptos\Operacao\PCP\5 - Comum\PLANEJAMENTO BV\23 - EXTRAÇÕES\Queue Summary Report\2020\Queue Summary Report 01.01.20 a 09.01.2020.xlsx</t>
  </si>
  <si>
    <t>01/13/2020 10:58:08</t>
  </si>
  <si>
    <t>01/13/2020 10:57:00</t>
  </si>
  <si>
    <t>01/13/2020 11:01:28</t>
  </si>
  <si>
    <t>01/13/2020 10:57:30</t>
  </si>
  <si>
    <t>01/13/2020 10:58:30</t>
  </si>
  <si>
    <t>01/13/2020 10:59:00</t>
  </si>
  <si>
    <t>01/13/2020 10:59:31</t>
  </si>
  <si>
    <t>01/13/2020 11:00:01</t>
  </si>
  <si>
    <t>01/13/2020 11:00:31</t>
  </si>
  <si>
    <t>01/13/2020 10:59:16</t>
  </si>
  <si>
    <t>10.200.67.151</t>
  </si>
  <si>
    <t>\\acsfs\DEPTOS\EDUCACAO EMPRESARIAL\2 - Operações\0.01 BV CARTÕES\</t>
  </si>
  <si>
    <t>Treinamento BV Cartões.xlsx</t>
  </si>
  <si>
    <t>\\acsfs\DEPTOS\EDUCACAO EMPRESARIAL\2 - Operações\0.01 BV CARTÕES\Treinamento BV Cartões.xlsx</t>
  </si>
  <si>
    <t>01/13/2020 11:00:39</t>
  </si>
  <si>
    <t>01/13/2020 11:02:28</t>
  </si>
  <si>
    <t>01/13/2020 10:58:54</t>
  </si>
  <si>
    <t>f7712248-5c40-4472-87e5-c44b8d1993d9.tmp</t>
  </si>
  <si>
    <t>\\acsfs\profiles$\Angelicacldr\Downloads\f7712248-5c40-4472-87e5-c44b8d1993d9.tmp</t>
  </si>
  <si>
    <t>01/13/2020 11:02:08</t>
  </si>
  <si>
    <t>01/13/2020 11:01:41</t>
  </si>
  <si>
    <t>01/13/2020 11:03:29</t>
  </si>
  <si>
    <t>marcelorf@algartech.com;talitaps@algartech.com;</t>
  </si>
  <si>
    <t>\\acsfs\deptos\DME\CME - Coordenacao de Marketing e Estrategia\Gestão de Vendas\Metas\2020\</t>
  </si>
  <si>
    <t>Metas - Validação DTH e DAF (Receita Total).xlsx</t>
  </si>
  <si>
    <t>marcelorf@algartech.com,talitaps@algartech.com</t>
  </si>
  <si>
    <t>01/13/2020 10:58:59</t>
  </si>
  <si>
    <t>01/13/2020 10:59:01</t>
  </si>
  <si>
    <t>01/13/2020 11:04:28</t>
  </si>
  <si>
    <t>01/13/2020 11:01:48</t>
  </si>
  <si>
    <t>01/13/2020 11:00:57</t>
  </si>
  <si>
    <t>01/13/2020 11:05:28</t>
  </si>
  <si>
    <t>mail.google.com/sync/u/0/i/s?hl=pt-BR&amp;c=1149</t>
  </si>
  <si>
    <t>01/13/2020 11:01:02</t>
  </si>
  <si>
    <t>mail.google.com/sync/u/0/i/s?hl=pt-BR&amp;c=1151</t>
  </si>
  <si>
    <t>01/13/2020 11:00:11</t>
  </si>
  <si>
    <t>01/13/2020 11:02:37</t>
  </si>
  <si>
    <t>01/13/2020 11:01:01</t>
  </si>
  <si>
    <t>01/13/2020 11:06:29</t>
  </si>
  <si>
    <t>01/13/2020 11:01:31</t>
  </si>
  <si>
    <t>01/13/2020 11:02:01</t>
  </si>
  <si>
    <t>01/13/2020 11:02:31</t>
  </si>
  <si>
    <t>01/13/2020 11:05:02</t>
  </si>
  <si>
    <t>01/13/2020 11:05:32</t>
  </si>
  <si>
    <t>01/13/2020 11:05:36</t>
  </si>
  <si>
    <t>01/13/2020 11:05:25</t>
  </si>
  <si>
    <t>aaf083b5-7210-4bd4-b4d6-8dcf97aae80d.tmp</t>
  </si>
  <si>
    <t>\\acsfs\profiles$\joselrb\Downloads\aaf083b5-7210-4bd4-b4d6-8dcf97aae80d.tmp</t>
  </si>
  <si>
    <t>01/13/2020 11:03:02</t>
  </si>
  <si>
    <t>01/13/2020 11:07:28</t>
  </si>
  <si>
    <t>lu1973611kns4.tmp</t>
  </si>
  <si>
    <t>\\acsfs\profiles$\lucasgpe\Desktop\lu1973611kns4.tmp</t>
  </si>
  <si>
    <t>\\acsfs\profiles$\lucasgpe\Desktop\lu1973611kns4.tmp\</t>
  </si>
  <si>
    <t>\\acsfs\profiles$\lucasgpe\Desktop\lu1973611kns4.tmp\META-INF\</t>
  </si>
  <si>
    <t>\\acsfs\profiles$\lucasgpe\Desktop\lu1973611kns4.tmp\Thumbnails\</t>
  </si>
  <si>
    <t>01/13/2020 11:05:08</t>
  </si>
  <si>
    <t>4f833826-520a-4264-9f83-1b40035e3d58.tmp</t>
  </si>
  <si>
    <t>\\acsfs\profiles$\lucasgpe\Downloads\4f833826-520a-4264-9f83-1b40035e3d58.tmp</t>
  </si>
  <si>
    <t>01/13/2020 11:06:14</t>
  </si>
  <si>
    <t>01/13/2020 11:08:28</t>
  </si>
  <si>
    <t>horario Brunna.xlsx</t>
  </si>
  <si>
    <t>01/13/2020 11:06:18</t>
  </si>
  <si>
    <t>01/13/2020 11:06:38</t>
  </si>
  <si>
    <t>C:\Temp\CollectIT\browsinginfo.zip\</t>
  </si>
  <si>
    <t>01/13/2020 11:03:43</t>
  </si>
  <si>
    <t>01/13/2020 11:09:28</t>
  </si>
  <si>
    <t>67f45309-cbee-4c29-9384-705de260ae0f.tmp</t>
  </si>
  <si>
    <t>\\acsfs\profiles$\gabrielsma\Downloads\67f45309-cbee-4c29-9384-705de260ae0f.tmp</t>
  </si>
  <si>
    <t>01/13/2020 11:03:54</t>
  </si>
  <si>
    <t>Não confirmado 197340.crdownload</t>
  </si>
  <si>
    <t>\\acsfs\ACS\Gabriel da Silva\Contemporânea\Comissão e Incentivo\Não confirmado 197340.crdownload</t>
  </si>
  <si>
    <t>01/13/2020 11:08:14</t>
  </si>
  <si>
    <t>Incentivo BV - SAC_VL1.xlsx</t>
  </si>
  <si>
    <t>\\acsfs\ACS\Gabriel da Silva\Contemporânea\Comissão e Incentivo\Incentivo BV - SAC_VL1.xlsx</t>
  </si>
  <si>
    <t>01/13/2020 11:07:17</t>
  </si>
  <si>
    <t>01/13/2020 11:06:17</t>
  </si>
  <si>
    <t>01/13/2020 11:10:28</t>
  </si>
  <si>
    <t>01/13/2020 11:08:13</t>
  </si>
  <si>
    <t>01/13/2020 11:05:07</t>
  </si>
  <si>
    <t>lu263961x8m7c.tmp</t>
  </si>
  <si>
    <t>\\acsfs\profiles$\BRUNAAR\Numero\lu263961x8m7c.tmp</t>
  </si>
  <si>
    <t>01/13/2020 11:07:13</t>
  </si>
  <si>
    <t>daec9218-59cc-4076-ac51-bad33c3b42ab.tmp</t>
  </si>
  <si>
    <t>\\acsfs\profiles$\BRUNAAR\Downloads\daec9218-59cc-4076-ac51-bad33c3b42ab.tmp</t>
  </si>
  <si>
    <t>01/13/2020 11:09:35</t>
  </si>
  <si>
    <t>d0625e5a-cd2c-4ed3-95fc-d271f4baf6e5.tmp</t>
  </si>
  <si>
    <t>\\acsfs\profiles$\BRUNAAR\Downloads\d0625e5a-cd2c-4ed3-95fc-d271f4baf6e5.tmp</t>
  </si>
  <si>
    <t>01/13/2020 11:06:32</t>
  </si>
  <si>
    <t>01/13/2020 11:11:28</t>
  </si>
  <si>
    <t>01/13/2020 11:07:02</t>
  </si>
  <si>
    <t>01/13/2020 11:07:32</t>
  </si>
  <si>
    <t>01/13/2020 11:10:03</t>
  </si>
  <si>
    <t>01/13/2020 11:10:33</t>
  </si>
  <si>
    <t>01/13/2020 11:06:15</t>
  </si>
  <si>
    <t>01/13/2020 11:06:33</t>
  </si>
  <si>
    <t>45fd179e-3c8b-44e3-ab68-b2833a50eb17.tmp</t>
  </si>
  <si>
    <t>\\acsfs\profiles$\joselrb\Downloads\45fd179e-3c8b-44e3-ab68-b2833a50eb17.tmp</t>
  </si>
  <si>
    <t>01/13/2020 11:06:49</t>
  </si>
  <si>
    <t>84ec5e42-cdf0-415b-b978-8a4f850bcba4.tmp</t>
  </si>
  <si>
    <t>\\acsfs\profiles$\joselrb\Downloads\84ec5e42-cdf0-415b-b978-8a4f850bcba4.tmp</t>
  </si>
  <si>
    <t>01/13/2020 11:09:40</t>
  </si>
  <si>
    <t>01/13/2020 11:13:28</t>
  </si>
  <si>
    <t>01/13/2020 11:09:42</t>
  </si>
  <si>
    <t>01/13/2020 11:10:08</t>
  </si>
  <si>
    <t>01/13/2020 11:10:17</t>
  </si>
  <si>
    <t>01/13/2020 11:10:22</t>
  </si>
  <si>
    <t>01/13/2020 11:11:09</t>
  </si>
  <si>
    <t>01/13/2020 11:10:35</t>
  </si>
  <si>
    <t>01/13/2020 11:14:28</t>
  </si>
  <si>
    <t>Dash Pesquisa de Satisfação 2020 (Oficial4.xlsx</t>
  </si>
  <si>
    <t>01/13/2020 11:10:38</t>
  </si>
  <si>
    <t>01/13/2020 11:09:37</t>
  </si>
  <si>
    <t>954bda95-2e26-45b3-893a-876dd88a928b.tmp</t>
  </si>
  <si>
    <t>\\acsfs\profiles$\wedersonbadr\My Documents\My Music\954bda95-2e26-45b3-893a-876dd88a928b.tmp</t>
  </si>
  <si>
    <t>01/13/2020 11:09:44</t>
  </si>
  <si>
    <t>f5457964-2b21-40e6-a4de-4df5c4737ce9.tmp</t>
  </si>
  <si>
    <t>\\acsfs\profiles$\wedersonbadr\My Documents\My Music\f5457964-2b21-40e6-a4de-4df5c4737ce9.tmp</t>
  </si>
  <si>
    <t>01/13/2020 11:10:39</t>
  </si>
  <si>
    <t>01/13/2020 11:15:29</t>
  </si>
  <si>
    <t>c0e61a05-4bae-42bf-aa4f-64339de06e68.tmp</t>
  </si>
  <si>
    <t>\\acsfs\profiles$\BRUNAAR\Downloads\c0e61a05-4bae-42bf-aa4f-64339de06e68.tmp</t>
  </si>
  <si>
    <t>01/13/2020 11:12:15</t>
  </si>
  <si>
    <t>01/13/2020 11:12:44</t>
  </si>
  <si>
    <t>01/13/2020 11:13:54</t>
  </si>
  <si>
    <t>01/13/2020 11:12:24</t>
  </si>
  <si>
    <t>2011cd75-7725-456f-9d07-4479c802c259.tmp</t>
  </si>
  <si>
    <t>\\acsfs\profiles$\ANAPDSB\Downloads\2011cd75-7725-456f-9d07-4479c802c259.tmp</t>
  </si>
  <si>
    <t>01/13/2020 11:11:37</t>
  </si>
  <si>
    <t>2f12819f-232b-45cd-a65a-cd4c44ccb502.tmp</t>
  </si>
  <si>
    <t>\\acsfs\profiles$\mariajra\Downloads\2f12819f-232b-45cd-a65a-cd4c44ccb502.tmp</t>
  </si>
  <si>
    <t>01/13/2020 11:11:03</t>
  </si>
  <si>
    <t>01/13/2020 11:16:28</t>
  </si>
  <si>
    <t>01/13/2020 11:11:33</t>
  </si>
  <si>
    <t>01/13/2020 11:12:04</t>
  </si>
  <si>
    <t>01/13/2020 11:14:34</t>
  </si>
  <si>
    <t>01/13/2020 11:15:04</t>
  </si>
  <si>
    <t>01/13/2020 11:15:35</t>
  </si>
  <si>
    <t>01/13/2020 11:11:22</t>
  </si>
  <si>
    <t>desligados Janeiro.xls</t>
  </si>
  <si>
    <t>01/13/2020 11:13:12</t>
  </si>
  <si>
    <t>01/13/2020 11:17:29</t>
  </si>
  <si>
    <t>01/13/2020 11:14:46</t>
  </si>
  <si>
    <t>01/13/2020 11:18:28</t>
  </si>
  <si>
    <t>igorpc@algartech.com;</t>
  </si>
  <si>
    <t>Template_Sobreaviso (1).xlsx</t>
  </si>
  <si>
    <t>igorpc@algartech.com</t>
  </si>
  <si>
    <t>01/13/2020 11:16:14</t>
  </si>
  <si>
    <t>c00e2d02-c382-4cd2-b2b3-c943d333a71a.tmp</t>
  </si>
  <si>
    <t>\\acsfs\profiles$\rafaelahpn\Downloads\c00e2d02-c382-4cd2-b2b3-c943d333a71a.tmp</t>
  </si>
  <si>
    <t>01/13/2020 11:14:20</t>
  </si>
  <si>
    <t>01/13/2020 11:19:28</t>
  </si>
  <si>
    <t>fabianacscg@algartech.com;karinars@algartech.com;lilianls@algartech.com;senildapdo@algartech.com;</t>
  </si>
  <si>
    <t>13-01 new model.xlsx</t>
  </si>
  <si>
    <t>fabianacscg@algartech.com,karinars@algartech.com,lilianls@algartech.com,senildapdo@algartech.com</t>
  </si>
  <si>
    <t>01/13/2020 11:14:59</t>
  </si>
  <si>
    <t>3bbd1cd9-4331-41b6-b328-7fc7b5e0e4b5.tmp</t>
  </si>
  <si>
    <t>\\acsfs\profiles$\nathaliarmr\Downloads\3bbd1cd9-4331-41b6-b328-7fc7b5e0e4b5.tmp</t>
  </si>
  <si>
    <t>01/13/2020 11:14:49</t>
  </si>
  <si>
    <t>04045c55-1323-4702-a4c1-0483870bf266.tmp</t>
  </si>
  <si>
    <t>\\acsfs\profiles$\lorraynevam\Downloads\04045c55-1323-4702-a4c1-0483870bf266.tmp</t>
  </si>
  <si>
    <t>01/13/2020 11:15:03</t>
  </si>
  <si>
    <t>c267bf3a-e83f-4701-986b-85bbf90e3772.tmp</t>
  </si>
  <si>
    <t>\\acsfs\profiles$\lorraynevam\Downloads\c267bf3a-e83f-4701-986b-85bbf90e3772.tmp</t>
  </si>
  <si>
    <t>01/13/2020 11:18:23</t>
  </si>
  <si>
    <t>01/13/2020 11:20:28</t>
  </si>
  <si>
    <t>01/13/2020 11:16:05</t>
  </si>
  <si>
    <t>01/13/2020 11:21:28</t>
  </si>
  <si>
    <t>01/13/2020 11:16:35</t>
  </si>
  <si>
    <t>01/13/2020 11:17:35</t>
  </si>
  <si>
    <t>01/13/2020 11:18:06</t>
  </si>
  <si>
    <t>01/13/2020 11:19:06</t>
  </si>
  <si>
    <t>01/13/2020 11:19:36</t>
  </si>
  <si>
    <t>01/13/2020 11:20:06</t>
  </si>
  <si>
    <t>01/13/2020 11:20:36</t>
  </si>
  <si>
    <t>01/13/2020 11:20:50</t>
  </si>
  <si>
    <t>01/13/2020 11:22:28</t>
  </si>
  <si>
    <t>01/13/2020 11:18:02</t>
  </si>
  <si>
    <t>01/13/2020 11:23:29</t>
  </si>
  <si>
    <t>01/13/2020 11:18:10</t>
  </si>
  <si>
    <t>01/13/2020 11:18:19</t>
  </si>
  <si>
    <t>01/13/2020 11:18:22</t>
  </si>
  <si>
    <t>01/13/2020 11:18:42</t>
  </si>
  <si>
    <t>01/13/2020 11:20:19</t>
  </si>
  <si>
    <t>Metas - Validação DTH e DAF 13-01.xlsx</t>
  </si>
  <si>
    <t>01/13/2020 11:22:33</t>
  </si>
  <si>
    <t>01/13/2020 11:21:01</t>
  </si>
  <si>
    <t>01/13/2020 11:24:28</t>
  </si>
  <si>
    <t>\\acsfs\ACS\Gabriel da Silva\Contemporânea\NPS\NPS_Voz\Dezembro.19\</t>
  </si>
  <si>
    <t>Não confirmado 106632.crdownload</t>
  </si>
  <si>
    <t>\\acsfs\ACS\Gabriel da Silva\Contemporânea\NPS\NPS_Voz\Dezembro.19\Não confirmado 106632.crdownload</t>
  </si>
  <si>
    <t>01/13/2020 11:21:31</t>
  </si>
  <si>
    <t>01/13/2020 11:21:53</t>
  </si>
  <si>
    <t>01/13/2020 11:23:13</t>
  </si>
  <si>
    <t>01/13/2020 11:19:40</t>
  </si>
  <si>
    <t>01/13/2020 11:25:29</t>
  </si>
  <si>
    <t>aline.marinho@algartech.com;flavia.rolim@itau-unibanco.com.br;marco.padovani@algartech.com;</t>
  </si>
  <si>
    <t>aline.marinho@algartech.com,flavia.rolim@itau-unibanco.com.br,marco.padovani@algartech.com</t>
  </si>
  <si>
    <t>01/13/2020 11:20:26</t>
  </si>
  <si>
    <t>9bb3ebe3-d3ca-4ad3-89b2-c6293aad4e53.tmp</t>
  </si>
  <si>
    <t>\\acsfs\profiles$\henriquehmdo\Downloads\9bb3ebe3-d3ca-4ad3-89b2-c6293aad4e53.tmp</t>
  </si>
  <si>
    <t>01/13/2020 11:21:17</t>
  </si>
  <si>
    <t>danieldoes@algartech.com.br;ketelenprsdc@algartech.com.br;</t>
  </si>
  <si>
    <t>Teste</t>
  </si>
  <si>
    <t>danieldoes@algartech.com.br,ketelenprsdc@algartech.com.br</t>
  </si>
  <si>
    <t>01/13/2020 11:22:38</t>
  </si>
  <si>
    <t>32659df5-c9da-4053-969a-5bdc2962ffae.tmp</t>
  </si>
  <si>
    <t>\\acsfs\profiles$\lucasqdss\Downloads\32659df5-c9da-4053-969a-5bdc2962ffae.tmp</t>
  </si>
  <si>
    <t>01/13/2020 11:21:06</t>
  </si>
  <si>
    <t>01/13/2020 11:26:28</t>
  </si>
  <si>
    <t>01/13/2020 11:25:38</t>
  </si>
  <si>
    <t>01/13/2020 11:26:03</t>
  </si>
  <si>
    <t>01/13/2020 11:27:28</t>
  </si>
  <si>
    <t>01/13/2020 11:24:15</t>
  </si>
  <si>
    <t>01/13/2020 11:28:28</t>
  </si>
  <si>
    <t>01/13/2020 11:22:45</t>
  </si>
  <si>
    <t>01/13/2020 11:22:52</t>
  </si>
  <si>
    <t>01/13/2020 11:25:28</t>
  </si>
  <si>
    <t>9363f743-5694-46b2-ae08-8bad15fd4d54;</t>
  </si>
  <si>
    <t>br accept-language: pt-br;deflate;en-us;q=0.8;en;q=0.7 cookie: _ga=ga1.3.1112580855.1536683675; _hjid=9363f743-5694-46b2-ae08-8bad15fd4d54; __requestverificationtoken=ujjccmubmtdqbfzpf5mqoy7anlwfkmkpld9g7a2brk6ufiw4xqmazt9_eewvkargimiwgjfccwoeymj7c0ulrkonaeqbzymslsz5ffudfkm1; _gid=ga1.3.2103302856.1578921421; tp_stylesheet=light_blue; tp_layout_mode=wide; footer_bg=dark; _hjincludedinsample=1; asp.net_sessionid=z1deh0girlttcrvhqv30e5rz; .aspxformsauth=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</t>
  </si>
  <si>
    <t>\\acsfs\deptos\PMO Governança\06 - GOVERNANÇA DO CAPEX\CAPEX 2019\ORÇAMENTO\02 - 1ª REVISÃO\</t>
  </si>
  <si>
    <t>Cópia de Cópia de Cópia de Cópia de Capex 2019 - Prévia_1ªRev_v20 SAVING NO ORÇADO.xlsx</t>
  </si>
  <si>
    <t>https://br accept-language: pt-br,deflate,en-us;q=0.8,en;q=0.7 cookie: _ga=ga1.3.1112580855.1536683675; _hjid=9363f743-5694-46b2-ae08-8bad15fd4d54; __requestverificationtoken=ujjccmubmtdqbfzpf5mqoy7anlwfkmkpld9g7a2brk6ufiw4xqmazt9_eewvkargimiwgjfccwoeymj7c0ulrkonaeqbzymslsz5ffudfkm1; _gid=ga1.3.2103302856.1578921421; tp_stylesheet=light_blue; tp_layout_mode=wide; footer_bg=dark; _hjincludedinsample=1; asp.net_sessionid=z1deh0girlttcrvhqv30e5rz; .aspxformsauth=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</t>
  </si>
  <si>
    <t>01/13/2020 11:24:24</t>
  </si>
  <si>
    <t>01/13/2020 11:29:28</t>
  </si>
  <si>
    <t>01/13/2020 11:27:33</t>
  </si>
  <si>
    <t>01/13/2020 11:26:47</t>
  </si>
  <si>
    <t>01/13/2020 11:26:51</t>
  </si>
  <si>
    <t>01/13/2020 11:26:55</t>
  </si>
  <si>
    <t>01/13/2020 11:26:57</t>
  </si>
  <si>
    <t>01/13/2020 11:26:59</t>
  </si>
  <si>
    <t>01/13/2020 11:27:06</t>
  </si>
  <si>
    <t>01/13/2020 11:27:08</t>
  </si>
  <si>
    <t>01/13/2020 11:27:11</t>
  </si>
  <si>
    <t>01/13/2020 11:27:12</t>
  </si>
  <si>
    <t>01/13/2020 11:27:13</t>
  </si>
  <si>
    <t>01/13/2020 11:27:16</t>
  </si>
  <si>
    <t>01/13/2020 11:27:17</t>
  </si>
  <si>
    <t>01/13/2020 11:27:18</t>
  </si>
  <si>
    <t>01/13/2020 11:27:19</t>
  </si>
  <si>
    <t>01/13/2020 11:27:20</t>
  </si>
  <si>
    <t>01/13/2020 11:27:21</t>
  </si>
  <si>
    <t>01/13/2020 11:27:23</t>
  </si>
  <si>
    <t>01/13/2020 11:27:24</t>
  </si>
  <si>
    <t>01/13/2020 11:27:27</t>
  </si>
  <si>
    <t>01/13/2020 11:27:30</t>
  </si>
  <si>
    <t>01/13/2020 11:27:31</t>
  </si>
  <si>
    <t>01/13/2020 11:27:32</t>
  </si>
  <si>
    <t>01/13/2020 11:27:34</t>
  </si>
  <si>
    <t>01/13/2020 11:27:35</t>
  </si>
  <si>
    <t>01/13/2020 11:27:37</t>
  </si>
  <si>
    <t>01/13/2020 11:27:38</t>
  </si>
  <si>
    <t>01/13/2020 11:27:39</t>
  </si>
  <si>
    <t>01/13/2020 11:27:42</t>
  </si>
  <si>
    <t>01/13/2020 11:27:43</t>
  </si>
  <si>
    <t>01/13/2020 11:27:46</t>
  </si>
  <si>
    <t>01/13/2020 11:27:48</t>
  </si>
  <si>
    <t>01/13/2020 11:27:49</t>
  </si>
  <si>
    <t>01/13/2020 11:27:50</t>
  </si>
  <si>
    <t>01/13/2020 11:27:52</t>
  </si>
  <si>
    <t>01/13/2020 11:27:54</t>
  </si>
  <si>
    <t>01/13/2020 11:27:56</t>
  </si>
  <si>
    <t>01/13/2020 11:27:57</t>
  </si>
  <si>
    <t>01/13/2020 11:27:58</t>
  </si>
  <si>
    <t>01/13/2020 11:28:00</t>
  </si>
  <si>
    <t>01/13/2020 11:28:01</t>
  </si>
  <si>
    <t>01/13/2020 11:28:03</t>
  </si>
  <si>
    <t>01/13/2020 11:28:05</t>
  </si>
  <si>
    <t>01/13/2020 11:28:29</t>
  </si>
  <si>
    <t>01/13/2020 11:29:31</t>
  </si>
  <si>
    <t>01/13/2020 11:30:28</t>
  </si>
  <si>
    <t>01/13/2020 11:26:08</t>
  </si>
  <si>
    <t>01/13/2020 11:31:28</t>
  </si>
  <si>
    <t>01/13/2020 11:26:38</t>
  </si>
  <si>
    <t>01/13/2020 11:29:23</t>
  </si>
  <si>
    <t>10.200.35.248</t>
  </si>
  <si>
    <t>1C-39-47-59-58-31</t>
  </si>
  <si>
    <t>NB-LUIZEDP</t>
  </si>
  <si>
    <t>luizedp</t>
  </si>
  <si>
    <t>C:\Users\luizedp\Documents\Flow-Produção\ISD\(OK) Analise Competitividade ISD\TRICARD - 145390 - ISD\2. Desenho da Solução\</t>
  </si>
  <si>
    <t>ISD - Componentização dos Custos_v2.xlsx</t>
  </si>
  <si>
    <t>drive.google.com/upload/drive/v2internal/files?openDrive=false&amp;reason=202&amp;syncType=0&amp;errorRecovery=false&amp;uploadType=resumabl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</t>
  </si>
  <si>
    <t>01/13/2020 11:31:34</t>
  </si>
  <si>
    <t>01/13/2020 11:33:28</t>
  </si>
  <si>
    <t>01/13/2020 11:31:44</t>
  </si>
  <si>
    <t>01/13/2020 11:29:17</t>
  </si>
  <si>
    <t>01/13/2020 11:34:28</t>
  </si>
  <si>
    <t>Não confirmado 872030.crdownload</t>
  </si>
  <si>
    <t>\\acsfs\ACS\Gabriel da Silva\Contemporânea\Gen\Não confirmado 872030.crdownload</t>
  </si>
  <si>
    <t>01/13/2020 11:32:38</t>
  </si>
  <si>
    <t>01/13/2020 11:29:41</t>
  </si>
  <si>
    <t>10.201.28.44</t>
  </si>
  <si>
    <t>Dados para Fórum Caixa.xlsx</t>
  </si>
  <si>
    <t>01/13/2020 11:33:09</t>
  </si>
  <si>
    <t>01/13/2020 11:30:54</t>
  </si>
  <si>
    <t>C:\Users\tullyols\Downloads\</t>
  </si>
  <si>
    <t>export (15).xls</t>
  </si>
  <si>
    <t>ancestorhasaugmented,ancestorhasaugmentedpermissions,containsunsubscribedchildren,displayname,domain,emailaddress,explic,filesize,hasthumbnail,hasvisitorpermissions,id,id),items(kind,ken,lastmodifyinguser(kind,lastviewedbymedate,modifiedbymedate,modifieddate,ontainsunsubscribedchildren,owners(kind,permiss,permissionid,picture,rpermissions,shared,sharedwithmedate,thumbnailversion,title,userpermission(role),workspaceids</t>
  </si>
  <si>
    <t>01/13/2020 11:33:39</t>
  </si>
  <si>
    <t>01/13/2020 11:36:29</t>
  </si>
  <si>
    <t>01/13/2020 11:34:04</t>
  </si>
  <si>
    <t>lu2733221pjne.tmp</t>
  </si>
  <si>
    <t>\\acsfs\profiles$\RAFAELRF\meu\lu2733221pjne.tmp</t>
  </si>
  <si>
    <t>01/13/2020 11:34:44</t>
  </si>
  <si>
    <t>01/13/2020 11:37:28</t>
  </si>
  <si>
    <t>01/13/2020 11:35:19</t>
  </si>
  <si>
    <t>01/13/2020 11:38:28</t>
  </si>
  <si>
    <t>01/13/2020 11:37:40</t>
  </si>
  <si>
    <t>01/13/2020 11:39:28</t>
  </si>
  <si>
    <t>01/13/2020 11:35:40</t>
  </si>
  <si>
    <t>01/13/2020 11:40:28</t>
  </si>
  <si>
    <t>ENC: Volume Gerenciadas Amex e Visa - 13/01</t>
  </si>
  <si>
    <t>01/13/2020 11:40:00</t>
  </si>
  <si>
    <t>01/13/2020 11:42:28</t>
  </si>
  <si>
    <t>mail.google.com/_/upload?authuser=1&amp;dcp=asu-n&amp;upload_id=AEnB2Up__BzDDbFG6kYKpHthcaV3cAC67qX4Kg03Pw1MWH-QLWPzs7o4ZtO4IONO39O4JNpbH_Ge9Zo4TrlpwggeYCYPw7iosa1IqK6XrM0NMXVYNMMsRd8&amp;upload_protocol=resumable</t>
  </si>
  <si>
    <t>\\acsfs\DEPTOS\Operacao\PCP\3 - Corporativo\RFP´s (Request for Proposal)\2020\RFP 218472 - BRASILCAP\</t>
  </si>
  <si>
    <t>Resumo dimensionamento_Brasil Cap.xlsx</t>
  </si>
  <si>
    <t>01/13/2020 11:37:23</t>
  </si>
  <si>
    <t>01/13/2020 11:38:18</t>
  </si>
  <si>
    <t>01/13/2020 11:43:28</t>
  </si>
  <si>
    <t>C:\Users\dolvaner\Desktop\Projetos\Precificação\PMO\Projeto Precificação - Sessão de Governança - 13 01 2020.pptx\</t>
  </si>
  <si>
    <t>01/13/2020 11:38:21</t>
  </si>
  <si>
    <t>01/13/2020 11:38:23</t>
  </si>
  <si>
    <t>01/13/2020 11:38:39</t>
  </si>
  <si>
    <t>mail.google.com/_/upload?authuser=1&amp;dcp=asu-n&amp;upload_id=AEnB2UrXyu59gew-z2_l2rTnuUs8JWA7f0BHcIathSmc7hetrP1_a8K-3gHiNoqX3Davut4VMlVGkc0-BmPX_W47Z36hQ676e9Qydo6L52YYXjhqqjCOrRk&amp;upload_protocol=resumable</t>
  </si>
  <si>
    <t>01/13/2020 11:38:41</t>
  </si>
  <si>
    <t>01/13/2020 11:38:43</t>
  </si>
  <si>
    <t>01/13/2020 11:39:51</t>
  </si>
  <si>
    <t>01/13/2020 11:39:53</t>
  </si>
  <si>
    <t>01/13/2020 11:39:56</t>
  </si>
  <si>
    <t>01/13/2020 11:40:56</t>
  </si>
  <si>
    <t>01/13/2020 11:44:28</t>
  </si>
  <si>
    <t>01/13/2020 11:42:02</t>
  </si>
  <si>
    <t>\\acsfs\ACS\Gabriel da Silva\Contemporânea\Comissão e Incentivo\16FE4B5D.tmp\</t>
  </si>
  <si>
    <t>\\acsfs\ACS\Gabriel da Silva\Contemporânea\Comissão e Incentivo\16FE4B5D.tmp\:Zone.Identifier:$DATA</t>
  </si>
  <si>
    <t>01/13/2020 11:43:39</t>
  </si>
  <si>
    <t>01/13/2020 11:40:12</t>
  </si>
  <si>
    <t>C:\Users\edienelnpi\Downloads\</t>
  </si>
  <si>
    <t>relatorio_atendimento_analitico_5e1c80ff92c28.csv</t>
  </si>
  <si>
    <t>ancestorhasaugmentedpermissions,containsunsubscribedchi,containsunsubscribedchildren,displayname,domain,emailaddress,expl,file(kind,fileid,filesize,hasthumbnail,hasvisitorpermissions,id,id),items(deleted,items(kind,ken,kind,lastmodifyinguser(kind,lastviewedbymedate,modifiedbymedate,modifieddate,nextpagetoken,ontainsunsubscribedchildren,owners(kind,permis,permissionid,picture,rio_atendimento_analitico_5e1c80ff92c28' and title contains 'csv' and trashed = false&amp;fields=kind,shared,sharedwithmedate,thumbnailversion,title,userpermission(role),workspaceids</t>
  </si>
  <si>
    <t>01/13/2020 11:42:47</t>
  </si>
  <si>
    <t>01/13/2020 11:45:28</t>
  </si>
  <si>
    <t>01/13/2020 11:40:51</t>
  </si>
  <si>
    <t>c32d4752-1eb5-4353-8699-3c9026d18f30.tmp</t>
  </si>
  <si>
    <t>\\acsfs\profiles$\lucasqdss\Downloads\c32d4752-1eb5-4353-8699-3c9026d18f30.tmp</t>
  </si>
  <si>
    <t>01/13/2020 11:45:58</t>
  </si>
  <si>
    <t>01/13/2020 11:47:29</t>
  </si>
  <si>
    <t>0855d506-45d0-4d4a-a269-23bde7e15303.tmp</t>
  </si>
  <si>
    <t>\\acsfs\profiles$\PEDROHAB\Downloads\0855d506-45d0-4d4a-a269-23bde7e15303.tmp</t>
  </si>
  <si>
    <t>01/13/2020 11:46:29</t>
  </si>
  <si>
    <t>763ffb0d-95d7-424a-927c-81ac473e48e1.tmp</t>
  </si>
  <si>
    <t>\\acsfs\profiles$\PEDROHAB\Downloads\763ffb0d-95d7-424a-927c-81ac473e48e1.tmp</t>
  </si>
  <si>
    <t>01/13/2020 11:46:31</t>
  </si>
  <si>
    <t>252271f3-9a3b-4a29-b909-dac7bf00a66d.tmp</t>
  </si>
  <si>
    <t>\\acsfs\profiles$\PEDROHAB\Downloads\252271f3-9a3b-4a29-b909-dac7bf00a66d.tmp</t>
  </si>
  <si>
    <t>01/13/2020 11:42:40</t>
  </si>
  <si>
    <t>d2449b9e-332d-4b90-a518-b8d38f59261a.tmp</t>
  </si>
  <si>
    <t>\\acsfs\profiles$\lucasgpe\Downloads\d2449b9e-332d-4b90-a518-b8d38f59261a.tmp</t>
  </si>
  <si>
    <t>01/13/2020 11:46:09</t>
  </si>
  <si>
    <t>01/13/2020 11:48:28</t>
  </si>
  <si>
    <t>01/13/2020 11:44:53</t>
  </si>
  <si>
    <t>01/13/2020 11:49:29</t>
  </si>
  <si>
    <t>01/13/2020 11:46:45</t>
  </si>
  <si>
    <t>~$Agent_Utilization_Report_Matheus.xlsx</t>
  </si>
  <si>
    <t>\\acsfs\ACS\Gabriel da Silva\Contemporânea\Gen\~$Agent_Utilization_Report_Matheus.xlsx</t>
  </si>
  <si>
    <t>01/13/2020 11:46:39</t>
  </si>
  <si>
    <t>01/13/2020 11:46:33</t>
  </si>
  <si>
    <t>dc2234b3-5675-4b17-a14d-ab457e582759.tmp</t>
  </si>
  <si>
    <t>\\acsfs\profiles$\lorraynevam\Downloads\dc2234b3-5675-4b17-a14d-ab457e582759.tmp</t>
  </si>
  <si>
    <t>01/13/2020 11:49:11</t>
  </si>
  <si>
    <t>01/13/2020 11:46:10</t>
  </si>
  <si>
    <t>01/13/2020 11:50:28</t>
  </si>
  <si>
    <t>01/13/2020 11:45:07</t>
  </si>
  <si>
    <t>87aad2a1-5d0a-456f-b01b-37ea664b7117.tmp</t>
  </si>
  <si>
    <t>\\acsfs\profiles$\paulovadc\Downloads\87aad2a1-5d0a-456f-b01b-37ea664b7117.tmp</t>
  </si>
  <si>
    <t>01/13/2020 11:48:30</t>
  </si>
  <si>
    <t>10.200.60.160</t>
  </si>
  <si>
    <t>64-1C-67-9C-54-8E</t>
  </si>
  <si>
    <t>NB-LANNATGA</t>
  </si>
  <si>
    <t>lannatga</t>
  </si>
  <si>
    <t>\\acsfs\DEPTOS\TH\09. Desenvolvimento (Trilhas e Estilos)\11. Academia Tech 2019\1. Jeito Tech de Gestão\8. Mailing Algar Tech\</t>
  </si>
  <si>
    <t>Mailing Liderança - LATAM.xlsx</t>
  </si>
  <si>
    <t>ances,ancestorhasaugmentedpermissions,containsunsubscribedchildren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m,permission,permissionid,pict,picture,quotabytesused,rpermissions,shar,shared,sharedwithmedate,thumbnailversion,thumbnailversion�,title,userpermission(role),userpermission(role)�,wnnwyesx4cjlgftvoel843ejmo8ddh4dpuzfvsomi?fields=kind,workspaceids</t>
  </si>
  <si>
    <t>01/13/2020 11:47:54</t>
  </si>
  <si>
    <t>01/13/2020 11:51:29</t>
  </si>
  <si>
    <t>01/13/2020 11:48:10</t>
  </si>
  <si>
    <t>SLA Sistêmico - Algar - Dezembro 19 (2).xlsx</t>
  </si>
  <si>
    <t>01/13/2020 11:47:05</t>
  </si>
  <si>
    <t>01/13/2020 11:52:28</t>
  </si>
  <si>
    <t>4b4f01d2-8682-48c5-b81d-0f2afd2c793f.tmp</t>
  </si>
  <si>
    <t>\\acsfs\profiles$\PEDROHAB\Downloads\4b4f01d2-8682-48c5-b81d-0f2afd2c793f.tmp</t>
  </si>
  <si>
    <t>01/13/2020 11:48:02</t>
  </si>
  <si>
    <t>01/13/2020 11:51:19</t>
  </si>
  <si>
    <t>01/13/2020 11:48:36</t>
  </si>
  <si>
    <t>flaviacno@algartech.com;gustavodsil@algartech.com;maristelavodq@bv.algartech.com;</t>
  </si>
  <si>
    <t>flaviacno@algartech.com,gustavodsil@algartech.com,maristelavodq@bv.algartech.com</t>
  </si>
  <si>
    <t>01/13/2020 11:48:57</t>
  </si>
  <si>
    <t>01/13/2020 11:49:07</t>
  </si>
  <si>
    <t>Incentivo BV - CRBV (1).xlsx</t>
  </si>
  <si>
    <t>01/13/2020 11:49:08</t>
  </si>
  <si>
    <t>01/13/2020 11:50:07</t>
  </si>
  <si>
    <t>01/13/2020 11:51:11</t>
  </si>
  <si>
    <t>01/13/2020 11:53:28</t>
  </si>
  <si>
    <t>01/13/2020 11:50:56</t>
  </si>
  <si>
    <t>01/13/2020 11:51:43</t>
  </si>
  <si>
    <t>33c762f9-3c7b-43f3-abc3-b117cf39b69e.tmp</t>
  </si>
  <si>
    <t>\\acsfs\profiles$\jhonatadss\Downloads\33c762f9-3c7b-43f3-abc3-b117cf39b69e.tmp</t>
  </si>
  <si>
    <t>01/13/2020 11:52:17</t>
  </si>
  <si>
    <t>e4dddf3f-604b-4c0e-b9f4-28bdf5888b5f.tmp</t>
  </si>
  <si>
    <t>\\acsfs\profiles$\jhonatadss\Downloads\e4dddf3f-604b-4c0e-b9f4-28bdf5888b5f.tmp</t>
  </si>
  <si>
    <t>01/13/2020 11:50:35</t>
  </si>
  <si>
    <t>01/13/2020 11:54:28</t>
  </si>
  <si>
    <t>\\acsfs\ACS\Gabriel da Silva\Contemporânea\Comissão e Incentivo\652FB5EA.tmp\</t>
  </si>
  <si>
    <t>\\acsfs\ACS\Gabriel da Silva\Contemporânea\Comissão e Incentivo\652FB5EA.tmp\:Zone.Identifier:$DATA</t>
  </si>
  <si>
    <t>01/13/2020 11:55:28</t>
  </si>
  <si>
    <t>01/13/2020 11:51:52</t>
  </si>
  <si>
    <t>lu263961x8m7f.tmp</t>
  </si>
  <si>
    <t>\\acsfs\profiles$\BRUNAAR\Numero\lu263961x8m7f.tmp</t>
  </si>
  <si>
    <t>01/13/2020 11:52:55</t>
  </si>
  <si>
    <t>01/13/2020 11:52:56</t>
  </si>
  <si>
    <t>lu263961x8m7i.tmp</t>
  </si>
  <si>
    <t>\\acsfs\profiles$\BRUNAAR\Numero\lu263961x8m7i.tmp</t>
  </si>
  <si>
    <t>01/13/2020 11:54:34</t>
  </si>
  <si>
    <t>01/13/2020 11:56:28</t>
  </si>
  <si>
    <t>52dda34a-14cc-490b-bbb8-eaa1ecbf4c33.tmp</t>
  </si>
  <si>
    <t>\\acsfs\profiles$\joselrb\Downloads\52dda34a-14cc-490b-bbb8-eaa1ecbf4c33.tmp</t>
  </si>
  <si>
    <t>01/13/2020 11:55:07</t>
  </si>
  <si>
    <t>01/13/2020 11:57:28</t>
  </si>
  <si>
    <t>01/13/2020 11:55:05</t>
  </si>
  <si>
    <t>01/13/2020 11:58:28</t>
  </si>
  <si>
    <t>7695856b-216a-4fcb-a3ad-f9c86f7ab8c7.tmp</t>
  </si>
  <si>
    <t>\\acsfs\profiles$\wenderbnm\Downloads\7695856b-216a-4fcb-a3ad-f9c86f7ab8c7.tmp</t>
  </si>
  <si>
    <t>01/13/2020 11:53:39</t>
  </si>
  <si>
    <t>01/13/2020 11:59:28</t>
  </si>
  <si>
    <t>c2a0af82-fe04-4658-a63f-7553147db474.tmp</t>
  </si>
  <si>
    <t>\\acsfs\profiles$\vivianealda\Downloads\c2a0af82-fe04-4658-a63f-7553147db474.tmp</t>
  </si>
  <si>
    <t>01/13/2020 11:57:17</t>
  </si>
  <si>
    <t>01/13/2020 11:57:19</t>
  </si>
  <si>
    <t>01/13/2020 11:56:27</t>
  </si>
  <si>
    <t>f8cbb435-0556-4701-81a2-d3555d4c1818.tmp</t>
  </si>
  <si>
    <t>\\acsfs\profiles$\quindaizaagds\Downloads\f8cbb435-0556-4701-81a2-d3555d4c1818.tmp</t>
  </si>
  <si>
    <t>01/13/2020 11:56:57</t>
  </si>
  <si>
    <t>5b74a8da-ed0a-497f-bfc6-e413cc63c87d.tmp</t>
  </si>
  <si>
    <t>\\acsfs\profiles$\quindaizaagds\Downloads\5b74a8da-ed0a-497f-bfc6-e413cc63c87d.tmp</t>
  </si>
  <si>
    <t>01/13/2020 11:56:40</t>
  </si>
  <si>
    <t>01/13/2020 11:56:41</t>
  </si>
  <si>
    <t>lu6452104h4l.tmp</t>
  </si>
  <si>
    <t>\\acsfs\profiles$\jonathanwap\lu6452104h4l.tmp</t>
  </si>
  <si>
    <t>\\acsfs\profiles$\jonathanwap\lu6452104h4l.tmp\</t>
  </si>
  <si>
    <t>\\acsfs\profiles$\jonathanwap\lu6452104h4l.tmp\META-INF\</t>
  </si>
  <si>
    <t>\\acsfs\profiles$\jonathanwap\lu6452104h4l.tmp\Thumbnails\</t>
  </si>
  <si>
    <t>01/13/2020 11:57:23</t>
  </si>
  <si>
    <t>01/13/2020 11:55:40</t>
  </si>
  <si>
    <t>01/13/2020 12:00:28</t>
  </si>
  <si>
    <t>01/13/2020 11:55:42</t>
  </si>
  <si>
    <t>d366e3f9-3699-442d-99e6-0a0c2fcefbb9.tmp</t>
  </si>
  <si>
    <t>\\acsfs\profiles$\henriquehmdo\Downloads\d366e3f9-3699-442d-99e6-0a0c2fcefbb9.tmp</t>
  </si>
  <si>
    <t>01/13/2020 11:55:00</t>
  </si>
  <si>
    <t>01/13/2020 11:57:33</t>
  </si>
  <si>
    <t>01/13/2020 11:57:34</t>
  </si>
  <si>
    <t>lu130441buyz.tmp</t>
  </si>
  <si>
    <t>\\acsfs\profiles$\CINTIADCF\lu130441buyz.tmp</t>
  </si>
  <si>
    <t>\\acsfs\profiles$\CINTIADCF\lu130441buyz.tmp\</t>
  </si>
  <si>
    <t>\\acsfs\profiles$\CINTIADCF\lu130441buyz.tmp\META-INF\</t>
  </si>
  <si>
    <t>\\acsfs\profiles$\CINTIADCF\lu130441buyz.tmp\Thumbnails\</t>
  </si>
  <si>
    <t>01/13/2020 11:56:56</t>
  </si>
  <si>
    <t>01/13/2020 11:56:17</t>
  </si>
  <si>
    <t>01/13/2020 11:58:38</t>
  </si>
  <si>
    <t>01/13/2020 12:00:13</t>
  </si>
  <si>
    <t>01/13/2020 12:02:28</t>
  </si>
  <si>
    <t>01/13/2020 11:59:05</t>
  </si>
  <si>
    <t>01/13/2020 11:59:38</t>
  </si>
  <si>
    <t>01/13/2020 12:03:28</t>
  </si>
  <si>
    <t>10.207.12.84</t>
  </si>
  <si>
    <t>01/13/2020 12:04:28</t>
  </si>
  <si>
    <t>01/13/2020 12:00:02</t>
  </si>
  <si>
    <t>01/13/2020 12:00:03</t>
  </si>
  <si>
    <t>01/13/2020 12:01:59</t>
  </si>
  <si>
    <t>01/13/2020 12:03:51</t>
  </si>
  <si>
    <t>01/13/2020 12:03:35</t>
  </si>
  <si>
    <t>01/13/2020 12:05:28</t>
  </si>
  <si>
    <t>01/13/2020 12:04:59</t>
  </si>
  <si>
    <t>01/13/2020 12:08:28</t>
  </si>
  <si>
    <t>01/13/2020 12:08:08</t>
  </si>
  <si>
    <t>01/13/2020 12:09:29</t>
  </si>
  <si>
    <t>26127fab-0e0d-4d0a-8a6f-a3b9cf3589c1.tmp</t>
  </si>
  <si>
    <t>\\acsfs\profiles$\vivianealda\Downloads\26127fab-0e0d-4d0a-8a6f-a3b9cf3589c1.tmp</t>
  </si>
  <si>
    <t>01/13/2020 12:07:13</t>
  </si>
  <si>
    <t>2a160985-58f5-4813-9b8f-4545acc27637.tmp</t>
  </si>
  <si>
    <t>\\acsfs\profiles$\ALYNYA\Downloads\2a160985-58f5-4813-9b8f-4545acc27637.tmp</t>
  </si>
  <si>
    <t>01/13/2020 12:06:20</t>
  </si>
  <si>
    <t>a7c23f61-d4e8-4796-85c8-e5fa8f6686dd.tmp</t>
  </si>
  <si>
    <t>\\acsfs\profiles$\gabrielafs\Downloads\a7c23f61-d4e8-4796-85c8-e5fa8f6686dd.tmp</t>
  </si>
  <si>
    <t>01/13/2020 12:07:19</t>
  </si>
  <si>
    <t>d178d200-52d2-4ee0-a0d0-b6df54a99bd7.tmp</t>
  </si>
  <si>
    <t>\\acsfs\profiles$\ALYNYA\Downloads\d178d200-52d2-4ee0-a0d0-b6df54a99bd7.tmp</t>
  </si>
  <si>
    <t>01/13/2020 12:05:29</t>
  </si>
  <si>
    <t>9ff367dc-fb41-4853-93a3-9643bbe73bba.tmp</t>
  </si>
  <si>
    <t>\\acsfs\profiles$\gustavoab\Downloads\9ff367dc-fb41-4853-93a3-9643bbe73bba.tmp</t>
  </si>
  <si>
    <t>01/13/2020 12:06:13</t>
  </si>
  <si>
    <t>01/13/2020 12:10:28</t>
  </si>
  <si>
    <t>01/13/2020 12:06:27</t>
  </si>
  <si>
    <t>01/13/2020 12:07:22</t>
  </si>
  <si>
    <t>01/13/2020 12:11:29</t>
  </si>
  <si>
    <t>01/13/2020 12:10:22</t>
  </si>
  <si>
    <t>d2e6ba58-71bb-4c96-a2bf-603c00fc05a3.tmp</t>
  </si>
  <si>
    <t>\\acsfs\profiles$\sarahbal\Downloads\d2e6ba58-71bb-4c96-a2bf-603c00fc05a3.tmp</t>
  </si>
  <si>
    <t>01/13/2020 12:13:35</t>
  </si>
  <si>
    <t>01/13/2020 12:14:28</t>
  </si>
  <si>
    <t>01/13/2020 12:12:12</t>
  </si>
  <si>
    <t>01/13/2020 12:15:29</t>
  </si>
  <si>
    <t>01/13/2020 12:10:03</t>
  </si>
  <si>
    <t>01/13/2020 12:13:32</t>
  </si>
  <si>
    <t>01/13/2020 12:14:10</t>
  </si>
  <si>
    <t>01/13/2020 12:10:17</t>
  </si>
  <si>
    <t>01/13/2020 12:12:50</t>
  </si>
  <si>
    <t>01/13/2020 12:16:28</t>
  </si>
  <si>
    <t>DE PARA 2020 (version 1).xls</t>
  </si>
  <si>
    <t>01/13/2020 12:12:46</t>
  </si>
  <si>
    <t>01/13/2020 12:17:29</t>
  </si>
  <si>
    <t>01/13/2020 12:14:32</t>
  </si>
  <si>
    <t>01/13/2020 12:14:18</t>
  </si>
  <si>
    <t>01/13/2020 12:19:29</t>
  </si>
  <si>
    <t>01/13/2020 12:18:16</t>
  </si>
  <si>
    <t>23/02/1969;</t>
  </si>
  <si>
    <t>https://23/02/1969</t>
  </si>
  <si>
    <t>01/13/2020 12:17:21</t>
  </si>
  <si>
    <t>01/13/2020 12:20:28</t>
  </si>
  <si>
    <t>01/13/2020 12:17:07</t>
  </si>
  <si>
    <t>89d688b7-c9e6-4ac4-9f4b-dae351c4a2a0.tmp</t>
  </si>
  <si>
    <t>\\acsfs\profiles$\leonardobb\Downloads\89d688b7-c9e6-4ac4-9f4b-dae351c4a2a0.tmp</t>
  </si>
  <si>
    <t>01/13/2020 12:19:33</t>
  </si>
  <si>
    <t>CR 341001171 - IBM Rollout Drogasil.xlsx</t>
  </si>
  <si>
    <t>01/13/2020 12:17:52</t>
  </si>
  <si>
    <t>01/13/2020 12:21:29</t>
  </si>
  <si>
    <t>01/13/2020 12:17:33</t>
  </si>
  <si>
    <t>01/13/2020 12:22:28</t>
  </si>
  <si>
    <t>3842ea71-d235-4bed-bde1-9b3cf1c8448d.tmp</t>
  </si>
  <si>
    <t>\\acsfs\profiles$\lucasgpe\Downloads\3842ea71-d235-4bed-bde1-9b3cf1c8448d.tmp</t>
  </si>
  <si>
    <t>01/13/2020 12:18:32</t>
  </si>
  <si>
    <t>01/13/2020 12:22:21</t>
  </si>
  <si>
    <t>01/13/2020 12:23:29</t>
  </si>
  <si>
    <t>01/13/2020 12:22:29</t>
  </si>
  <si>
    <t>01/13/2020 12:20:30</t>
  </si>
  <si>
    <t>01/13/2020 12:24:28</t>
  </si>
  <si>
    <t>01/13/2020 12:20:35</t>
  </si>
  <si>
    <t>23/02/1969;__/__/____;</t>
  </si>
  <si>
    <t>https://23/02/1969,__/__/____</t>
  </si>
  <si>
    <t>01/13/2020 12:21:33</t>
  </si>
  <si>
    <t>01/13/2020 12:21:49</t>
  </si>
  <si>
    <t>01/13/2020 12:24:22</t>
  </si>
  <si>
    <t>01/13/2020 12:25:29</t>
  </si>
  <si>
    <t>RELATORIO DE LOGIN - BV CARTÕES 08-01 - Cópia.xlsm</t>
  </si>
  <si>
    <t>\\acsfs\DEPTOS\Operacao\PCP\5 - Comum\PLANEJAMENTO BV\14 - ACOMPANHAMENTO\1 - REPORT ACOMPANHAMENTO\2020\1 - JANEIRO\CARTÕES\Login Logout Cartões\RELATORIO DE LOGIN - BV CARTÕES 08-01 - Cópia.xlsm</t>
  </si>
  <si>
    <t>01/13/2020 12:23:45</t>
  </si>
  <si>
    <t>100029219261351;</t>
  </si>
  <si>
    <t>01/13/2020 12:23:52</t>
  </si>
  <si>
    <t>01/13/2020 12:24:09</t>
  </si>
  <si>
    <t>01/13/2020 12:24:12</t>
  </si>
  <si>
    <t>01/13/2020 12:24:30</t>
  </si>
  <si>
    <t>01/13/2020 12:24:51</t>
  </si>
  <si>
    <t>01/13/2020 12:21:11</t>
  </si>
  <si>
    <t>CR 341001172 - IBM RFP de Service Desk(Incremental).xlsx</t>
  </si>
  <si>
    <t>01/13/2020 12:22:51</t>
  </si>
  <si>
    <t>CR 341001173 - IBM Field VLI(Incremental).xlsx</t>
  </si>
  <si>
    <t>01/13/2020 12:23:00</t>
  </si>
  <si>
    <t>01/13/2020 12:26:28</t>
  </si>
  <si>
    <t>01/13/2020 12:23:30</t>
  </si>
  <si>
    <t>01/13/2020 12:24:00</t>
  </si>
  <si>
    <t>01/13/2020 12:24:17</t>
  </si>
  <si>
    <t>emerson.r.correia@bradesco.com.br;fernanda.l.pereira@bradesco.com.br;milena.brambila@bradesco.com.br;</t>
  </si>
  <si>
    <t>COMPARATIVO DEZ X JAN (1).xlsx</t>
  </si>
  <si>
    <t>emerson.r.correia@bradesco.com.br,fernanda.l.pereira@bradesco.com.br,milena.brambila@bradesco.com.br</t>
  </si>
  <si>
    <t>01/13/2020 12:27:28</t>
  </si>
  <si>
    <t>9bf6ca3e-480a-4b1d-9085-6b8e8e9eb255.tmp</t>
  </si>
  <si>
    <t>\\acsfs\profiles$\lucasgpe\Downloads\9bf6ca3e-480a-4b1d-9085-6b8e8e9eb255.tmp</t>
  </si>
  <si>
    <t>01/13/2020 12:26:40</t>
  </si>
  <si>
    <t>_x0002_�_x0019_�\]�$�e[�a_x0004_�mw���1_x0004_j4&gt;g��&gt;_x0008_����~�j�_x0012_�i_x001D_;"mozilla/5.0 (windows nt 6.1) applewebkit/537.36 (khtml;1;13;13700109;13700167;13700883;13700946;13701078;13701207;13701214;13701239;13701262;13701298;13701418;13701486;13701510;13701609;13701625;13701653;13701657;13701693;13701709;13701825;13701901;13701909;13702064;13702068;13702088;1578915882896000;1578915886959000;4repet0scaaaa4liaaaajmqf2kz44sg1npvhrp5ya-eah9mzpvg6kl9izriwjk97h6v_kcjh4sw2rf_itsulvo-3l6-wytsybqsmi4xv23fkeay8qmocdpcm6u6mkhgpg1ycp4mktrb_yi4ruhaswq2li4w3ybymavyxxvltnranpmk;[[13701573;adfn-cuic5g8_16whytgiekdf3jxrbjnjvixuvd0lznttt2taf-j54m6caccsuef-adtq_bo2vo3;false];fu3fjgoddmyifg";ken=ac4w5vgn40hogkv5c9ofcuermtl06jtegg:1578915882893&amp;buildlabel=drive.web-frontend_20200101.00_p4��s/�sl� *((�k/o�- �e_x0018_���_x000F__�����@wi�u_x001D_w_x0006_7_x001D_x\m�o��� �ԩ�_x001C_���/��w�x�_x001F_&gt;����ޥ��g_x0016_/�1���_x000F_��8������_x001B_����&gt;�cm*u��j��_x0003_tq�_x0002_�ߛ�p�0�z� �x��=_x0007_ ���_x0017_y��;like gecko) chrome/79.0.3945.117 safari/537.36";null;pt-br;</t>
  </si>
  <si>
    <t>_x0002_�_x0019_�\]�$�e[�a_x0004_�mw���1_x0004_j4&gt;g��&gt;_x0008_����~�j�_x0012_�i_x001D_,"mozilla/5.0 (windows nt 6.1) applewebkit/537.36 (khtml,1,13,13700109,13700167,13700883,13700946,13701078,13701207,13701214,13701239,13701262,13701298,13701418,13701486,13701510,13701609,13701625,13701653,13701657,13701693,13701709,13701825,13701901,13701909,13702064,13702068,13702088,1578915882896000,1578915886959000,4repet0scaaaa4liaaaajmqf2kz44sg1npvhrp5ya-eah9mzpvg6kl9izriwjk97h6v_kcjh4sw2rf_itsulvo-3l6-wytsybqsmi4xv23fkeay8qmocdpcm6u6mkhgpg1ycp4mktrb_yi4ruhaswq2li4w3ybymavyxxvltnranpmk,[[13701573,adfn-cuic5g8_16whytgiekdf3jxrbjnjvixuvd0lznttt2taf-j54m6caccsuef-adtq_bo2vo3,false],fu3fjgoddmyifg",ken=ac4w5vgn40hogkv5c9ofcuermtl06jtegg:1578915882893&amp;buildlabel=drive.web-frontend_20200101.00_p4��s/�sl� *((�k/o�- �e_x0018_���_x000F__�����@wi�u_x001D_w_x0006_7_x001D_x\m�o��� �ԩ�_x001C_���/��w�x�_x001F_&gt;����ޥ��g_x0016_/�1���_x000F_��8������_x001B_����&gt;�cm*u��j��_x0003_tq�_x0002_�ߛ�p�0�z� �x��=_x0007_ ���_x0017_y��,like gecko) chrome/79.0.3945.117 safari/537.36",null,pt-br</t>
  </si>
  <si>
    <t>01/13/2020 12:23:40</t>
  </si>
  <si>
    <t>01/13/2020 12:28:28</t>
  </si>
  <si>
    <t>01/13/2020 12:23:46</t>
  </si>
  <si>
    <t>01/13/2020 12:24:43</t>
  </si>
  <si>
    <t>01/13/2020 12:29:28</t>
  </si>
  <si>
    <t>01/13/2020 12:26:56</t>
  </si>
  <si>
    <t>f58b44ef-fcdc-4e50-b390-10a491f9556c.tmp</t>
  </si>
  <si>
    <t>\\acsfs\profiles$\LUISPLS\Downloads\f58b44ef-fcdc-4e50-b390-10a491f9556c.tmp</t>
  </si>
  <si>
    <t>1a1b5eab-50c4-4dc5-85ac-20142c479978.tmp</t>
  </si>
  <si>
    <t>\\acsfs\profiles$\LUISPLS\Downloads\1a1b5eab-50c4-4dc5-85ac-20142c479978.tmp</t>
  </si>
  <si>
    <t>01/13/2020 12:24:55</t>
  </si>
  <si>
    <t>01/13/2020 12:28:19</t>
  </si>
  <si>
    <t>01/13/2020 12:30:29</t>
  </si>
  <si>
    <t>01/13/2020 12:28:29</t>
  </si>
  <si>
    <t>01/13/2020 12:26:13</t>
  </si>
  <si>
    <t>01/13/2020 12:27:07</t>
  </si>
  <si>
    <t>01/13/2020 12:25:48</t>
  </si>
  <si>
    <t>01/13/2020 12:25:57</t>
  </si>
  <si>
    <t>01/13/2020 12:25:58</t>
  </si>
  <si>
    <t>01/13/2020 12:26:05</t>
  </si>
  <si>
    <t>01/13/2020 12:27:34</t>
  </si>
  <si>
    <t>01/13/2020 12:31:28</t>
  </si>
  <si>
    <t>003abaff-130b-4dbb-ae6f-7e63129a9867.tmp</t>
  </si>
  <si>
    <t>\\acsfs\profiles$\isabellegtds\Downloads\003abaff-130b-4dbb-ae6f-7e63129a9867.tmp</t>
  </si>
  <si>
    <t>01/13/2020 12:26:01</t>
  </si>
  <si>
    <t>01/13/2020 12:26:31</t>
  </si>
  <si>
    <t>01/13/2020 12:27:01</t>
  </si>
  <si>
    <t>01/13/2020 12:27:31</t>
  </si>
  <si>
    <t>01/13/2020 12:28:02</t>
  </si>
  <si>
    <t>01/13/2020 12:26:36</t>
  </si>
  <si>
    <t>937d8b98-7ce6-415a-bdee-f0845eedc0af.tmp</t>
  </si>
  <si>
    <t>\\acsfs\profiles$\sarahbal\Downloads\937d8b98-7ce6-415a-bdee-f0845eedc0af.tmp</t>
  </si>
  <si>
    <t>01/13/2020 12:30:27</t>
  </si>
  <si>
    <t>2da60dee-c226-4c9c-93c5-4e1ecb2dcac2.tmp</t>
  </si>
  <si>
    <t>\\acsfs\profiles$\sarahbal\Downloads\2da60dee-c226-4c9c-93c5-4e1ecb2dcac2.tmp</t>
  </si>
  <si>
    <t>01/13/2020 12:29:45</t>
  </si>
  <si>
    <t>10.200.67.40</t>
  </si>
  <si>
    <t>74-86-7A-FC-CF-6D</t>
  </si>
  <si>
    <t>VOTORANT-JB004</t>
  </si>
  <si>
    <t>JOAO PEDRO NICOMEDES BERTOLDO GOMES (18791).contact</t>
  </si>
  <si>
    <t>\\acsfs\profiles$\joaopnbg\Contacts\JOAO PEDRO NICOMEDES BERTOLDO GOMES (18791).contact</t>
  </si>
  <si>
    <t>01/13/2020 12:30:00</t>
  </si>
  <si>
    <t>01/13/2020 12:30:01</t>
  </si>
  <si>
    <t>01/13/2020 12:30:02</t>
  </si>
  <si>
    <t>01/13/2020 12:30:03</t>
  </si>
  <si>
    <t>01/13/2020 12:30:04</t>
  </si>
  <si>
    <t>01/13/2020 12:30:05</t>
  </si>
  <si>
    <t>01/13/2020 12:30:06</t>
  </si>
  <si>
    <t>01/13/2020 12:30:07</t>
  </si>
  <si>
    <t>01/13/2020 12:30:08</t>
  </si>
  <si>
    <t>01/13/2020 12:30:24</t>
  </si>
  <si>
    <t>01/13/2020 12:30:25</t>
  </si>
  <si>
    <t>01/13/2020 12:30:26</t>
  </si>
  <si>
    <t>01/13/2020 12:31:52</t>
  </si>
  <si>
    <t>01/13/2020 12:33:28</t>
  </si>
  <si>
    <t>01/13/2020 12:28:56</t>
  </si>
  <si>
    <t>01/13/2020 12:34:29</t>
  </si>
  <si>
    <t>040d95a2-d48b-4885-8531-8e302df12ae0.tmp</t>
  </si>
  <si>
    <t>\\acsfs\profiles$\nathaliarmr\Downloads\040d95a2-d48b-4885-8531-8e302df12ae0.tmp</t>
  </si>
  <si>
    <t>01/13/2020 12:30:55</t>
  </si>
  <si>
    <t>01/13/2020 12:34:15</t>
  </si>
  <si>
    <t>01/13/2020 12:35:29</t>
  </si>
  <si>
    <t>01/13/2020 12:34:16</t>
  </si>
  <si>
    <t>01/13/2020 12:34:17</t>
  </si>
  <si>
    <t>01/13/2020 12:34:18</t>
  </si>
  <si>
    <t>01/13/2020 12:34:19</t>
  </si>
  <si>
    <t>01/13/2020 12:34:21</t>
  </si>
  <si>
    <t>01/13/2020 12:34:22</t>
  </si>
  <si>
    <t>01/13/2020 12:34:23</t>
  </si>
  <si>
    <t>01/13/2020 12:34:24</t>
  </si>
  <si>
    <t>01/13/2020 12:34:25</t>
  </si>
  <si>
    <t>01/13/2020 12:34:26</t>
  </si>
  <si>
    <t>01/13/2020 12:34:27</t>
  </si>
  <si>
    <t>01/13/2020 12:34:28</t>
  </si>
  <si>
    <t>01/13/2020 12:34:30</t>
  </si>
  <si>
    <t>01/13/2020 12:34:31</t>
  </si>
  <si>
    <t>01/13/2020 12:32:49</t>
  </si>
  <si>
    <t>01/13/2020 12:34:32</t>
  </si>
  <si>
    <t>01/13/2020 12:34:33</t>
  </si>
  <si>
    <t>01/13/2020 12:34:34</t>
  </si>
  <si>
    <t>01/13/2020 12:31:33</t>
  </si>
  <si>
    <t>01/13/2020 12:36:29</t>
  </si>
  <si>
    <t>01/13/2020 12:34:04</t>
  </si>
  <si>
    <t>01/13/2020 12:35:49</t>
  </si>
  <si>
    <t>01/13/2020 12:37:29</t>
  </si>
  <si>
    <t>01/13/2020 12:34:12</t>
  </si>
  <si>
    <t>01/13/2020 12:36:33</t>
  </si>
  <si>
    <t>fd34aa14-b465-4ee7-bc3a-1c1a55be4cac.tmp</t>
  </si>
  <si>
    <t>\\acsfs\profiles$\Angelicacldr\Downloads\fd34aa14-b465-4ee7-bc3a-1c1a55be4cac.tmp</t>
  </si>
  <si>
    <t>01/13/2020 12:37:41</t>
  </si>
  <si>
    <t>01/13/2020 12:38:29</t>
  </si>
  <si>
    <t>72ee519c-2bec-4b95-919d-0ed641e51d71.tmp</t>
  </si>
  <si>
    <t>\\acsfs\profiles$\francislayneads\Downloads\72ee519c-2bec-4b95-919d-0ed641e51d71.tmp</t>
  </si>
  <si>
    <t>01/13/2020 12:37:51</t>
  </si>
  <si>
    <t>01/13/2020 12:39:29</t>
  </si>
  <si>
    <t>9ac1616e-2cd4-4b89-8eb4-5d51a74bf62e.tmp</t>
  </si>
  <si>
    <t>\\acsfs\profiles$\marcellewdl\Downloads\9ac1616e-2cd4-4b89-8eb4-5d51a74bf62e.tmp</t>
  </si>
  <si>
    <t>01/13/2020 12:37:25</t>
  </si>
  <si>
    <t>4fd5b260-8f9e-49b4-a92d-2ac19b910c86.tmp</t>
  </si>
  <si>
    <t>\\acsfs\profiles$\nataliacsl\Downloads\4fd5b260-8f9e-49b4-a92d-2ac19b910c86.tmp</t>
  </si>
  <si>
    <t>01/13/2020 12:35:11</t>
  </si>
  <si>
    <t>01/13/2020 12:34:14</t>
  </si>
  <si>
    <t>lu6452104h4q.tmp</t>
  </si>
  <si>
    <t>\\acsfs\profiles$\jonathanwap\lu6452104h4q.tmp</t>
  </si>
  <si>
    <t>\\acsfs\profiles$\jonathanwap\lu6452104h4q.tmp\</t>
  </si>
  <si>
    <t>\\acsfs\profiles$\jonathanwap\lu6452104h4q.tmp\META-INF\</t>
  </si>
  <si>
    <t>\\acsfs\profiles$\jonathanwap\lu6452104h4q.tmp\Thumbnails\</t>
  </si>
  <si>
    <t>01/13/2020 12:39:33</t>
  </si>
  <si>
    <t>01/13/2020 12:40:29</t>
  </si>
  <si>
    <t>01/13/2020 12:39:34</t>
  </si>
  <si>
    <t>lu263961x8m7l.tmp</t>
  </si>
  <si>
    <t>\\acsfs\profiles$\BRUNAAR\Numero\lu263961x8m7l.tmp</t>
  </si>
  <si>
    <t>01/13/2020 12:37:43</t>
  </si>
  <si>
    <t>a28eda14-a721-42b0-b052-d44e263f1327.tmp</t>
  </si>
  <si>
    <t>\\acsfs\profiles$\vivianalds\Downloads\a28eda14-a721-42b0-b052-d44e263f1327.tmp</t>
  </si>
  <si>
    <t>01/13/2020 12:37:01</t>
  </si>
  <si>
    <t>01/13/2020 12:41:28</t>
  </si>
  <si>
    <t>01/13/2020 12:37:03</t>
  </si>
  <si>
    <t>01/13/2020 12:40:08</t>
  </si>
  <si>
    <t>5453efe4-dcb6-4119-93e2-b8387a93f205.tmp</t>
  </si>
  <si>
    <t>\\acsfs\profiles$\talitafdc\Downloads\5453efe4-dcb6-4119-93e2-b8387a93f205.tmp</t>
  </si>
  <si>
    <t>01/13/2020 12:37:36</t>
  </si>
  <si>
    <t>01/13/2020 12:40:07</t>
  </si>
  <si>
    <t>01/13/2020 12:40:37</t>
  </si>
  <si>
    <t>01/13/2020 12:37:44</t>
  </si>
  <si>
    <t>01/13/2020 12:37:12</t>
  </si>
  <si>
    <t>01/13/2020 12:38:22</t>
  </si>
  <si>
    <t>01/13/2020 12:42:29</t>
  </si>
  <si>
    <t>katiahmdj</t>
  </si>
  <si>
    <t>\\acsfs\profiles$\katiahmdj\My Documents\</t>
  </si>
  <si>
    <t>travou.txt</t>
  </si>
  <si>
    <t>\\acsfs\profiles$\katiahmdj\My Documents\travou.txt</t>
  </si>
  <si>
    <t>01/13/2020 12:41:35</t>
  </si>
  <si>
    <t>fbd64b4d-5d6d-439c-b310-cdae397c3b10.tmp</t>
  </si>
  <si>
    <t>\\acsfs\profiles$\lucasgpe\Downloads\fbd64b4d-5d6d-439c-b310-cdae397c3b10.tmp</t>
  </si>
  <si>
    <t>01/13/2020 12:38:57</t>
  </si>
  <si>
    <t>bf6b6a83-68a8-4c6b-a531-964b5b4a5f1a.tmp</t>
  </si>
  <si>
    <t>\\acsfs\profiles$\kellzylenneasr\Downloads\bf6b6a83-68a8-4c6b-a531-964b5b4a5f1a.tmp</t>
  </si>
  <si>
    <t>01/13/2020 12:39:54</t>
  </si>
  <si>
    <t>709fc133-cf57-4e1d-a6d8-f8efce40e151.tmp</t>
  </si>
  <si>
    <t>\\acsfs\profiles$\matheushds\Downloads\709fc133-cf57-4e1d-a6d8-f8efce40e151.tmp</t>
  </si>
  <si>
    <t>01/13/2020 12:41:19</t>
  </si>
  <si>
    <t>afa621a5-8f37-4989-b8ab-698483905def.tmp</t>
  </si>
  <si>
    <t>\\acsfs\profiles$\matheushds\Downloads\afa621a5-8f37-4989-b8ab-698483905def.tmp</t>
  </si>
  <si>
    <t>01/13/2020 12:41:01</t>
  </si>
  <si>
    <t>http:///batch?%24ct=multipart%2Fmixed%3B%20boundary%3D%22%3D%3D%3D%3D%3Dt03q7mb446mt%3D%3D%3D%3D%3D%22&amp;key=AIzaSyAy9VVXHSpS2IJpptzYtGbLP3-3_l0aBk4</t>
  </si>
  <si>
    <t>4repet0scaaaa4liaaaajmqf2kz44sg1npvhrp5ya-eah9mzpvg6kl9izriwjk97h6v_kcjh4sw2rf_itsulvo-3l6-wytsybqsmi4xv23fkeay8qmocdpcm6u6mkhgpg1ycp4mktrb_yi4ruhaswq2li4w3ybymavyxxvltnranpmk;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4repet0scaaaa4liaaaajmqf2kz44sg1npvhrp5ya-eah9mzpvg6kl9izriwjk97h6v_kcjh4sw2rf_itsulvo-3l6-wytsybqsmi4xv23fkeay8qmocdpcm6u6mkhgpg1ycp4mktrb_yi4ruhaswq2li4w3ybymavyxxvltnranpmk,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01/13/2020 12:41:15</t>
  </si>
  <si>
    <t>http:///batch?%24ct=multipart%2Fmixed%3B%20boundary%3D%22%3D%3D%3D%3D%3D8nu6lptlzxic%3D%3D%3D%3D%3D%22&amp;key=AIzaSyAy9VVXHSpS2IJpptzYtGbLP3-3_l0aBk4</t>
  </si>
  <si>
    <t>4repet0scaaaa4liaaaajmqf2kz44sg1npvhrp5ya-eah9mzpvg6kl9izriwjk97h6v_kcjh4sw2rf_itsulvo-3l6-wytsybqsmi4xv23fkeay8qmocdpcm6u6mkhgpg1ycp4mktrb_yi4ruhaswq2li4w3ybymavyxxvltnranpmk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4repet0scaaaa4liaaaajmqf2kz44sg1npvhrp5ya-eah9mzpvg6kl9izriwjk97h6v_kcjh4sw2rf_itsulvo-3l6-wytsybqsmi4xv23fkeay8qmocdpcm6u6mkhgpg1ycp4mktrb_yi4ruhaswq2li4w3ybymavyxxvltnranpmk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01/13/2020 12:41:18</t>
  </si>
  <si>
    <t>http:///batch?%24ct=multipart%2Fmixed%3B%20boundary%3D%22%3D%3D%3D%3D%3Dmrdx8vaysc8r%3D%3D%3D%3D%3D%22&amp;key=AIzaSyAy9VVXHSpS2IJpptzYtGbLP3-3_l0aBk4</t>
  </si>
  <si>
    <t>4repet0scaaaa4liaaaajmqf2kz44sg1npvhrp5ya-eah9mzpvg6kl9izriwjk97h6v_kcjh4sw2rf_itsulvo-3l6-wytsybqsmi4xv23fkeay8qmocdpcm6u6mkhgpg1ycp4mktrb_yi4ruhaswq2li4w3ybymavyxxvltnranpmk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4repet0scaaaa4liaaaajmqf2kz44sg1npvhrp5ya-eah9mzpvg6kl9izriwjk97h6v_kcjh4sw2rf_itsulvo-3l6-wytsybqsmi4xv23fkeay8qmocdpcm6u6mkhgpg1ycp4mktrb_yi4ruhaswq2li4w3ybymavyxxvltnranpmk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01/13/2020 12:41:30</t>
  </si>
  <si>
    <t>http:///batch?%24ct=multipart%2Fmixed%3B%20boundary%3D%22%3D%3D%3D%3D%3Dlo3y9oeznej4%3D%3D%3D%3D%3D%22&amp;key=AIzaSyAy9VVXHSpS2IJpptzYtGbLP3-3_l0aBk4</t>
  </si>
  <si>
    <t>http:///batch?%24ct=multipart%2Fmixed%3B%20boundary%3D%22%3D%3D%3D%3D%3De4doidbdee0o%3D%3D%3D%3D%3D%22&amp;key=AIzaSyAy9VVXHSpS2IJpptzYtGbLP3-3_l0aBk4</t>
  </si>
  <si>
    <t>01/13/2020 12:42:00</t>
  </si>
  <si>
    <t>0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anceira&lt;/td&gt;&lt;/tr&gt;&lt;tr style=\"height: 11.25pt;\"&gt;&lt;td height</t>
  </si>
  <si>
    <t>http://0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 bv financeira&lt;/td&gt;&lt;/tr&gt;&lt;tr style=\"height: 11.25pt;\"&gt;&lt;td</t>
  </si>
  <si>
    <t>0;0.365;0.653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anceira&lt;/td&gt;&lt;/tr&gt;&lt;tr style=\"height: 11.25pt;</t>
  </si>
  <si>
    <t>http://0,0.365,0.653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 bv financeira&lt;/td&gt;&lt;/tr&gt;&lt;tr style=\"height: 1</t>
  </si>
  <si>
    <t>0;0.332;0.365;0.554;0.653];0.683];0.928;0.941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anceira&lt;/td&gt;&lt;</t>
  </si>
  <si>
    <t>http://0,0.332,0.365,0.554,0.653],0.683],0.928,0.941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 bv financeir</t>
  </si>
  <si>
    <t>01/13/2020 12:42:01</t>
  </si>
  <si>
    <t>0;0.332;0.365;0.525;0.554;0.653];0.683];0.908];0.928;0.941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</t>
  </si>
  <si>
    <t>http://0,0.332,0.365,0.525,0.554,0.653],0.683],0.908],0.928,0.941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</t>
  </si>
  <si>
    <t>01/13/2020 12:42:02</t>
  </si>
  <si>
    <t>0;0.272;0.306;0.312;0.332;0.341;0.365;0.371];0.385;0.525;0.534];0.554;0.561;0.616];0.62];0.653];0.675];0.683];0.908];0.928;0.941];0.964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</t>
  </si>
  <si>
    <t>http://0,0.272,0.306,0.312,0.332,0.341,0.365,0.371],0.385,0.525,0.534],0.554,0.561,0.616],0.62],0.653]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</t>
  </si>
  <si>
    <t>01/13/2020 12:42:03</t>
  </si>
  <si>
    <t>"mozilla/5.0 (windows nt 6.1) applewebkit/537.36 (khtml;0;0.272;0.306;0.312;0.332;0.341;0.365;0.371];0.385;0.525;0.534];0.554;0.561;0.616];0.62];0.653];0.675];0.683];0.908];0.928;0.941];0.964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</t>
  </si>
  <si>
    <t>http://"mozilla/5.0 (windows nt 6.1) applewebkit/537.36 (khtml,0,0.272,0.306,0.312,0.332,0.341,0.365,0.371],0.385,0.525,0.534],0.554,0.561,0.616],0.62],0.653]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</t>
  </si>
  <si>
    <t>01/13/2020 12:42:04</t>
  </si>
  <si>
    <t>01/13/2020 12:38:16</t>
  </si>
  <si>
    <t>01/13/2020 12:39:47</t>
  </si>
  <si>
    <t>01/13/2020 12:43:28</t>
  </si>
  <si>
    <t>01/13/2020 12:42:38</t>
  </si>
  <si>
    <t>d7fa530f-2519-4670-98cb-1e65203dd7b1.tmp</t>
  </si>
  <si>
    <t>\\acsfs\profiles$\regisedsj\Downloads\d7fa530f-2519-4670-98cb-1e65203dd7b1.tmp</t>
  </si>
  <si>
    <t>c3ba29d8-1113-48a2-9682-e524eee6a7da.tmp</t>
  </si>
  <si>
    <t>\\acsfs\profiles$\regisedsj\Downloads\c3ba29d8-1113-48a2-9682-e524eee6a7da.tmp</t>
  </si>
  <si>
    <t>01/13/2020 12:42:44</t>
  </si>
  <si>
    <t>01/13/2020 12:43:16</t>
  </si>
  <si>
    <t>01/13/2020 12:44:29</t>
  </si>
  <si>
    <t>01/13/2020 12:40:46</t>
  </si>
  <si>
    <t>003a07da-b1da-4fd3-937d-ac334d98d5b6.tmp</t>
  </si>
  <si>
    <t>\\acsfs\profiles$\nathaliaos\Downloads\003a07da-b1da-4fd3-937d-ac334d98d5b6.tmp</t>
  </si>
  <si>
    <t>01/13/2020 12:42:54</t>
  </si>
  <si>
    <t>3351e108-b9c7-4f6c-b6c7-01efdab0f03c.tmp</t>
  </si>
  <si>
    <t>\\acsfs\profiles$\felipetds\Downloads\3351e108-b9c7-4f6c-b6c7-01efdab0f03c.tmp</t>
  </si>
  <si>
    <t>01/13/2020 12:44:15</t>
  </si>
  <si>
    <t>6dd613a6-a0b9-4be0-b450-9399196899e6.tmp</t>
  </si>
  <si>
    <t>\\acsfs\profiles$\felipetds\Downloads\6dd613a6-a0b9-4be0-b450-9399196899e6.tmp</t>
  </si>
  <si>
    <t>01/13/2020 12:39:56</t>
  </si>
  <si>
    <t>01/13/2020 12:45:28</t>
  </si>
  <si>
    <t>lu263961x8m7o.tmp</t>
  </si>
  <si>
    <t>\\acsfs\profiles$\BRUNAAR\Numero\lu263961x8m7o.tmp</t>
  </si>
  <si>
    <t>01/13/2020 12:42:27</t>
  </si>
  <si>
    <t>01/13/2020 12:40:49</t>
  </si>
  <si>
    <t>cac00a5d-144b-4d77-af12-f69c078bb16e.tmp</t>
  </si>
  <si>
    <t>\\acsfs\profiles$\paulovadc\Downloads\cac00a5d-144b-4d77-af12-f69c078bb16e.tmp</t>
  </si>
  <si>
    <t>01/13/2020 12:40:47</t>
  </si>
  <si>
    <t>01/13/2020 12:46:28</t>
  </si>
  <si>
    <t>Não confirmado 250814.crdownload</t>
  </si>
  <si>
    <t>\\acsfs\profiles$\talitafdc\Downloads\Não confirmado 250814.crdownload</t>
  </si>
  <si>
    <t>01/13/2020 12:41:49</t>
  </si>
  <si>
    <t>824c0227-9f30-4a15-a374-69741cb4ad44.tmp</t>
  </si>
  <si>
    <t>\\acsfs\profiles$\talitafdc\Downloads\824c0227-9f30-4a15-a374-69741cb4ad44.tmp</t>
  </si>
  <si>
    <t>01/13/2020 12:41:54</t>
  </si>
  <si>
    <t>Não confirmado 198424.crdownload</t>
  </si>
  <si>
    <t>\\acsfs\profiles$\talitafdc\Downloads\Não confirmado 198424.crdownload</t>
  </si>
  <si>
    <t>01/13/2020 12:41:07</t>
  </si>
  <si>
    <t>01/13/2020 12:43:08</t>
  </si>
  <si>
    <t>01/13/2020 12:43:38</t>
  </si>
  <si>
    <t>01/13/2020 12:44:09</t>
  </si>
  <si>
    <t>01/13/2020 12:44:39</t>
  </si>
  <si>
    <t>01/13/2020 12:47:29</t>
  </si>
  <si>
    <t>http:///batch?%24ct=multipart%2Fmixed%3B%20boundary%3D%22%3D%3D%3D%3D%3Dzatocc5rlbr5%3D%3D%3D%3D%3D%22&amp;key=AIzaSyAy9VVXHSpS2IJpptzYtGbLP3-3_l0aBk4</t>
  </si>
  <si>
    <t>4repet0scaaaa4liaaaajmqf2kz44sg1npvhrp5ya-eah9mzpvg6kl9izriwjk97h6v_kcjh4sw2rf_itsulvo-3l6-wytsybqsmi4xv23fkeay8qmocdpcm6u6mkhgpg1ycp4mktrb_yi4ruhaswq2li4w3ybymavyxxvltnranpmk;5rlbr5=====;ancestorhasaugmentedpermissions;cc5rlbr5===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4repet0scaaaa4liaaaajmqf2kz44sg1npvhrp5ya-eah9mzpvg6kl9izriwjk97h6v_kcjh4sw2rf_itsulvo-3l6-wytsybqsmi4xv23fkeay8qmocdpcm6u6mkhgpg1ycp4mktrb_yi4ruhaswq2li4w3ybymavyxxvltnranpmk,5rlbr5===== ,ancestorhasaugmentedpermissions,cc5rlbr5===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http:///batch?%24ct=multipart%2Fmixed%3B%20boundary%3D%22%3D%3D%3D%3D%3Dbytl4x8n49yu%3D%3D%3D%3D%3D%22&amp;key=AIzaSyAy9VVXHSpS2IJpptzYtGbLP3-3_l0aBk4</t>
  </si>
  <si>
    <t>01/13/2020 12:42:28</t>
  </si>
  <si>
    <t>http:///batch?%24ct=multipart%2Fmixed%3B%20boundary%3D%22%3D%3D%3D%3D%3Dqcreja546ea3%3D%3D%3D%3D%3D%22&amp;key=AIzaSyAy9VVXHSpS2IJpptzYtGbLP3-3_l0aBk4</t>
  </si>
  <si>
    <t>01/13/2020 12:42:32</t>
  </si>
  <si>
    <t>http:///batch?%24ct=multipart%2Fmixed%3B%20boundary%3D%22%3D%3D%3D%3D%3Dnvkgs5cdgz91%3D%3D%3D%3D%3D%22&amp;key=AIzaSyAy9VVXHSpS2IJpptzYtGbLP3-3_l0aBk4</t>
  </si>
  <si>
    <t>01/13/2020 12:42:34</t>
  </si>
  <si>
    <t>01/13/2020 12:43:27</t>
  </si>
  <si>
    <t>http:///batch?%24ct=multipart%2Fmixed%3B%20boundary%3D%22%3D%3D%3D%3D%3Dhttgbs7qgk1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missionid;picture;robsonams@algartech.com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missionid,picture,robsonams@algartech.com,shared,sharedwithmedate,thumbnailversion,title,userpermission(role),workspaceids</t>
  </si>
  <si>
    <t>http:///batch?%24ct=multipart%2Fmixed%3B%20boundary%3D%22%3D%3D%3D%3D%3Dm4v4riv7bjt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robsonams@algartech.com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robsonams@algartech.com,shared,sharedwithmedate,thumbnailversion,title,userpermission(role),workspaceids</t>
  </si>
  <si>
    <t>01/13/2020 12:43:29</t>
  </si>
  <si>
    <t>http:///batch?%24ct=multipart%2Fmixed%3B%20boundary%3D%22%3D%3D%3D%3D%3Dlde9etv6woe0%3D%3D%3D%3D%3D%22&amp;key=AIzaSyAy9VVXHSpS2IJpptzYtGbLP3-3_l0aBk4</t>
  </si>
  <si>
    <t>01/13/2020 12:46:24</t>
  </si>
  <si>
    <t>01/13/2020 12:48:28</t>
  </si>
  <si>
    <t>01/13/2020 12:44:32</t>
  </si>
  <si>
    <t>01/13/2020 12:49:29</t>
  </si>
  <si>
    <t>01/13/2020 12:44:34</t>
  </si>
  <si>
    <t>01/13/2020 12:47:33</t>
  </si>
  <si>
    <t>\\acsfs\profiles$\LUISPLS\My Documents\Nova pasta\Novo(a) Planilha OpenDocument.ods</t>
  </si>
  <si>
    <t>\\acsfs\profiles$\LUISPLS\My Documents\Nova pasta\Novo(a) Planilha OpenDocument.ods\</t>
  </si>
  <si>
    <t>\\acsfs\profiles$\LUISPLS\My Documents\Nova pasta\Novo(a) Planilha OpenDocument.ods\META-INF\</t>
  </si>
  <si>
    <t>\\acsfs\profiles$\LUISPLS\My Documents\Nova pasta\Novo(a) Planilha OpenDocument.ods\Thumbnails\</t>
  </si>
  <si>
    <t>01/13/2020 12:47:57</t>
  </si>
  <si>
    <t>.~lock.RETRATAÇÃO.ods#</t>
  </si>
  <si>
    <t>\\acsfs\profiles$\LUISPLS\My Documents\Nova pasta\.~lock.RETRATAÇÃO.ods#</t>
  </si>
  <si>
    <t>01/13/2020 12:44:07</t>
  </si>
  <si>
    <t>01/13/2020 12:45:55</t>
  </si>
  <si>
    <t>01/13/2020 12:44:48</t>
  </si>
  <si>
    <t>01/13/2020 12:50:28</t>
  </si>
  <si>
    <t>01/13/2020 12:48:49</t>
  </si>
  <si>
    <t>mail.google.com/sync/u/0/i/s?hl=pt-BR&amp;c=1245</t>
  </si>
  <si>
    <t>01/13/2020 12:48:54</t>
  </si>
  <si>
    <t>01/13/2020 12:49:04</t>
  </si>
  <si>
    <t>01/13/2020 12:49:06</t>
  </si>
  <si>
    <t>mail.google.com/sync/u/0/i/s?hl=pt-BR&amp;c=1251</t>
  </si>
  <si>
    <t>01/13/2020 12:49:11</t>
  </si>
  <si>
    <t>mail.google.com/sync/u/0/i/s?hl=pt-BR&amp;c=1253</t>
  </si>
  <si>
    <t>bvcartes-supervisores@algarnet.onmicrosoft.com;joaogvc@algartech.com;leonardoao@algartech.com;marianacds@algartech.com;marianadjc@algartech.com;paulacn@algartech.com;ricardodfm@algartech.com.br;taysdss@algartech.com;thiagordu@algartech.com;viniciussg@algartech.com;</t>
  </si>
  <si>
    <t>bvcartes-supervisores@algarnet.onmicrosoft.com,joaogvc@algartech.com,leonardoao@algartech.com,marianacds@algartech.com,marianadjc@algartech.com,paulacn@algartech.com,ricardodfm@algartech.com.br,taysdss@algartech.com,thiagordu@algartech.com,viniciussg@algartech.com</t>
  </si>
  <si>
    <t>01/13/2020 12:49:42</t>
  </si>
  <si>
    <t>mail.google.com/sync/u/0/i/s?hl=pt-BR&amp;c=1256</t>
  </si>
  <si>
    <t>joaogvc@algartech.com;leonardoao@algartech.com;marianacds@algartech.com;marianadjc@algartech.com;paulacn@algartech.com;ricardodfm@algartech.com.br;taysdss@algartech.com;thiagordu@algartech.com;viniciussg@algartech.com;</t>
  </si>
  <si>
    <t>joaogvc@algartech.com,leonardoao@algartech.com,marianacds@algartech.com,marianadjc@algartech.com,paulacn@algartech.com,ricardodfm@algartech.com.br,taysdss@algartech.com,thiagordu@algartech.com,viniciussg@algartech.com</t>
  </si>
  <si>
    <t>01/13/2020 12:49:55</t>
  </si>
  <si>
    <t>mail.google.com/sync/u/0/i/s?hl=pt-BR&amp;c=1258</t>
  </si>
  <si>
    <t>01/13/2020 12:45:53</t>
  </si>
  <si>
    <t>01/13/2020 12:51:29</t>
  </si>
  <si>
    <t>01/13/2020 12:47:27</t>
  </si>
  <si>
    <t>22e8636b-a5d2-4555-af15-5560a548a393.tmp</t>
  </si>
  <si>
    <t>\\acsfs\profiles$\talitafdc\Downloads\22e8636b-a5d2-4555-af15-5560a548a393.tmp</t>
  </si>
  <si>
    <t>01/13/2020 12:48:33</t>
  </si>
  <si>
    <t>Não confirmado 499510.crdownload</t>
  </si>
  <si>
    <t>\\acsfs\profiles$\talitafdc\Downloads\Não confirmado 499510.crdownload</t>
  </si>
  <si>
    <t>01/13/2020 12:48:57</t>
  </si>
  <si>
    <t>4f6a8c60-2f46-4157-80a9-075fd646736d.tmp</t>
  </si>
  <si>
    <t>\\acsfs\profiles$\talitafdc\Downloads\4f6a8c60-2f46-4157-80a9-075fd646736d.tmp</t>
  </si>
  <si>
    <t>01/13/2020 12:49:12</t>
  </si>
  <si>
    <t>Não confirmado 576810.crdownload</t>
  </si>
  <si>
    <t>\\acsfs\profiles$\talitafdc\Downloads\Não confirmado 576810.crdownload</t>
  </si>
  <si>
    <t>01/13/2020 12:46:10</t>
  </si>
  <si>
    <t>01/13/2020 12:46:40</t>
  </si>
  <si>
    <t>01/13/2020 12:47:40</t>
  </si>
  <si>
    <t>01/13/2020 12:48:41</t>
  </si>
  <si>
    <t>01/13/2020 12:49:41</t>
  </si>
  <si>
    <t>01/13/2020 12:50:11</t>
  </si>
  <si>
    <t>01/13/2020 12:50:42</t>
  </si>
  <si>
    <t>01/13/2020 12:52:03</t>
  </si>
  <si>
    <t>01/13/2020 12:52:28</t>
  </si>
  <si>
    <t>c:\users\raicdf\documents\medidas diciplinar\</t>
  </si>
  <si>
    <t>feedback registrad1.docx</t>
  </si>
  <si>
    <t>01/13/2020 12:49:51</t>
  </si>
  <si>
    <t>01/13/2020 12:53:29</t>
  </si>
  <si>
    <t>f9962f28-91df-4a18-b78d-d4aadda7f55f.tmp</t>
  </si>
  <si>
    <t>\\acsfs\profiles$\maxmillianosv\Downloads\f9962f28-91df-4a18-b78d-d4aadda7f55f.tmp</t>
  </si>
  <si>
    <t>01/13/2020 12:49:53</t>
  </si>
  <si>
    <t>0995f224-6a6e-41d3-b870-6ca9047edac6.tmp</t>
  </si>
  <si>
    <t>\\acsfs\profiles$\maxmillianosv\Downloads\0995f224-6a6e-41d3-b870-6ca9047edac6.tmp</t>
  </si>
  <si>
    <t>01/13/2020 12:50:15</t>
  </si>
  <si>
    <t>a5606e53-1b0f-48d5-bfd1-93af57110554.tmp</t>
  </si>
  <si>
    <t>\\acsfs\profiles$\maxmillianosv\Downloads\a5606e53-1b0f-48d5-bfd1-93af57110554.tmp</t>
  </si>
  <si>
    <t>01/13/2020 12:53:35</t>
  </si>
  <si>
    <t>01/13/2020 12:54:28</t>
  </si>
  <si>
    <t>anapscl@algartech.com;luanaaoli@algartech.com;micheless@algartech.com.br;misdonegocio@algartech.com.br;priscilalb@algartech.com.br;</t>
  </si>
  <si>
    <t>Consumidor. Gov - Atualização</t>
  </si>
  <si>
    <t>Avaliações Consumidor.Gov 2020 - Governança.xlsb</t>
  </si>
  <si>
    <t>anapscl@algartech.com,luanaaoli@algartech.com,micheless@algartech.com.br,misdonegocio@algartech.com.br,priscilalb@algartech.com.br</t>
  </si>
  <si>
    <t>01/13/2020 12:52:00</t>
  </si>
  <si>
    <t>01/13/2020 12:51:45</t>
  </si>
  <si>
    <t>01/13/2020 12:49:59</t>
  </si>
  <si>
    <t>01/13/2020 12:55:29</t>
  </si>
  <si>
    <t>mail.google.com/sync/u/0/i/s?hl=pt-BR&amp;c=1260</t>
  </si>
  <si>
    <t>01/13/2020 12:50:04</t>
  </si>
  <si>
    <t>mail.google.com/sync/u/0/i/s?hl=pt-BR&amp;c=1262</t>
  </si>
  <si>
    <t>01/13/2020 12:50:21</t>
  </si>
  <si>
    <t>mail.google.com/sync/u/0/i/s?hl=pt-BR&amp;c=1266</t>
  </si>
  <si>
    <t>01/13/2020 12:50:39</t>
  </si>
  <si>
    <t>01/13/2020 12:50:51</t>
  </si>
  <si>
    <t>01/13/2020 12:50:57</t>
  </si>
  <si>
    <t>01/13/2020 12:51:05</t>
  </si>
  <si>
    <t>mail.google.com/sync/u/0/i/s?hl=pt-BR&amp;c=1277</t>
  </si>
  <si>
    <t>01/13/2020 12:51:12</t>
  </si>
  <si>
    <t>mail.google.com/sync/u/0/i/s?hl=pt-BR&amp;c=1279</t>
  </si>
  <si>
    <t>01/13/2020 12:53:56</t>
  </si>
  <si>
    <t>RELATORIO DE LOGIN - BV CARTÕES 12-01.xlsm</t>
  </si>
  <si>
    <t>\\acsfs\DEPTOS\Operacao\PCP\5 - Comum\PLANEJAMENTO BV\14 - ACOMPANHAMENTO\1 - REPORT ACOMPANHAMENTO\2020\1 - JANEIRO\CARTÕES\Login Logout Cartões\RELATORIO DE LOGIN - BV CARTÕES 12-01.xlsm</t>
  </si>
  <si>
    <t>01/13/2020 12:54:19</t>
  </si>
  <si>
    <t>01/13/2020 12:54:30</t>
  </si>
  <si>
    <t>01/13/2020 12:54:40</t>
  </si>
  <si>
    <t>01/13/2020 12:56:28</t>
  </si>
  <si>
    <t>01/13/2020 12:51:42</t>
  </si>
  <si>
    <t>01/13/2020 12:52:42</t>
  </si>
  <si>
    <t>01/13/2020 12:55:14</t>
  </si>
  <si>
    <t>01/13/2020 12:53:50</t>
  </si>
  <si>
    <t>01/13/2020 12:57:28</t>
  </si>
  <si>
    <t>01/13/2020 12:54:35</t>
  </si>
  <si>
    <t>C:\Users\robsonams\Desktop\ROBSON\</t>
  </si>
  <si>
    <t>CV Robson Medeiros (1).odt</t>
  </si>
  <si>
    <t>01/13/2020 12:54:36</t>
  </si>
  <si>
    <t>C:\Users\robsonams\Desktop\ROBSON\CV Robson Medeiros (1).odt\</t>
  </si>
  <si>
    <t>C:\Users\robsonams\Desktop\ROBSON\CV Robson Medeiros (1).odt\META-INF\</t>
  </si>
  <si>
    <t>C:\Users\robsonams\Desktop\ROBSON\CV Robson Medeiros (1).odt\Thumbnails\</t>
  </si>
  <si>
    <t>01/13/2020 12:54:37</t>
  </si>
  <si>
    <t>01/13/2020 12:54:38</t>
  </si>
  <si>
    <t>01/13/2020 12:54:47</t>
  </si>
  <si>
    <t>01/13/2020 12:55:06</t>
  </si>
  <si>
    <t>01/13/2020 12:55:09</t>
  </si>
  <si>
    <t>01/13/2020 12:55:13</t>
  </si>
  <si>
    <t>01/13/2020 12:55:53</t>
  </si>
  <si>
    <t>01/13/2020 12:53:23</t>
  </si>
  <si>
    <t>01/13/2020 12:54:27</t>
  </si>
  <si>
    <t>\\acsfs\profiles$\brunalas\My Documents\My Pictures\</t>
  </si>
  <si>
    <t>\\acsfs\profiles$\brunalas\My Documents\My Videos\desktop.ini</t>
  </si>
  <si>
    <t>01/13/2020 12:54:42</t>
  </si>
  <si>
    <t>\\acsfs\profiles$\brunalas\My Documents\My Videos\</t>
  </si>
  <si>
    <t>01/13/2020 12:54:43</t>
  </si>
  <si>
    <t>01/13/2020 12:54:57</t>
  </si>
  <si>
    <t>01/13/2020 12:55:03</t>
  </si>
  <si>
    <t>\\acsfs\profiles$\brunalas\My Documents\My Music\</t>
  </si>
  <si>
    <t>\\acsfs\profiles$\brunalas\My Documents\My Pictures\desktop.ini</t>
  </si>
  <si>
    <t>01/13/2020 12:55:07</t>
  </si>
  <si>
    <t>01/13/2020 12:55:12</t>
  </si>
  <si>
    <t>01/13/2020 12:55:15</t>
  </si>
  <si>
    <t>01/13/2020 12:55:17</t>
  </si>
  <si>
    <t>\\acsfs\profiles$\brunalas\Contacts\</t>
  </si>
  <si>
    <t>\\acsfs\profiles$\brunalas\Contacts\desktop.ini</t>
  </si>
  <si>
    <t>01/13/2020 12:55:18</t>
  </si>
  <si>
    <t>01/13/2020 12:55:19</t>
  </si>
  <si>
    <t>01/13/2020 12:55:21</t>
  </si>
  <si>
    <t>01/13/2020 12:55:23</t>
  </si>
  <si>
    <t>01/13/2020 12:55:27</t>
  </si>
  <si>
    <t>\\acsfs\profiles$\brunalas\My Documents\</t>
  </si>
  <si>
    <t>\\acsfs\profiles$\brunalas\Favorites\desktop.ini</t>
  </si>
  <si>
    <t>01/13/2020 12:55:33</t>
  </si>
  <si>
    <t>01/13/2020 12:55:35</t>
  </si>
  <si>
    <t>01/13/2020 12:55:37</t>
  </si>
  <si>
    <t>01/13/2020 12:55:38</t>
  </si>
  <si>
    <t>01/13/2020 12:55:40</t>
  </si>
  <si>
    <t>01/13/2020 12:55:41</t>
  </si>
  <si>
    <t>\\acsfs\profiles$\brunalas\My Documents\My Music\desktop.ini</t>
  </si>
  <si>
    <t>01/13/2020 12:55:43</t>
  </si>
  <si>
    <t>01/13/2020 12:55:44</t>
  </si>
  <si>
    <t>01/13/2020 12:55:45</t>
  </si>
  <si>
    <t>01/13/2020 12:55:46</t>
  </si>
  <si>
    <t>01/13/2020 12:55:47</t>
  </si>
  <si>
    <t>\\acsfs\profiles$\brunalas\Searches\</t>
  </si>
  <si>
    <t>\\acsfs\profiles$\brunalas\Searches\desktop.ini</t>
  </si>
  <si>
    <t>01/13/2020 12:55:48</t>
  </si>
  <si>
    <t>01/13/2020 12:55:49</t>
  </si>
  <si>
    <t>01/13/2020 12:55:50</t>
  </si>
  <si>
    <t>01/13/2020 12:55:51</t>
  </si>
  <si>
    <t>01/13/2020 12:55:52</t>
  </si>
  <si>
    <t>\\acsfs\profiles$\brunalas\Downloads\desktop.ini</t>
  </si>
  <si>
    <t>01/13/2020 12:55:54</t>
  </si>
  <si>
    <t>01/13/2020 12:55:55</t>
  </si>
  <si>
    <t>\\acsfs\profiles$\brunalas\Favorites\</t>
  </si>
  <si>
    <t>\\acsfs\profiles$\brunalas\My Documents\desktop.ini</t>
  </si>
  <si>
    <t>01/13/2020 12:55:57</t>
  </si>
  <si>
    <t>01/13/2020 12:55:58</t>
  </si>
  <si>
    <t>01/13/2020 12:55:59</t>
  </si>
  <si>
    <t>01/13/2020 12:56:00</t>
  </si>
  <si>
    <t>01/13/2020 12:56:01</t>
  </si>
  <si>
    <t>01/13/2020 12:56:03</t>
  </si>
  <si>
    <t>\\acsfs\profiles$\brunalas\Saved Games\desktop.ini</t>
  </si>
  <si>
    <t>01/13/2020 12:56:04</t>
  </si>
  <si>
    <t>01/13/2020 12:56:30</t>
  </si>
  <si>
    <t>winrt--{S-1-5-21-602162358-764733703-839522115-358561}-.searchconnector-ms</t>
  </si>
  <si>
    <t>\\acsfs\profiles$\brunalas\Searches\winrt--{S-1-5-21-602162358-764733703-839522115-358561}-.searchconnector-ms</t>
  </si>
  <si>
    <t>01/13/2020 12:56:23</t>
  </si>
  <si>
    <t>01/13/2020 12:54:12</t>
  </si>
  <si>
    <t>01/13/2020 12:58:29</t>
  </si>
  <si>
    <t>01/13/2020 12:57:39</t>
  </si>
  <si>
    <t>Relatorio de Vendas - Auditoria BV Cartoes (Janeiro)...50 - original.xlsx</t>
  </si>
  <si>
    <t>\\acsfs\DEPTOS\Operacao\Banco_Votorantim\Qualidade\Anderson\Jose\Atualizado\Relatorio de Vendas - Auditoria BV Cartoes (Janeiro)...50 - original.xlsx</t>
  </si>
  <si>
    <t>01/13/2020 12:51:58</t>
  </si>
  <si>
    <t>01/13/2020 12:51:59</t>
  </si>
  <si>
    <t>lu14772xbz8f.tmp</t>
  </si>
  <si>
    <t>\\acsfs\profiles$\ALYNYA\My Documents\lu14772xbz8f.tmp</t>
  </si>
  <si>
    <t>\\acsfs\profiles$\ALYNYA\My Documents\lu14772xbz8f.tmp\</t>
  </si>
  <si>
    <t>\\acsfs\profiles$\ALYNYA\My Documents\lu14772xbz8f.tmp\META-INF\</t>
  </si>
  <si>
    <t>\\acsfs\profiles$\ALYNYA\My Documents\lu14772xbz8f.tmp\Thumbnails\</t>
  </si>
  <si>
    <t>01/13/2020 12:53:58</t>
  </si>
  <si>
    <t>01/13/2020 12:59:28</t>
  </si>
  <si>
    <t>01/13/2020 12:53:59</t>
  </si>
  <si>
    <t>lu4374029zxw8.tmp</t>
  </si>
  <si>
    <t>\\acsfs\profiles$\LUISPLS\My Documents\Nova pasta\lu4374029zxw8.tmp</t>
  </si>
  <si>
    <t>\\acsfs\profiles$\LUISPLS\My Documents\Nova pasta\lu4374029zxw8.tmp\</t>
  </si>
  <si>
    <t>\\acsfs\profiles$\LUISPLS\My Documents\Nova pasta\lu4374029zxw8.tmp\META-INF\</t>
  </si>
  <si>
    <t>\\acsfs\profiles$\LUISPLS\My Documents\Nova pasta\lu4374029zxw8.tmp\Thumbnails\</t>
  </si>
  <si>
    <t>01/13/2020 12:58:37</t>
  </si>
  <si>
    <t>01/13/2020 13:00:29</t>
  </si>
  <si>
    <t>69b56cee-9273-4e43-9ccf-8d7e27dc760b.tmp</t>
  </si>
  <si>
    <t>\\acsfs\profiles$\claudiajca\Downloads\69b56cee-9273-4e43-9ccf-8d7e27dc760b.tmp</t>
  </si>
  <si>
    <t>mail.google.com/sync/u/0/i/s?hl=pt-BR&amp;c=1294</t>
  </si>
  <si>
    <t>mail.google.com/sync/u/0/i/s?hl=pt-BR&amp;c=1296</t>
  </si>
  <si>
    <t>01/13/2020 12:59:51</t>
  </si>
  <si>
    <t>01/13/2020 13:01:28</t>
  </si>
  <si>
    <t>6c6c0190-dfb6-4534-b1dc-1b57f30331cc.tmp</t>
  </si>
  <si>
    <t>\\acsfs\profiles$\isabellegtds\Downloads\6c6c0190-dfb6-4534-b1dc-1b57f30331cc.tmp</t>
  </si>
  <si>
    <t>01/13/2020 12:58:15</t>
  </si>
  <si>
    <t>01/13/2020 12:58:46</t>
  </si>
  <si>
    <t>01/13/2020 12:59:00</t>
  </si>
  <si>
    <t>Metas_AlgarTech_semestre 1_2020_Time Dener Benicio.xlsx</t>
  </si>
  <si>
    <t>01/13/2020 12:59:55</t>
  </si>
  <si>
    <t>01/13/2020 13:02:28</t>
  </si>
  <si>
    <t>01/13/2020 12:58:12</t>
  </si>
  <si>
    <t>07df207d-0aa2-42de-a9a2-99633f89a5ea.tmp</t>
  </si>
  <si>
    <t>\\acsfs\profiles$\brunalas\Downloads\07df207d-0aa2-42de-a9a2-99633f89a5ea.tmp</t>
  </si>
  <si>
    <t>01/13/2020 12:59:29</t>
  </si>
  <si>
    <t>d2498923-6947-44a3-a3aa-aede2a04e7cc.tmp</t>
  </si>
  <si>
    <t>\\acsfs\profiles$\brunalas\Downloads\d2498923-6947-44a3-a3aa-aede2a04e7cc.tmp</t>
  </si>
  <si>
    <t>01/13/2020 12:57:58</t>
  </si>
  <si>
    <t>32cb72b1-4849-4306-b5f2-2a1cf0edd3d7.tmp</t>
  </si>
  <si>
    <t>\\acsfs\profiles$\Flaviojmm\Downloads\32cb72b1-4849-4306-b5f2-2a1cf0edd3d7.tmp</t>
  </si>
  <si>
    <t>01/13/2020 12:57:54</t>
  </si>
  <si>
    <t>01/13/2020 12:59:06</t>
  </si>
  <si>
    <t>01/13/2020 13:03:28</t>
  </si>
  <si>
    <t>01/13/2020 12:59:08</t>
  </si>
  <si>
    <t>a243c51b-4586-479d-8aa3-c6a0f069fd88.tmp</t>
  </si>
  <si>
    <t>\\acsfs\profiles$\laylaams\Downloads\a243c51b-4586-479d-8aa3-c6a0f069fd88.tmp</t>
  </si>
  <si>
    <t>01/13/2020 12:59:11</t>
  </si>
  <si>
    <t>aeac092a-6afd-4ff6-84f9-8cdfa113e0d5.tmp</t>
  </si>
  <si>
    <t>\\acsfs\profiles$\laylaams\Downloads\aeac092a-6afd-4ff6-84f9-8cdfa113e0d5.tmp</t>
  </si>
  <si>
    <t>01/13/2020 13:01:11</t>
  </si>
  <si>
    <t>5218dd27-eb0b-47e8-a544-edb42570e70a.tmp</t>
  </si>
  <si>
    <t>\\acsfs\profiles$\laylaams\Downloads\5218dd27-eb0b-47e8-a544-edb42570e70a.tmp</t>
  </si>
  <si>
    <t>01/13/2020 13:00:52</t>
  </si>
  <si>
    <t>01/13/2020 13:04:29</t>
  </si>
  <si>
    <t>f194934e-3c19-4773-a5c7-b5ba65923412.tmp</t>
  </si>
  <si>
    <t>\\acsfs\profiles$\quindaizaagds\Downloads\f194934e-3c19-4773-a5c7-b5ba65923412.tmp</t>
  </si>
  <si>
    <t>01/13/2020 13:02:18</t>
  </si>
  <si>
    <t>775330f3-2acb-4aa0-bf4f-197c8eea5456.tmp</t>
  </si>
  <si>
    <t>\\acsfs\profiles$\quindaizaagds\Downloads\775330f3-2acb-4aa0-bf4f-197c8eea5456.tmp</t>
  </si>
  <si>
    <t>01/13/2020 13:03:50</t>
  </si>
  <si>
    <t>b77ee6e3-34ab-438e-becc-a14380ccbee6.tmp</t>
  </si>
  <si>
    <t>\\acsfs\profiles$\quindaizaagds\Downloads\b77ee6e3-34ab-438e-becc-a14380ccbee6.tmp</t>
  </si>
  <si>
    <t>01/13/2020 12:59:39</t>
  </si>
  <si>
    <t>58cb2a31-efdc-49e0-93d8-9787b563f046.tmp</t>
  </si>
  <si>
    <t>\\acsfs\profiles$\marcosvnds\Downloads\58cb2a31-efdc-49e0-93d8-9787b563f046.tmp</t>
  </si>
  <si>
    <t>ba64df6b-801f-4d5d-bf4f-37b4c53f8595.tmp</t>
  </si>
  <si>
    <t>\\acsfs\profiles$\marcosvnds\Downloads\ba64df6b-801f-4d5d-bf4f-37b4c53f8595.tmp</t>
  </si>
  <si>
    <t>83222230-58cd-4406-b194-c3588f047057.tmp</t>
  </si>
  <si>
    <t>\\acsfs\profiles$\marcosvnds\Downloads\83222230-58cd-4406-b194-c3588f047057.tmp</t>
  </si>
  <si>
    <t>01/13/2020 13:01:53</t>
  </si>
  <si>
    <t>07600895-5f6f-4434-815c-11aa706788e6.tmp</t>
  </si>
  <si>
    <t>\\acsfs\profiles$\marcosvnds\Downloads\07600895-5f6f-4434-815c-11aa706788e6.tmp</t>
  </si>
  <si>
    <t>01/13/2020 13:02:16</t>
  </si>
  <si>
    <t>dc1c8601-d2bd-4023-a8bc-b3fced354085.tmp</t>
  </si>
  <si>
    <t>\\acsfs\profiles$\marcosvnds\Downloads\dc1c8601-d2bd-4023-a8bc-b3fced354085.tmp</t>
  </si>
  <si>
    <t>01/13/2020 13:02:32</t>
  </si>
  <si>
    <t>dfa1edab-677b-41ef-93bd-7454043ee0d3.tmp</t>
  </si>
  <si>
    <t>\\acsfs\profiles$\marcosvnds\Downloads\dfa1edab-677b-41ef-93bd-7454043ee0d3.tmp</t>
  </si>
  <si>
    <t>01/13/2020 13:03:59</t>
  </si>
  <si>
    <t>2ddf4d85-4466-496a-a829-7d135b18ccca.tmp</t>
  </si>
  <si>
    <t>\\acsfs\profiles$\marcosvnds\Downloads\2ddf4d85-4466-496a-a829-7d135b18ccca.tmp</t>
  </si>
  <si>
    <t>01/13/2020 13:04:20</t>
  </si>
  <si>
    <t>866a6856-9684-407a-8e57-4acd53b04b78.tmp</t>
  </si>
  <si>
    <t>\\acsfs\profiles$\marcosvnds\Downloads\866a6856-9684-407a-8e57-4acd53b04b78.tmp</t>
  </si>
  <si>
    <t>01/13/2020 13:03:32</t>
  </si>
  <si>
    <t>01/13/2020 13:05:28</t>
  </si>
  <si>
    <t>5b25a17f-b7f9-44d3-b3e7-fa9141a2f5fe.tmp</t>
  </si>
  <si>
    <t>\\acsfs\profiles$\henriquehmdo\Downloads\5b25a17f-b7f9-44d3-b3e7-fa9141a2f5fe.tmp</t>
  </si>
  <si>
    <t>01/13/2020 13:03:23</t>
  </si>
  <si>
    <t>01/13/2020 13:01:30</t>
  </si>
  <si>
    <t>bbed4421-3c2c-473d-8032-b7959b2a52ea.tmp</t>
  </si>
  <si>
    <t>\\acsfs\profiles$\luanarda\Downloads\bbed4421-3c2c-473d-8032-b7959b2a52ea.tmp</t>
  </si>
  <si>
    <t>01/13/2020 13:01:45</t>
  </si>
  <si>
    <t>01/13/2020 13:01:17</t>
  </si>
  <si>
    <t>01/13/2020 13:06:29</t>
  </si>
  <si>
    <t>01/13/2020 13:01:47</t>
  </si>
  <si>
    <t>01/13/2020 13:01:48</t>
  </si>
  <si>
    <t>83815eef-6f7a-4b4e-ad26-27f7ca437750.tmp</t>
  </si>
  <si>
    <t>\\acsfs\profiles$\sarahbal\Downloads\83815eef-6f7a-4b4e-ad26-27f7ca437750.tmp</t>
  </si>
  <si>
    <t>01/13/2020 13:05:09</t>
  </si>
  <si>
    <t>01/13/2020 13:04:18</t>
  </si>
  <si>
    <t>01/13/2020 13:07:29</t>
  </si>
  <si>
    <t>e12d3e5e-dd70-48a8-884a-4ddc96ef0658.tmp</t>
  </si>
  <si>
    <t>\\acsfs\profiles$\PEDROHAB\Downloads\e12d3e5e-dd70-48a8-884a-4ddc96ef0658.tmp</t>
  </si>
  <si>
    <t>01/13/2020 13:05:11</t>
  </si>
  <si>
    <t>01/13/2020 13:04:19</t>
  </si>
  <si>
    <t>01/13/2020 13:05:37</t>
  </si>
  <si>
    <t>01/13/2020 13:09:29</t>
  </si>
  <si>
    <t>01/13/2020 13:05:39</t>
  </si>
  <si>
    <t>01/13/2020 13:05:58</t>
  </si>
  <si>
    <t>01/13/2020 13:06:02</t>
  </si>
  <si>
    <t>01/13/2020 13:05:29</t>
  </si>
  <si>
    <t>11082150-b384-4112-8a00-d662e4e74c88.tmp</t>
  </si>
  <si>
    <t>\\acsfs\profiles$\gabrielsma\Downloads\11082150-b384-4112-8a00-d662e4e74c88.tmp</t>
  </si>
  <si>
    <t>01/13/2020 13:05:42</t>
  </si>
  <si>
    <t>Não confirmado 747505.crdownload</t>
  </si>
  <si>
    <t>\\acsfs\ACS\Gabriel da Silva\Contemporânea\VENDAS\Não confirmado 747505.crdownload</t>
  </si>
  <si>
    <t>54b4362c-7eab-4a84-9736-9eb592556e41.tmp</t>
  </si>
  <si>
    <t>\\acsfs\profiles$\gabrielsma\Downloads\54b4362c-7eab-4a84-9736-9eb592556e41.tmp</t>
  </si>
  <si>
    <t>Não confirmado 835680.crdownload</t>
  </si>
  <si>
    <t>\\acsfs\ACS\Gabriel da Silva\Contemporânea\VENDAS\Não confirmado 835680.crdownload</t>
  </si>
  <si>
    <t>01/13/2020 13:06:07</t>
  </si>
  <si>
    <t>7c05b7a0-95c5-4eee-8fe9-5fcfee0867a9.tmp</t>
  </si>
  <si>
    <t>\\acsfs\profiles$\gabrielsma\Downloads\7c05b7a0-95c5-4eee-8fe9-5fcfee0867a9.tmp</t>
  </si>
  <si>
    <t>01/13/2020 13:06:22</t>
  </si>
  <si>
    <t>Não confirmado 642974.crdownload</t>
  </si>
  <si>
    <t>\\acsfs\ACS\Gabriel da Silva\Contemporânea\Comissão e Incentivo\Não confirmado 642974.crdownload</t>
  </si>
  <si>
    <t>01/13/2020 13:06:27</t>
  </si>
  <si>
    <t>01/13/2020 13:06:28</t>
  </si>
  <si>
    <t>d0d15fbe-d253-4545-9fa5-55a00ec19a58.tmp</t>
  </si>
  <si>
    <t>\\acsfs\profiles$\gabrielsma\Downloads\d0d15fbe-d253-4545-9fa5-55a00ec19a58.tmp</t>
  </si>
  <si>
    <t>01/13/2020 13:06:36</t>
  </si>
  <si>
    <t>Não confirmado 871464.crdownload</t>
  </si>
  <si>
    <t>\\acsfs\ACS\Gabriel da Silva\Contemporânea\Comissão e Incentivo\Não confirmado 871464.crdownload</t>
  </si>
  <si>
    <t>01/13/2020 13:04:32</t>
  </si>
  <si>
    <t>f136782f-ee99-4c16-8c48-29220a6d422c.tmp</t>
  </si>
  <si>
    <t>\\acsfs\profiles$\nathaliaos\Downloads\f136782f-ee99-4c16-8c48-29220a6d422c.tmp</t>
  </si>
  <si>
    <t>01/13/2020 13:04:42</t>
  </si>
  <si>
    <t>b2eeb3af-eee6-42be-8229-5d95b7e3334b.tmp</t>
  </si>
  <si>
    <t>\\acsfs\profiles$\nathaliaos\Downloads\b2eeb3af-eee6-42be-8229-5d95b7e3334b.tmp</t>
  </si>
  <si>
    <t>01/13/2020 13:06:14</t>
  </si>
  <si>
    <t>ddfeec87-ac4f-4a87-9527-01d01fdae971.tmp</t>
  </si>
  <si>
    <t>\\acsfs\profiles$\felipetds\Downloads\ddfeec87-ac4f-4a87-9527-01d01fdae971.tmp</t>
  </si>
  <si>
    <t>01/13/2020 13:08:40</t>
  </si>
  <si>
    <t>01/13/2020 13:10:28</t>
  </si>
  <si>
    <t>https://joaogvc@algartech.com,leonardoao@algartech.com,marianacds@algartech.com,marianadjc@algartech.com,paulacn@algartech.com,ricardodfm@algartech.com.br,taysdss@algartech.com,thiagordu@algartech.com,viniciussg@algartech.com</t>
  </si>
  <si>
    <t>01/13/2020 13:09:21</t>
  </si>
  <si>
    <t>01/13/2020 13:11:29</t>
  </si>
  <si>
    <t>01/13/2020 13:09:52</t>
  </si>
  <si>
    <t>01/13/2020 13:10:22</t>
  </si>
  <si>
    <t>01/13/2020 13:10:35</t>
  </si>
  <si>
    <t>34b1b5ad-5636-43c8-b513-348743a85c0d.tmp</t>
  </si>
  <si>
    <t>\\acsfs\profiles$\RAFAELRF\Downloads\34b1b5ad-5636-43c8-b513-348743a85c0d.tmp</t>
  </si>
  <si>
    <t>01/13/2020 13:09:51</t>
  </si>
  <si>
    <t>01/13/2020 13:12:28</t>
  </si>
  <si>
    <t>01/13/2020 13:07:58</t>
  </si>
  <si>
    <t>01/13/2020 13:13:29</t>
  </si>
  <si>
    <t>https://udpwfmniceap02/web/guest/home?p_auth=vlci1sss&amp;p_p_id=58&amp;p_p_lifecycle=1&amp;p_p_state=maximized&amp;p_p_mode=view&amp;savelastpath=0&amp;_58_struts_action=/login/forgot_password</t>
  </si>
  <si>
    <t>01/13/2020 13:08:08</t>
  </si>
  <si>
    <t>01/13/2020 13:08:14</t>
  </si>
  <si>
    <t>01/13/2020 13:09:31</t>
  </si>
  <si>
    <t>f069c6b9-c8fc-4273-92d0-7126922e57d7.tmp</t>
  </si>
  <si>
    <t>\\acsfs\profiles$\francislayneads\Downloads\f069c6b9-c8fc-4273-92d0-7126922e57d7.tmp</t>
  </si>
  <si>
    <t>01/13/2020 13:08:53</t>
  </si>
  <si>
    <t>01/13/2020 13:14:28</t>
  </si>
  <si>
    <t>b7a883f8-c8f7-4119-970a-d6b7d2a5c3e2.tmp</t>
  </si>
  <si>
    <t>\\acsfs\profiles$\nataliacsl\Downloads\b7a883f8-c8f7-4119-970a-d6b7d2a5c3e2.tmp</t>
  </si>
  <si>
    <t>01/13/2020 13:08:42</t>
  </si>
  <si>
    <t>Incentivo BV - SAC_VL2.xlsx</t>
  </si>
  <si>
    <t>\\acsfs\ACS\Gabriel da Silva\Contemporânea\Comissão e Incentivo\Incentivo BV - SAC_VL2.xlsx</t>
  </si>
  <si>
    <t>01/13/2020 13:11:38</t>
  </si>
  <si>
    <t>01/13/2020 13:12:12</t>
  </si>
  <si>
    <t>01/13/2020 13:10:05</t>
  </si>
  <si>
    <t>372d30c2-aead-420b-94f0-91435035f30b.tmp</t>
  </si>
  <si>
    <t>\\acsfs\profiles$\quindaizaagds\Downloads\372d30c2-aead-420b-94f0-91435035f30b.tmp</t>
  </si>
  <si>
    <t>01/13/2020 13:11:19</t>
  </si>
  <si>
    <t>312a7946-37c6-4ef9-bbc3-9d2dae9dce3a.tmp</t>
  </si>
  <si>
    <t>\\acsfs\profiles$\quindaizaagds\Downloads\312a7946-37c6-4ef9-bbc3-9d2dae9dce3a.tmp</t>
  </si>
  <si>
    <t>01/13/2020 13:09:54</t>
  </si>
  <si>
    <t>01/13/2020 13:15:29</t>
  </si>
  <si>
    <t>01/13/2020 13:10:34</t>
  </si>
  <si>
    <t>RELATORIO DE LOGIN - FINANCEIRA - 10-01 - Cópia.xlsm</t>
  </si>
  <si>
    <t>\\acsfs\DEPTOS\Operacao\PCP\5 - Comum\PLANEJAMENTO BV\14 - ACOMPANHAMENTO\1 - REPORT ACOMPANHAMENTO\2020\1 - JANEIRO\FINANCEIRA\Login Logout Financeira\RELATORIO DE LOGIN - FINANCEIRA - 10-01 - Cópia.xlsm</t>
  </si>
  <si>
    <t>01/13/2020 13:11:06</t>
  </si>
  <si>
    <t>XLOG_ellencds_13012020_071113.log</t>
  </si>
  <si>
    <t>\\acsfs\profiles$\ellencds\My Documents\xworkcenter\logs\XLOG_ellencds_13012020_071113.log</t>
  </si>
  <si>
    <t>01/13/2020 13:10:52</t>
  </si>
  <si>
    <t>01/13/2020 13:16:28</t>
  </si>
  <si>
    <t>01/13/2020 13:12:23</t>
  </si>
  <si>
    <t>01/13/2020 13:12:53</t>
  </si>
  <si>
    <t>01/13/2020 13:14:24</t>
  </si>
  <si>
    <t>01/13/2020 13:15:25</t>
  </si>
  <si>
    <t>01/13/2020 13:10:51</t>
  </si>
  <si>
    <t>82642370-33b3-48cb-9fde-d1f4df1be859.tmp</t>
  </si>
  <si>
    <t>\\acsfs\profiles$\RAFAELRF\Downloads\82642370-33b3-48cb-9fde-d1f4df1be859.tmp</t>
  </si>
  <si>
    <t>01/13/2020 13:14:34</t>
  </si>
  <si>
    <t>01/13/2020 13:17:29</t>
  </si>
  <si>
    <t>01/13/2020 13:15:17</t>
  </si>
  <si>
    <t>01/13/2020 13:18:28</t>
  </si>
  <si>
    <t>01/13/2020 13:15:26</t>
  </si>
  <si>
    <t>01/13/2020 13:15:22</t>
  </si>
  <si>
    <t>01/13/2020 13:15:24</t>
  </si>
  <si>
    <t>01/13/2020 13:19:29</t>
  </si>
  <si>
    <t>\\acsfs\ACS\Gabriel da Silva\Contemporânea\NPS\BCCA9538.tmp\</t>
  </si>
  <si>
    <t>\\acsfs\ACS\Gabriel da Silva\Contemporânea\NPS\BCCA9538.tmp\:Zone.Identifier:$DATA</t>
  </si>
  <si>
    <t>01/13/2020 13:15:27</t>
  </si>
  <si>
    <t>\\acsfs\ACS\Gabriel da Silva\Contemporânea\NPS\NPS SAC_Base.xlsx\</t>
  </si>
  <si>
    <t>\\acsfs\ACS\Gabriel da Silva\Contemporânea\NPS\NPS SAC_Base.xlsx</t>
  </si>
  <si>
    <t>NPS SAC_Base.xlsx</t>
  </si>
  <si>
    <t>01/13/2020 13:15:30</t>
  </si>
  <si>
    <t>\\acsfs\ACS\Gabriel da Silva\Contemporânea\NPS\B806CC4F.tmp\</t>
  </si>
  <si>
    <t>\\acsfs\ACS\Gabriel da Silva\Contemporânea\NPS\B806CC4F.tmp\:Zone.Identifier:$DATA</t>
  </si>
  <si>
    <t>01/13/2020 13:15:33</t>
  </si>
  <si>
    <t>01/13/2020 13:16:05</t>
  </si>
  <si>
    <t>01/13/2020 13:18:10</t>
  </si>
  <si>
    <t>\\acsfs\ACS\Gabriel da Silva\Contemporânea\NPS\F56BBC9.tmp\</t>
  </si>
  <si>
    <t>\\acsfs\ACS\Gabriel da Silva\Contemporânea\NPS\F56BBC9.tmp\:Zone.Identifier:$DATA</t>
  </si>
  <si>
    <t>01/13/2020 13:18:14</t>
  </si>
  <si>
    <t>\\acsfs\ACS\Gabriel da Silva\Contemporânea\NPS\NPS CONSIGNADO_Base.xlsx\</t>
  </si>
  <si>
    <t>\\acsfs\ACS\Gabriel da Silva\Contemporânea\NPS\NPS CONSIGNADO_Base.xlsx</t>
  </si>
  <si>
    <t>NPS CONSIGNADO_Base.xlsx</t>
  </si>
  <si>
    <t>01/13/2020 13:16:54</t>
  </si>
  <si>
    <t>01/13/2020 13:20:28</t>
  </si>
  <si>
    <t>RELATORIO DE LOGIN - FINANCEIRA - 12-01 - SAC.xlsm</t>
  </si>
  <si>
    <t>\\acsfs\DEPTOS\Operacao\PCP\5 - Comum\PLANEJAMENTO BV\14 - ACOMPANHAMENTO\1 - REPORT ACOMPANHAMENTO\2020\1 - JANEIRO\FINANCEIRA\Login Logout Financeira\RELATORIO DE LOGIN - FINANCEIRA - 12-01 - SAC.xlsm</t>
  </si>
  <si>
    <t>01/13/2020 13:17:10</t>
  </si>
  <si>
    <t>RELATORIO DE LOGIN - FINANCEIRA - 12-01 - SAC - Cópia.xlsm</t>
  </si>
  <si>
    <t>\\acsfs\DEPTOS\Operacao\PCP\5 - Comum\PLANEJAMENTO BV\14 - ACOMPANHAMENTO\1 - REPORT ACOMPANHAMENTO\2020\1 - JANEIRO\FINANCEIRA\Login Logout Financeira\RELATORIO DE LOGIN - FINANCEIRA - 12-01 - SAC - Cópia.xlsm</t>
  </si>
  <si>
    <t>01/13/2020 13:16:25</t>
  </si>
  <si>
    <t>01/13/2020 13:21:29</t>
  </si>
  <si>
    <t>01/13/2020 13:16:55</t>
  </si>
  <si>
    <t>01/13/2020 13:17:26</t>
  </si>
  <si>
    <t>01/13/2020 13:18:26</t>
  </si>
  <si>
    <t>01/13/2020 13:18:56</t>
  </si>
  <si>
    <t>01/13/2020 13:20:46</t>
  </si>
  <si>
    <t>01/13/2020 13:23:28</t>
  </si>
  <si>
    <t>01/13/2020 13:22:46</t>
  </si>
  <si>
    <t>a7fb365d-c3d0-4bc7-8e22-e8b3dbf91405.tmp</t>
  </si>
  <si>
    <t>\\acsfs\profiles$\regisedsj\Downloads\a7fb365d-c3d0-4bc7-8e22-e8b3dbf91405.tmp</t>
  </si>
  <si>
    <t>01/13/2020 13:18:43</t>
  </si>
  <si>
    <t>01/13/2020 13:24:28</t>
  </si>
  <si>
    <t>01/13/2020 13:18:44</t>
  </si>
  <si>
    <t>lu4374029zxwf.tmp</t>
  </si>
  <si>
    <t>\\acsfs\profiles$\LUISPLS\My Documents\Nova pasta\lu4374029zxwf.tmp</t>
  </si>
  <si>
    <t>\\acsfs\profiles$\LUISPLS\My Documents\Nova pasta\lu4374029zxwf.tmp\</t>
  </si>
  <si>
    <t>\\acsfs\profiles$\LUISPLS\My Documents\Nova pasta\lu4374029zxwf.tmp\META-INF\</t>
  </si>
  <si>
    <t>\\acsfs\profiles$\LUISPLS\My Documents\Nova pasta\lu4374029zxwf.tmp\Thumbnails\</t>
  </si>
  <si>
    <t>01/13/2020 13:21:48</t>
  </si>
  <si>
    <t>01/13/2020 13:24:31</t>
  </si>
  <si>
    <t>01/13/2020 13:25:28</t>
  </si>
  <si>
    <t>fc4108cc-7e1c-4267-8c55-43912d0de06f.tmp</t>
  </si>
  <si>
    <t>\\acsfs\profiles$\ERICALSR\Downloads\fc4108cc-7e1c-4267-8c55-43912d0de06f.tmp</t>
  </si>
  <si>
    <t>01/13/2020 13:23:41</t>
  </si>
  <si>
    <t>01/13/2020 13:26:28</t>
  </si>
  <si>
    <t>01/13/2020 13:23:42</t>
  </si>
  <si>
    <t>01/13/2020 13:23:43</t>
  </si>
  <si>
    <t>01/13/2020 13:23:44</t>
  </si>
  <si>
    <t>01/13/2020 13:23:45</t>
  </si>
  <si>
    <t>01/13/2020 13:23:46</t>
  </si>
  <si>
    <t>01/13/2020 13:23:47</t>
  </si>
  <si>
    <t>01/13/2020 13:23:48</t>
  </si>
  <si>
    <t>01/13/2020 13:23:49</t>
  </si>
  <si>
    <t>01/13/2020 13:23:50</t>
  </si>
  <si>
    <t>01/13/2020 13:23:51</t>
  </si>
  <si>
    <t>01/13/2020 13:23:52</t>
  </si>
  <si>
    <t>01/13/2020 13:23:53</t>
  </si>
  <si>
    <t>01/13/2020 13:23:54</t>
  </si>
  <si>
    <t>01/13/2020 13:21:32</t>
  </si>
  <si>
    <t>54996;fernandaab@algartech.com;talmaiardo@algartech.com;</t>
  </si>
  <si>
    <t>54996,fernandaab@algartech.com,talmaiardo@algartech.com</t>
  </si>
  <si>
    <t>01/13/2020 13:23:55</t>
  </si>
  <si>
    <t>01/13/2020 13:21:39</t>
  </si>
  <si>
    <t>01/13/2020 13:21:45</t>
  </si>
  <si>
    <t>01/13/2020 13:21:52</t>
  </si>
  <si>
    <t>01/13/2020 13:23:56</t>
  </si>
  <si>
    <t>01/13/2020 13:21:57</t>
  </si>
  <si>
    <t>01/13/2020 13:22:03</t>
  </si>
  <si>
    <t>01/13/2020 13:22:12</t>
  </si>
  <si>
    <t>01/13/2020 13:23:57</t>
  </si>
  <si>
    <t>01/13/2020 13:22:21</t>
  </si>
  <si>
    <t>fernandaab@algartech.com;lilianls@algartech.com;suportebv@mutantbr.com;talmaiardo@algartech.com;</t>
  </si>
  <si>
    <t>fernandaab@algartech.com,lilianls@algartech.com,suportebv@mutantbr.com,talmaiardo@algartech.com</t>
  </si>
  <si>
    <t>01/13/2020 13:23:58</t>
  </si>
  <si>
    <t>01/13/2020 13:22:22</t>
  </si>
  <si>
    <t>01/13/2020 13:22:41</t>
  </si>
  <si>
    <t>01/13/2020 13:23:59</t>
  </si>
  <si>
    <t>01/13/2020 13:22:49</t>
  </si>
  <si>
    <t>01/13/2020 13:24:00</t>
  </si>
  <si>
    <t>01/13/2020 13:22:58</t>
  </si>
  <si>
    <t>fernandaab@algartech.com;lilianls@algartech.com;suportebv@mutantbr.com;talmaiardo@algartech.com;tatiane.biassi@mutantbr.com;</t>
  </si>
  <si>
    <t>fernandaab@algartech.com,lilianls@algartech.com,suportebv@mutantbr.com,talmaiardo@algartech.com,tatiane.biassi@mutantbr.com</t>
  </si>
  <si>
    <t>01/13/2020 13:24:01</t>
  </si>
  <si>
    <t>01/13/2020 13:23:01</t>
  </si>
  <si>
    <t>01/13/2020 13:24:02</t>
  </si>
  <si>
    <t>01/13/2020 13:23:26</t>
  </si>
  <si>
    <t>54996;fernandaab@algartech.com;lilianls@algartech.com;suportebv@mutantbr.com;talmaiardo@algartech.com;tatiane.biassi@mutantbr.com;</t>
  </si>
  <si>
    <t>54996,fernandaab@algartech.com,lilianls@algartech.com,suportebv@mutantbr.com,talmaiardo@algartech.com,tatiane.biassi@mutantbr.com</t>
  </si>
  <si>
    <t>01/13/2020 13:24:03</t>
  </si>
  <si>
    <t>01/13/2020 13:23:31</t>
  </si>
  <si>
    <t>01/13/2020 13:24:04</t>
  </si>
  <si>
    <t>01/13/2020 13:24:05</t>
  </si>
  <si>
    <t>01/13/2020 13:24:06</t>
  </si>
  <si>
    <t>01/13/2020 13:24:17</t>
  </si>
  <si>
    <t>01/13/2020 13:24:07</t>
  </si>
  <si>
    <t>01/13/2020 13:24:20</t>
  </si>
  <si>
    <t>01/13/2020 13:24:35</t>
  </si>
  <si>
    <t>01/13/2020 13:24:44</t>
  </si>
  <si>
    <t>01/13/2020 13:24:08</t>
  </si>
  <si>
    <t>01/13/2020 13:25:06</t>
  </si>
  <si>
    <t>01/13/2020 13:25:19</t>
  </si>
  <si>
    <t>01/13/2020 13:25:31</t>
  </si>
  <si>
    <t>01/13/2020 13:21:24</t>
  </si>
  <si>
    <t>01/13/2020 13:26:08</t>
  </si>
  <si>
    <t>01/13/2020 13:27:28</t>
  </si>
  <si>
    <t>01/13/2020 13:22:33</t>
  </si>
  <si>
    <t>cpc-controldeskavon@algartech.com;senildapdo@algartech.com;viniciussg@algartech.com;</t>
  </si>
  <si>
    <t>20191223_PESQUISA_DE_FALHAS_CP20.xls</t>
  </si>
  <si>
    <t>cpc-controldeskavon@algartech.com,senildapdo@algartech.com,viniciussg@algartech.com</t>
  </si>
  <si>
    <t>01/13/2020 13:23:07</t>
  </si>
  <si>
    <t>01/13/2020 13:28:28</t>
  </si>
  <si>
    <t>b70b8434-9024-4dd9-901d-5fb2592d5536.tmp</t>
  </si>
  <si>
    <t>\\acsfs\profiles$\rafaelahpn\Downloads\b70b8434-9024-4dd9-901d-5fb2592d5536.tmp</t>
  </si>
  <si>
    <t>01/13/2020 13:27:04</t>
  </si>
  <si>
    <t>01/13/2020 13:29:29</t>
  </si>
  <si>
    <t>01/13/2020 13:30:28</t>
  </si>
  <si>
    <t>01/13/2020 13:27:01</t>
  </si>
  <si>
    <t>01/13/2020 13:31:29</t>
  </si>
  <si>
    <t>01/13/2020 13:27:32</t>
  </si>
  <si>
    <t>01/13/2020 13:28:02</t>
  </si>
  <si>
    <t>01/13/2020 13:26:31</t>
  </si>
  <si>
    <t>01/13/2020 13:30:30</t>
  </si>
  <si>
    <t>01/13/2020 13:32:28</t>
  </si>
  <si>
    <t>9590ba53-60d4-47b1-a6a6-bdf290a803b5.tmp</t>
  </si>
  <si>
    <t>\\acsfs\profiles$\victoriaksr\Downloads\9590ba53-60d4-47b1-a6a6-bdf290a803b5.tmp</t>
  </si>
  <si>
    <t>01/13/2020 13:30:36</t>
  </si>
  <si>
    <t>7dad6eb3-558c-4044-ae81-bcc3cfa03d0e.tmp</t>
  </si>
  <si>
    <t>\\acsfs\profiles$\victoriaksr\Downloads\7dad6eb3-558c-4044-ae81-bcc3cfa03d0e.tmp</t>
  </si>
  <si>
    <t>01/13/2020 13:29:08</t>
  </si>
  <si>
    <t>0082468e-da72-4958-af61-4f155661a138.tmp</t>
  </si>
  <si>
    <t>\\acsfs\profiles$\mariagsg\Downloads\0082468e-da72-4958-af61-4f155661a138.tmp</t>
  </si>
  <si>
    <t>01/13/2020 13:30:55</t>
  </si>
  <si>
    <t>http://beacons3.gvt2.com/domainreliability/upload</t>
  </si>
  <si>
    <t>http:///batch?%24ct=multipart%2Fmixed%3B%20boundary%3D%22%3D%3D%3D%3D%3D1e3s7uwck78x%3D%3D%3D%3D%3D%22&amp;key=AIzaSyAy9VVXHSpS2IJpptzYtGbLP3-3_l0aBk4</t>
  </si>
  <si>
    <t>http:///batch?%24ct=multipart%2Fmixed%3B%20boundary%3D%22%3D%3D%3D%3D%3Dv87kjm7t7zul%3D%3D%3D%3D%3D%22&amp;key=AIzaSyAy9VVXHSpS2IJpptzYtGbLP3-3_l0aBk4</t>
  </si>
  <si>
    <t>01/13/2020 13:31:50</t>
  </si>
  <si>
    <t>01/13/2020 13:33:28</t>
  </si>
  <si>
    <t>2edec3c7-4eac-4c9c-a05c-7a9fa3509eff.tmp</t>
  </si>
  <si>
    <t>\\acsfs\profiles$\rafaelamsv\Downloads\2edec3c7-4eac-4c9c-a05c-7a9fa3509eff.tmp</t>
  </si>
  <si>
    <t>01/13/2020 13:29:01</t>
  </si>
  <si>
    <t>60b3898d-9132-4d10-88bf-4c433081d5eb.tmp</t>
  </si>
  <si>
    <t>\\acsfs\profiles$\regisedsj\Downloads\60b3898d-9132-4d10-88bf-4c433081d5eb.tmp</t>
  </si>
  <si>
    <t>01/13/2020 13:28:33</t>
  </si>
  <si>
    <t>f2928afc-1981-47c5-a39c-00bda89a40c8.tmp</t>
  </si>
  <si>
    <t>\\acsfs\profiles$\laylaams\Downloads\f2928afc-1981-47c5-a39c-00bda89a40c8.tmp</t>
  </si>
  <si>
    <t>01/13/2020 13:34:02</t>
  </si>
  <si>
    <t>01/13/2020 13:35:28</t>
  </si>
  <si>
    <t>889a153c-891a-496e-a07c-fe24a440a3eb.tmp</t>
  </si>
  <si>
    <t>\\acsfs\profiles$\henriquehmdo\Downloads\889a153c-891a-496e-a07c-fe24a440a3eb.tmp</t>
  </si>
  <si>
    <t>01/13/2020 13:32:01</t>
  </si>
  <si>
    <t>01/13/2020 13:34:37</t>
  </si>
  <si>
    <t>01/13/2020 13:33:05</t>
  </si>
  <si>
    <t>01/13/2020 13:33:21</t>
  </si>
  <si>
    <t>01/13/2020 13:31:04</t>
  </si>
  <si>
    <t>01/13/2020 13:36:28</t>
  </si>
  <si>
    <t>01/13/2020 13:31:34</t>
  </si>
  <si>
    <t>01/13/2020 13:34:36</t>
  </si>
  <si>
    <t>01/13/2020 13:35:06</t>
  </si>
  <si>
    <t>01/13/2020 13:31:39</t>
  </si>
  <si>
    <t>01/13/2020 13:31:51</t>
  </si>
  <si>
    <t>01/13/2020 13:32:07</t>
  </si>
  <si>
    <t>01/13/2020 13:32:10</t>
  </si>
  <si>
    <t>01/13/2020 13:32:19</t>
  </si>
  <si>
    <t>01/13/2020 13:32:24</t>
  </si>
  <si>
    <t>01/13/2020 13:32:36</t>
  </si>
  <si>
    <t>01/13/2020 13:33:25</t>
  </si>
  <si>
    <t>01/13/2020 13:33:30</t>
  </si>
  <si>
    <t>01/13/2020 13:33:36</t>
  </si>
  <si>
    <t>01/13/2020 13:33:39</t>
  </si>
  <si>
    <t>01/13/2020 13:33:42</t>
  </si>
  <si>
    <t>01/13/2020 13:33:48</t>
  </si>
  <si>
    <t>01/13/2020 13:33:55</t>
  </si>
  <si>
    <t>01/13/2020 13:33:59</t>
  </si>
  <si>
    <t>01/13/2020 13:34:05</t>
  </si>
  <si>
    <t>01/13/2020 13:34:15</t>
  </si>
  <si>
    <t>01/13/2020 13:34:20</t>
  </si>
  <si>
    <t>01/13/2020 13:34:29</t>
  </si>
  <si>
    <t>01/13/2020 13:34:32</t>
  </si>
  <si>
    <t>01/13/2020 13:34:46</t>
  </si>
  <si>
    <t>01/13/2020 13:34:52</t>
  </si>
  <si>
    <t>01/13/2020 13:34:55</t>
  </si>
  <si>
    <t>01/13/2020 13:34:59</t>
  </si>
  <si>
    <t>01/13/2020 13:35:02</t>
  </si>
  <si>
    <t>01/13/2020 13:35:14</t>
  </si>
  <si>
    <t>01/13/2020 13:35:17</t>
  </si>
  <si>
    <t>01/13/2020 13:35:35</t>
  </si>
  <si>
    <t>01/13/2020 13:35:44</t>
  </si>
  <si>
    <t>01/13/2020 13:31:58</t>
  </si>
  <si>
    <t>01/13/2020 13:37:28</t>
  </si>
  <si>
    <t>9c7793f1-56e3-4704-8b2c-08f6a979f08c.tmp</t>
  </si>
  <si>
    <t>\\acsfs\profiles$\victoriaksr\Downloads\9c7793f1-56e3-4704-8b2c-08f6a979f08c.tmp</t>
  </si>
  <si>
    <t>01/13/2020 13:33:50</t>
  </si>
  <si>
    <t>01/13/2020 13:38:28</t>
  </si>
  <si>
    <t>10.200.67.59</t>
  </si>
  <si>
    <t>c668a63d-1e47-4375-b933-d7f774d5f089.tmp</t>
  </si>
  <si>
    <t>\\acsfs\profiles$\lorrainerdl\Downloads\c668a63d-1e47-4375-b933-d7f774d5f089.tmp</t>
  </si>
  <si>
    <t>01/13/2020 13:34:06</t>
  </si>
  <si>
    <t>52f1509b-6539-4b99-9b8f-781715736081.tmp</t>
  </si>
  <si>
    <t>\\acsfs\profiles$\lorrainerdl\Downloads\52f1509b-6539-4b99-9b8f-781715736081.tmp</t>
  </si>
  <si>
    <t>7cbd6e92-c591-4b60-aa05-0f732fd2d25a.tmp</t>
  </si>
  <si>
    <t>\\acsfs\profiles$\laylaams\Downloads\7cbd6e92-c591-4b60-aa05-0f732fd2d25a.tmp</t>
  </si>
  <si>
    <t>01/13/2020 13:36:30</t>
  </si>
  <si>
    <t>01/13/2020 13:39:28</t>
  </si>
  <si>
    <t>01/13/2020 13:39:17</t>
  </si>
  <si>
    <t>01/13/2020 13:40:28</t>
  </si>
  <si>
    <t>01/13/2020 13:36:53</t>
  </si>
  <si>
    <t>01/13/2020 13:37:46</t>
  </si>
  <si>
    <t>01/13/2020 13:41:28</t>
  </si>
  <si>
    <t>01/13/2020 13:38:46</t>
  </si>
  <si>
    <t>01/13/2020 13:38:47</t>
  </si>
  <si>
    <t>lu130441buzf.tmp</t>
  </si>
  <si>
    <t>\\acsfs\profiles$\CINTIADCF\lu130441buzf.tmp</t>
  </si>
  <si>
    <t>\\acsfs\profiles$\CINTIADCF\lu130441buzf.tmp\</t>
  </si>
  <si>
    <t>\\acsfs\profiles$\CINTIADCF\lu130441buzf.tmp\META-INF\</t>
  </si>
  <si>
    <t>\\acsfs\profiles$\CINTIADCF\lu130441buzf.tmp\Thumbnails\</t>
  </si>
  <si>
    <t>01/13/2020 13:39:21</t>
  </si>
  <si>
    <t>22fd7ad4-d49c-4703-9928-1f4b67d415b1.tmp</t>
  </si>
  <si>
    <t>\\acsfs\profiles$\brendadsl\Downloads\22fd7ad4-d49c-4703-9928-1f4b67d415b1.tmp</t>
  </si>
  <si>
    <t>01/13/2020 13:39:23</t>
  </si>
  <si>
    <t>66c703fd-514c-4c5e-a13a-4a31aa5389ac.tmp</t>
  </si>
  <si>
    <t>\\acsfs\profiles$\brendadsl\Downloads\66c703fd-514c-4c5e-a13a-4a31aa5389ac.tmp</t>
  </si>
  <si>
    <t>fcbdce80-2c82-4499-9a7f-f5843bac04f0.tmp</t>
  </si>
  <si>
    <t>\\acsfs\profiles$\brendadsl\Downloads\fcbdce80-2c82-4499-9a7f-f5843bac04f0.tmp</t>
  </si>
  <si>
    <t>01/13/2020 13:39:24</t>
  </si>
  <si>
    <t>0602d109-e271-468f-97fa-72a3259721fd.tmp</t>
  </si>
  <si>
    <t>\\acsfs\profiles$\brendadsl\Downloads\0602d109-e271-468f-97fa-72a3259721fd.tmp</t>
  </si>
  <si>
    <t>01/13/2020 13:39:25</t>
  </si>
  <si>
    <t>ab3bc56d-7d7a-4bbd-90e4-e10ade3f09ee.tmp</t>
  </si>
  <si>
    <t>\\acsfs\profiles$\brendadsl\Downloads\ab3bc56d-7d7a-4bbd-90e4-e10ade3f09ee.tmp</t>
  </si>
  <si>
    <t>01/13/2020 13:40:10</t>
  </si>
  <si>
    <t>01/13/2020 13:38:43</t>
  </si>
  <si>
    <t>01/13/2020 13:39:44</t>
  </si>
  <si>
    <t>f950f9a9-5af4-4cff-8069-5ed7ecc89790.tmp</t>
  </si>
  <si>
    <t>\\acsfs\profiles$\gabrielamdp\Downloads\f950f9a9-5af4-4cff-8069-5ed7ecc89790.tmp</t>
  </si>
  <si>
    <t>01/13/2020 13:39:46</t>
  </si>
  <si>
    <t>31ec663f-ac03-4584-99cd-a5d37b60f7fb.tmp</t>
  </si>
  <si>
    <t>\\acsfs\profiles$\gabrielamdp\Downloads\31ec663f-ac03-4584-99cd-a5d37b60f7fb.tmp</t>
  </si>
  <si>
    <t>01/13/2020 13:40:20</t>
  </si>
  <si>
    <t>b9e616f3-319c-47d6-83b9-a55d60a5af68.tmp</t>
  </si>
  <si>
    <t>\\acsfs\profiles$\gabrielamdp\Downloads\b9e616f3-319c-47d6-83b9-a55d60a5af68.tmp</t>
  </si>
  <si>
    <t>01/13/2020 13:40:21</t>
  </si>
  <si>
    <t>24b47cd0-ebe8-4430-8736-3c1598700b57.tmp</t>
  </si>
  <si>
    <t>\\acsfs\profiles$\gabrielamdp\Downloads\24b47cd0-ebe8-4430-8736-3c1598700b57.tmp</t>
  </si>
  <si>
    <t>01/13/2020 13:40:22</t>
  </si>
  <si>
    <t>7e879fa9-9690-4c4d-8de3-06b4c25622b0.tmp</t>
  </si>
  <si>
    <t>\\acsfs\profiles$\gabrielamdp\Downloads\7e879fa9-9690-4c4d-8de3-06b4c25622b0.tmp</t>
  </si>
  <si>
    <t>01/13/2020 13:35:58</t>
  </si>
  <si>
    <t>01/13/2020 13:37:08</t>
  </si>
  <si>
    <t>01/13/2020 13:37:25</t>
  </si>
  <si>
    <t>a0e5ad9f-7306-47a2-a23e-1f81ba4d546f.tmp</t>
  </si>
  <si>
    <t>\\acsfs\profiles$\sarahbal\Downloads\a0e5ad9f-7306-47a2-a23e-1f81ba4d546f.tmp</t>
  </si>
  <si>
    <t>01/13/2020 13:37:47</t>
  </si>
  <si>
    <t>01/13/2020 13:37:52</t>
  </si>
  <si>
    <t>01/13/2020 13:39:16</t>
  </si>
  <si>
    <t>01/13/2020 13:39:22</t>
  </si>
  <si>
    <t>01/13/2020 13:39:27</t>
  </si>
  <si>
    <t>01/13/2020 13:39:36</t>
  </si>
  <si>
    <t>01/13/2020 13:39:41</t>
  </si>
  <si>
    <t>01/13/2020 13:39:45</t>
  </si>
  <si>
    <t>01/13/2020 13:39:50</t>
  </si>
  <si>
    <t>01/13/2020 13:39:53</t>
  </si>
  <si>
    <t>01/13/2020 13:40:12</t>
  </si>
  <si>
    <t>01/13/2020 13:40:23</t>
  </si>
  <si>
    <t>01/13/2020 13:40:26</t>
  </si>
  <si>
    <t>01/13/2020 13:40:30</t>
  </si>
  <si>
    <t>01/13/2020 13:40:38</t>
  </si>
  <si>
    <t>01/13/2020 13:40:42</t>
  </si>
  <si>
    <t>01/13/2020 13:40:46</t>
  </si>
  <si>
    <t>01/13/2020 13:37:09</t>
  </si>
  <si>
    <t>01/13/2020 13:42:28</t>
  </si>
  <si>
    <t>01/13/2020 13:40:53</t>
  </si>
  <si>
    <t>01/13/2020 13:44:29</t>
  </si>
  <si>
    <t>883c368a-5c6c-4444-925e-114cb293b86d.tmp</t>
  </si>
  <si>
    <t>\\acsfs\profiles$\marcosvnds\Downloads\883c368a-5c6c-4444-925e-114cb293b86d.tmp</t>
  </si>
  <si>
    <t>01/13/2020 13:40:34</t>
  </si>
  <si>
    <t>01/13/2020 13:45:28</t>
  </si>
  <si>
    <t>RELATORIO DE LOGIN - FINANCEIRA - 11-01 - SAC.xlsm</t>
  </si>
  <si>
    <t>\\acsfs\DEPTOS\Operacao\PCP\5 - Comum\PLANEJAMENTO BV\14 - ACOMPANHAMENTO\1 - REPORT ACOMPANHAMENTO\2020\1 - JANEIRO\FINANCEIRA\Login Logout Financeira\RELATORIO DE LOGIN - FINANCEIRA - 11-01 - SAC.xlsm</t>
  </si>
  <si>
    <t>01/13/2020 13:41:26</t>
  </si>
  <si>
    <t>01/13/2020 13:42:51</t>
  </si>
  <si>
    <t>mail.google.com/sync/u/0/i/s?hl=pt-BR&amp;c=1331</t>
  </si>
  <si>
    <t>01/13/2020 13:43:08</t>
  </si>
  <si>
    <t>mail.google.com/sync/u/0/i/s?hl=pt-BR&amp;c=1333</t>
  </si>
  <si>
    <t>01/13/2020 13:43:22</t>
  </si>
  <si>
    <t>mail.google.com/_/upload?authuser=0&amp;dcp=asu-n&amp;upload_id=AEnB2UpxfI931am0JF8dw4UK3XkrhHpcWNQV9iYULe4_FvUoJBQkspdsYWF5BJghjw6RHTUbBNy-AfJC5rKw44YWzWnunRZMupMcpXZ7tusm_TZWouDmGJ4&amp;upload_protocol=resumable</t>
  </si>
  <si>
    <t>01/13/2020 13:42:03</t>
  </si>
  <si>
    <t>01/13/2020 13:46:28</t>
  </si>
  <si>
    <t>01/13/2020 13:41:35</t>
  </si>
  <si>
    <t>c44913d1-362c-4211-9a6a-0d23e2f26cef.tmp</t>
  </si>
  <si>
    <t>\\acsfs\profiles$\brendadsl\Downloads\c44913d1-362c-4211-9a6a-0d23e2f26cef.tmp</t>
  </si>
  <si>
    <t>01/13/2020 13:43:12</t>
  </si>
  <si>
    <t>01/13/2020 13:43:42</t>
  </si>
  <si>
    <t>01/13/2020 13:44:12</t>
  </si>
  <si>
    <t>01/13/2020 13:45:13</t>
  </si>
  <si>
    <t>01/13/2020 13:44:26</t>
  </si>
  <si>
    <t>3da73a15-0d6a-4c43-9e1e-cb3f5e3420bb.tmp</t>
  </si>
  <si>
    <t>\\acsfs\profiles$\ingridsm\Downloads\3da73a15-0d6a-4c43-9e1e-cb3f5e3420bb.tmp</t>
  </si>
  <si>
    <t>01/13/2020 13:41:44</t>
  </si>
  <si>
    <t>01/13/2020 13:41:54</t>
  </si>
  <si>
    <t>01/13/2020 13:41:58</t>
  </si>
  <si>
    <t>01/13/2020 13:42:47</t>
  </si>
  <si>
    <t>01/13/2020 13:43:51</t>
  </si>
  <si>
    <t>01/13/2020 13:43:53</t>
  </si>
  <si>
    <t>01/13/2020 13:43:59</t>
  </si>
  <si>
    <t>01/13/2020 13:44:08</t>
  </si>
  <si>
    <t>01/13/2020 13:44:17</t>
  </si>
  <si>
    <t>01/13/2020 13:44:20</t>
  </si>
  <si>
    <t>01/13/2020 13:44:47</t>
  </si>
  <si>
    <t>01/13/2020 13:44:54</t>
  </si>
  <si>
    <t>01/13/2020 13:45:04</t>
  </si>
  <si>
    <t>01/13/2020 13:45:09</t>
  </si>
  <si>
    <t>01/13/2020 13:45:36</t>
  </si>
  <si>
    <t>01/13/2020 13:45:41</t>
  </si>
  <si>
    <t>01/13/2020 13:45:45</t>
  </si>
  <si>
    <t>2b81609f-0685-4deb-8cb5-02532c69266f.tmp</t>
  </si>
  <si>
    <t>\\acsfs\profiles$\andrezacapf\Downloads\2b81609f-0685-4deb-8cb5-02532c69266f.tmp</t>
  </si>
  <si>
    <t>01/13/2020 13:42:10</t>
  </si>
  <si>
    <t>01/13/2020 13:47:28</t>
  </si>
  <si>
    <t>Karen Jane Santos Silva (23).contact</t>
  </si>
  <si>
    <t>\\acsfs\profiles$\KARENJSS\Contacts\Karen Jane Santos Silva (23).contact</t>
  </si>
  <si>
    <t>01/13/2020 13:42:27</t>
  </si>
  <si>
    <t>01/13/2020 13:42:29</t>
  </si>
  <si>
    <t>01/13/2020 13:42:30</t>
  </si>
  <si>
    <t>01/13/2020 13:42:31</t>
  </si>
  <si>
    <t>01/13/2020 13:42:32</t>
  </si>
  <si>
    <t>01/13/2020 13:42:33</t>
  </si>
  <si>
    <t>01/13/2020 13:42:34</t>
  </si>
  <si>
    <t>01/13/2020 13:42:54</t>
  </si>
  <si>
    <t>01/13/2020 13:42:55</t>
  </si>
  <si>
    <t>01/13/2020 13:42:56</t>
  </si>
  <si>
    <t>01/13/2020 13:42:57</t>
  </si>
  <si>
    <t>01/13/2020 13:44:44</t>
  </si>
  <si>
    <t>eff8068a-1dda-4ef6-bf47-397d4e1f82db.tmp</t>
  </si>
  <si>
    <t>\\acsfs\profiles$\KARENJSS\Downloads\eff8068a-1dda-4ef6-bf47-397d4e1f82db.tmp</t>
  </si>
  <si>
    <t>01/13/2020 13:45:46</t>
  </si>
  <si>
    <t>01/13/2020 13:44:23</t>
  </si>
  <si>
    <t>ebe02987-9656-4834-af16-3136261e8dc9.tmp</t>
  </si>
  <si>
    <t>\\acsfs\profiles$\kellzylenneasr\Downloads\ebe02987-9656-4834-af16-3136261e8dc9.tmp</t>
  </si>
  <si>
    <t>01/13/2020 13:46:41</t>
  </si>
  <si>
    <t>01/13/2020 13:48:29</t>
  </si>
  <si>
    <t>01/13/2020 13:49:28</t>
  </si>
  <si>
    <t>01/13/2020 13:44:45</t>
  </si>
  <si>
    <t>01/13/2020 13:47:31</t>
  </si>
  <si>
    <t>31053754-5797-436c-91ff-9218c9a67ac7.tmp</t>
  </si>
  <si>
    <t>\\acsfs\profiles$\gabrielsma\Downloads\31053754-5797-436c-91ff-9218c9a67ac7.tmp</t>
  </si>
  <si>
    <t>01/13/2020 13:47:35</t>
  </si>
  <si>
    <t>01/13/2020 13:48:25</t>
  </si>
  <si>
    <t>erro 2.PNG</t>
  </si>
  <si>
    <t>\\acsfs\profiles$\nayarasds\Downloads\erro 2.PNG</t>
  </si>
  <si>
    <t>5f6dccb8-110c-4131-8155-f4518e8c281b.tmp</t>
  </si>
  <si>
    <t>\\acsfs\profiles$\marcosvnds\Downloads\5f6dccb8-110c-4131-8155-f4518e8c281b.tmp</t>
  </si>
  <si>
    <t>01/13/2020 13:45:58</t>
  </si>
  <si>
    <t>01/13/2020 13:50:28</t>
  </si>
  <si>
    <t>01/13/2020 13:45:19</t>
  </si>
  <si>
    <t>2538ac84-a79e-43f1-9473-1141273dace4.tmp</t>
  </si>
  <si>
    <t>\\acsfs\profiles$\georgendsq\Downloads\2538ac84-a79e-43f1-9473-1141273dace4.tmp</t>
  </si>
  <si>
    <t>01/13/2020 13:46:24</t>
  </si>
  <si>
    <t>fac8186b-0524-44ad-a770-24f162b7582f.tmp</t>
  </si>
  <si>
    <t>\\acsfs\profiles$\georgendsq\Downloads\fac8186b-0524-44ad-a770-24f162b7582f.tmp</t>
  </si>
  <si>
    <t>01/13/2020 13:46:38</t>
  </si>
  <si>
    <t>7a1f8482-eb1c-490f-889f-01d5ad5306e8.tmp</t>
  </si>
  <si>
    <t>\\acsfs\profiles$\georgendsq\Downloads\7a1f8482-eb1c-490f-889f-01d5ad5306e8.tmp</t>
  </si>
  <si>
    <t>01/13/2020 13:46:52</t>
  </si>
  <si>
    <t>ae057dc0-2c67-4539-bb0b-43e9a96210ad.tmp</t>
  </si>
  <si>
    <t>\\acsfs\profiles$\georgendsq\Downloads\ae057dc0-2c67-4539-bb0b-43e9a96210ad.tmp</t>
  </si>
  <si>
    <t>01/13/2020 13:47:42</t>
  </si>
  <si>
    <t>93194e1a-0d49-4aaf-b17b-07a300940bca.tmp</t>
  </si>
  <si>
    <t>\\acsfs\profiles$\georgendsq\Downloads\93194e1a-0d49-4aaf-b17b-07a300940bca.tmp</t>
  </si>
  <si>
    <t>01/13/2020 13:48:43</t>
  </si>
  <si>
    <t>01/13/2020 13:48:44</t>
  </si>
  <si>
    <t>01/13/2020 13:48:45</t>
  </si>
  <si>
    <t>01/13/2020 13:48:46</t>
  </si>
  <si>
    <t>01/13/2020 13:48:47</t>
  </si>
  <si>
    <t>01/13/2020 13:48:48</t>
  </si>
  <si>
    <t>01/13/2020 13:48:49</t>
  </si>
  <si>
    <t>01/13/2020 13:48:50</t>
  </si>
  <si>
    <t>01/13/2020 13:48:51</t>
  </si>
  <si>
    <t>01/13/2020 13:48:52</t>
  </si>
  <si>
    <t>01/13/2020 13:48:35</t>
  </si>
  <si>
    <t>0dd656e5-0c97-470a-92d4-4d53e7914aff.tmp</t>
  </si>
  <si>
    <t>\\acsfs\profiles$\victorgl\Downloads\0dd656e5-0c97-470a-92d4-4d53e7914aff.tmp</t>
  </si>
  <si>
    <t>01/13/2020 13:48:37</t>
  </si>
  <si>
    <t>36c73629-de2c-4767-8025-7e6b5bb733d0.tmp</t>
  </si>
  <si>
    <t>\\acsfs\profiles$\victorgl\Downloads\36c73629-de2c-4767-8025-7e6b5bb733d0.tmp</t>
  </si>
  <si>
    <t>01/13/2020 13:48:53</t>
  </si>
  <si>
    <t>01/13/2020 13:48:54</t>
  </si>
  <si>
    <t>01/13/2020 13:48:55</t>
  </si>
  <si>
    <t>01/13/2020 13:48:56</t>
  </si>
  <si>
    <t>01/13/2020 13:48:57</t>
  </si>
  <si>
    <t>01/13/2020 13:48:58</t>
  </si>
  <si>
    <t>01/13/2020 13:48:59</t>
  </si>
  <si>
    <t>01/13/2020 13:49:00</t>
  </si>
  <si>
    <t>01/13/2020 13:49:01</t>
  </si>
  <si>
    <t>01/13/2020 13:49:02</t>
  </si>
  <si>
    <t>01/13/2020 13:49:03</t>
  </si>
  <si>
    <t>01/13/2020 13:49:04</t>
  </si>
  <si>
    <t>01/13/2020 13:49:05</t>
  </si>
  <si>
    <t>01/13/2020 13:49:06</t>
  </si>
  <si>
    <t>01/13/2020 13:45:06</t>
  </si>
  <si>
    <t>01/13/2020 13:51:29</t>
  </si>
  <si>
    <t>01/13/2020 13:47:02</t>
  </si>
  <si>
    <t>dabbbcb5-74db-40c6-8e16-8b41b785b502.tmp</t>
  </si>
  <si>
    <t>\\acsfs\profiles$\ingridsm\Downloads\dabbbcb5-74db-40c6-8e16-8b41b785b502.tmp</t>
  </si>
  <si>
    <t>01/13/2020 13:48:40</t>
  </si>
  <si>
    <t>22d20413-bb74-4c48-a05e-b5312d71b896.tmp</t>
  </si>
  <si>
    <t>\\acsfs\profiles$\ingridsm\Downloads\22d20413-bb74-4c48-a05e-b5312d71b896.tmp</t>
  </si>
  <si>
    <t>01/13/2020 13:49:53</t>
  </si>
  <si>
    <t>e6c9938a-3213-4094-bf54-def65ea94602.tmp</t>
  </si>
  <si>
    <t>\\acsfs\profiles$\ingridsm\Downloads\e6c9938a-3213-4094-bf54-def65ea94602.tmp</t>
  </si>
  <si>
    <t>01/13/2020 13:46:13</t>
  </si>
  <si>
    <t>01/13/2020 13:46:16</t>
  </si>
  <si>
    <t>01/13/2020 13:46:20</t>
  </si>
  <si>
    <t>01/13/2020 13:46:26</t>
  </si>
  <si>
    <t>01/13/2020 13:46:31</t>
  </si>
  <si>
    <t>01/13/2020 13:47:10</t>
  </si>
  <si>
    <t>01/13/2020 13:47:16</t>
  </si>
  <si>
    <t>01/13/2020 13:47:45</t>
  </si>
  <si>
    <t>361f15ed-9943-49dc-a4e5-d577c7b68b48.tmp</t>
  </si>
  <si>
    <t>\\acsfs\profiles$\andrezacapf\Downloads\361f15ed-9943-49dc-a4e5-d577c7b68b48.tmp</t>
  </si>
  <si>
    <t>01/13/2020 13:47:47</t>
  </si>
  <si>
    <t>8f803623-a514-4878-8e45-381b9b26e316.tmp</t>
  </si>
  <si>
    <t>\\acsfs\profiles$\andrezacapf\Downloads\8f803623-a514-4878-8e45-381b9b26e316.tmp</t>
  </si>
  <si>
    <t>01/13/2020 13:48:05</t>
  </si>
  <si>
    <t>ac07e000-e631-4ae5-afc4-547ad69323d9.tmp</t>
  </si>
  <si>
    <t>\\acsfs\profiles$\andrezacapf\Downloads\ac07e000-e631-4ae5-afc4-547ad69323d9.tmp</t>
  </si>
  <si>
    <t>01/13/2020 13:48:08</t>
  </si>
  <si>
    <t>d04adb31-4686-4aea-acb1-51ec18d44724.tmp</t>
  </si>
  <si>
    <t>\\acsfs\profiles$\andrezacapf\Downloads\d04adb31-4686-4aea-acb1-51ec18d44724.tmp</t>
  </si>
  <si>
    <t>01/13/2020 13:48:15</t>
  </si>
  <si>
    <t>b8f61c22-83a3-4556-a0db-35771b626411.tmp</t>
  </si>
  <si>
    <t>\\acsfs\profiles$\andrezacapf\Downloads\b8f61c22-83a3-4556-a0db-35771b626411.tmp</t>
  </si>
  <si>
    <t>a59ac0ea-0b6a-42f7-8f69-c475ad891736.tmp</t>
  </si>
  <si>
    <t>\\acsfs\profiles$\andrezacapf\Downloads\a59ac0ea-0b6a-42f7-8f69-c475ad891736.tmp</t>
  </si>
  <si>
    <t>01/13/2020 13:48:31</t>
  </si>
  <si>
    <t>01/13/2020 13:52:29</t>
  </si>
  <si>
    <t>99d0f051-fce9-4258-939c-9285614b59ae.tmp</t>
  </si>
  <si>
    <t>\\acsfs\profiles$\KARENJSS\Downloads\99d0f051-fce9-4258-939c-9285614b59ae.tmp</t>
  </si>
  <si>
    <t>b65ca4c3-6aa7-4516-abec-91508d84e6d3.tmp</t>
  </si>
  <si>
    <t>\\acsfs\profiles$\KARENJSS\Downloads\b65ca4c3-6aa7-4516-abec-91508d84e6d3.tmp</t>
  </si>
  <si>
    <t>01/13/2020 13:49:19</t>
  </si>
  <si>
    <t>2d1f8d4f-b93b-4766-8ce7-fe5807e3ce7e.tmp</t>
  </si>
  <si>
    <t>\\acsfs\profiles$\KARENJSS\Downloads\2d1f8d4f-b93b-4766-8ce7-fe5807e3ce7e.tmp</t>
  </si>
  <si>
    <t>01/13/2020 13:50:03</t>
  </si>
  <si>
    <t>01/13/2020 13:53:29</t>
  </si>
  <si>
    <t>16b5217f-cadc-43b4-807c-b88472c87c8f.tmp</t>
  </si>
  <si>
    <t>\\acsfs\profiles$\lorrainerdl\Downloads\16b5217f-cadc-43b4-807c-b88472c87c8f.tmp</t>
  </si>
  <si>
    <t>01/13/2020 13:49:48</t>
  </si>
  <si>
    <t>e0912784-5b5a-4a0e-a28a-32b184c26549.tmp</t>
  </si>
  <si>
    <t>\\acsfs\profiles$\rafaelahpn\Downloads\e0912784-5b5a-4a0e-a28a-32b184c26549.tmp</t>
  </si>
  <si>
    <t>01/13/2020 13:51:50</t>
  </si>
  <si>
    <t>01/13/2020 13:54:29</t>
  </si>
  <si>
    <t>df849064-b8a2-4359-bcac-44b73b97b4da.tmp</t>
  </si>
  <si>
    <t>\\acsfs\profiles$\nataliacsl\Downloads\df849064-b8a2-4359-bcac-44b73b97b4da.tmp</t>
  </si>
  <si>
    <t>01/13/2020 13:53:03</t>
  </si>
  <si>
    <t>da4a83d4-d500-4332-95a8-4d21a20367c0.tmp</t>
  </si>
  <si>
    <t>\\acsfs\profiles$\nataliacsl\Downloads\da4a83d4-d500-4332-95a8-4d21a20367c0.tmp</t>
  </si>
  <si>
    <t>01/13/2020 13:51:30</t>
  </si>
  <si>
    <t>01/13/2020 13:51:44</t>
  </si>
  <si>
    <t>0f2c0f4e-4f8f-4669-a6a8-46f822aeba6a.tmp</t>
  </si>
  <si>
    <t>\\acsfs\profiles$\regisadsa\Downloads\0f2c0f4e-4f8f-4669-a6a8-46f822aeba6a.tmp</t>
  </si>
  <si>
    <t>01/13/2020 13:53:09</t>
  </si>
  <si>
    <t>31c48836-73ba-4115-949a-698ad43f2160.tmp</t>
  </si>
  <si>
    <t>\\acsfs\profiles$\regisadsa\Downloads\31c48836-73ba-4115-949a-698ad43f2160.tmp</t>
  </si>
  <si>
    <t>01/13/2020 13:52:58</t>
  </si>
  <si>
    <t>01/13/2020 13:55:29</t>
  </si>
  <si>
    <t>01/13/2020 13:53:18</t>
  </si>
  <si>
    <t>01/13/2020 13:53:36</t>
  </si>
  <si>
    <t>01/13/2020 13:53:37</t>
  </si>
  <si>
    <t>01/13/2020 13:52:35</t>
  </si>
  <si>
    <t>01/13/2020 13:56:29</t>
  </si>
  <si>
    <t>01/13/2020 13:52:42</t>
  </si>
  <si>
    <t>01/13/2020 13:53:32</t>
  </si>
  <si>
    <t>01/13/2020 13:53:39</t>
  </si>
  <si>
    <t>01/13/2020 13:53:46</t>
  </si>
  <si>
    <t>01/13/2020 13:54:09</t>
  </si>
  <si>
    <t>01/13/2020 13:54:22</t>
  </si>
  <si>
    <t>01/13/2020 13:55:06</t>
  </si>
  <si>
    <t>01/13/2020 13:55:15</t>
  </si>
  <si>
    <t>01/13/2020 13:55:20</t>
  </si>
  <si>
    <t>01/13/2020 13:51:48</t>
  </si>
  <si>
    <t>01/13/2020 13:51:41</t>
  </si>
  <si>
    <t>01/13/2020 13:51:42</t>
  </si>
  <si>
    <t>01/13/2020 13:51:43</t>
  </si>
  <si>
    <t>01/13/2020 13:51:46</t>
  </si>
  <si>
    <t>01/13/2020 13:51:47</t>
  </si>
  <si>
    <t>01/13/2020 13:51:49</t>
  </si>
  <si>
    <t>01/13/2020 13:51:51</t>
  </si>
  <si>
    <t>01/13/2020 13:51:52</t>
  </si>
  <si>
    <t>01/13/2020 13:51:53</t>
  </si>
  <si>
    <t>01/13/2020 13:51:54</t>
  </si>
  <si>
    <t>01/13/2020 13:51:55</t>
  </si>
  <si>
    <t>01/13/2020 13:51:56</t>
  </si>
  <si>
    <t>01/13/2020 13:51:57</t>
  </si>
  <si>
    <t>01/13/2020 13:51:58</t>
  </si>
  <si>
    <t>01/13/2020 13:51:59</t>
  </si>
  <si>
    <t>01/13/2020 13:52:00</t>
  </si>
  <si>
    <t>01/13/2020 13:52:01</t>
  </si>
  <si>
    <t>01/13/2020 13:52:02</t>
  </si>
  <si>
    <t>01/13/2020 13:52:03</t>
  </si>
  <si>
    <t>01/13/2020 13:52:04</t>
  </si>
  <si>
    <t>01/13/2020 13:57:29</t>
  </si>
  <si>
    <t>be036c23-cb79-4cec-9c52-9cd1cc8f4bd8.tmp</t>
  </si>
  <si>
    <t>\\acsfs\profiles$\KARENJSS\Downloads\be036c23-cb79-4cec-9c52-9cd1cc8f4bd8.tmp</t>
  </si>
  <si>
    <t>01/13/2020 13:54:51</t>
  </si>
  <si>
    <t>01/13/2020 13:58:29</t>
  </si>
  <si>
    <t>01/13/2020 13:55:59</t>
  </si>
  <si>
    <t>20ee2a8b-6e95-4433-bcac-7f721a9e50d7.tmp</t>
  </si>
  <si>
    <t>\\acsfs\profiles$\regisedsj\Downloads\20ee2a8b-6e95-4433-bcac-7f721a9e50d7.tmp</t>
  </si>
  <si>
    <t>01/13/2020 13:57:14</t>
  </si>
  <si>
    <t>01/13/2020 13:59:29</t>
  </si>
  <si>
    <t>302ba352-bcad-459c-a516-5a3730b05de1.tmp</t>
  </si>
  <si>
    <t>\\acsfs\profiles$\nataliacsl\Downloads\302ba352-bcad-459c-a516-5a3730b05de1.tmp</t>
  </si>
  <si>
    <t>01/13/2020 13:57:25</t>
  </si>
  <si>
    <t>c944b530-a8bc-461a-8275-67eeb5f4f10e.tmp</t>
  </si>
  <si>
    <t>\\acsfs\profiles$\LUISPLS\Downloads\c944b530-a8bc-461a-8275-67eeb5f4f10e.tmp</t>
  </si>
  <si>
    <t>01/13/2020 13:55:04</t>
  </si>
  <si>
    <t>\\acsfs\ACS\Gabriel da Silva\Contemporânea\NPS\NPS CRBV.xlsx</t>
  </si>
  <si>
    <t>01/13/2020 13:55:28</t>
  </si>
  <si>
    <t>/o=exchangelabs/ou=exchange administrative group (fydibohf23spdlt)/cn=recipients/cn=4f1c81c2e16143f68596016ac3b45ef1-gustavo dam;/o=exchangelabs/ou=exchange administrative group (fydibohf23spdlt)/cn=recipients/cn=5af2cae509964078b2026f7f550380b0-andre luis;/o=exchangelabs/ou=exchange administrative group (fydibohf23spdlt)/cn=recipients/cn=6530aaa31df24237888421b849a2b4da-mariana cri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cf023be226744f8a9c38076dbccfd020-flavia cons;/o=exchangelabs/ou=exchange administrative group (fydibohf23spdlt)/cn=recipients/cn=db4783aa152745d2a683beb0f57fe5d4-rai c</t>
  </si>
  <si>
    <t>/o=exchangelabs/ou=exchange administrative group (fydibohf23spdlt)/cn=recipients/cn=4f1c81c2e16143f68596016ac3b45ef1-gustavo dam,/o=exchangelabs/ou=exchange administrative group (fydibohf23spdlt)/cn=recipients/cn=5af2cae509964078b2026f7f550380b0-andre luis,/o=exchangelabs/ou=exchange administrative group (fydibohf23spdlt)/cn=recipients/cn=6530aaa31df24237888421b849a2b4da-mariana cri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cf023be226744f8a9c38076dbccfd020-flavia cons,/o=exchangelabs/ou=exchange administrative group (fydibohf23spdlt)/cn=recipients/cn=db4783aa152745d2a683beb0f57fe5d4-rai c</t>
  </si>
  <si>
    <t>01/13/2020 13:57:26</t>
  </si>
  <si>
    <t>d13b1c1f-1051-459b-91c1-708a3c180724.tmp</t>
  </si>
  <si>
    <t>\\acsfs\profiles$\regisadsa\Downloads\d13b1c1f-1051-459b-91c1-708a3c180724.tmp</t>
  </si>
  <si>
    <t>01/13/2020 13:58:03</t>
  </si>
  <si>
    <t>37b40ab7-f177-4023-922f-ad6d144a4e48.tmp</t>
  </si>
  <si>
    <t>\\acsfs\profiles$\regisadsa\Downloads\37b40ab7-f177-4023-922f-ad6d144a4e48.tmp</t>
  </si>
  <si>
    <t>01/13/2020 13:59:23</t>
  </si>
  <si>
    <t>01/13/2020 13:59:24</t>
  </si>
  <si>
    <t>01/13/2020 14:00:29</t>
  </si>
  <si>
    <t>01/13/2020 13:58:46</t>
  </si>
  <si>
    <t>522556b3-0aad-4351-8c19-7eca2265d131.tmp</t>
  </si>
  <si>
    <t>\\acsfs\profiles$\georgendsq\Downloads\522556b3-0aad-4351-8c19-7eca2265d131.tmp</t>
  </si>
  <si>
    <t>01/13/2020 13:57:23</t>
  </si>
  <si>
    <t>01/13/2020 13:55:52</t>
  </si>
  <si>
    <t>01/13/2020 14:01:29</t>
  </si>
  <si>
    <t>01/13/2020 13:56:01</t>
  </si>
  <si>
    <t>01/13/2020 13:56:07</t>
  </si>
  <si>
    <t>01/13/2020 13:56:32</t>
  </si>
  <si>
    <t>01/13/2020 13:56:41</t>
  </si>
  <si>
    <t>01/13/2020 13:56:48</t>
  </si>
  <si>
    <t>01/13/2020 13:57:38</t>
  </si>
  <si>
    <t>01/13/2020 13:57:42</t>
  </si>
  <si>
    <t>01/13/2020 13:57:48</t>
  </si>
  <si>
    <t>01/13/2020 13:57:59</t>
  </si>
  <si>
    <t>01/13/2020 13:58:47</t>
  </si>
  <si>
    <t>01/13/2020 13:59:01</t>
  </si>
  <si>
    <t>01/13/2020 13:59:15</t>
  </si>
  <si>
    <t>01/13/2020 13:59:22</t>
  </si>
  <si>
    <t>01/13/2020 13:59:36</t>
  </si>
  <si>
    <t>01/13/2020 13:59:43</t>
  </si>
  <si>
    <t>01/13/2020 13:59:49</t>
  </si>
  <si>
    <t>01/13/2020 14:00:28</t>
  </si>
  <si>
    <t>01/13/2020 13:56:51</t>
  </si>
  <si>
    <t>01/13/2020 13:59:31</t>
  </si>
  <si>
    <t>13e11ab9-32f6-4863-994d-b9bf269629f2.tmp</t>
  </si>
  <si>
    <t>\\acsfs\profiles$\RAFAELRF\Downloads\13e11ab9-32f6-4863-994d-b9bf269629f2.tmp</t>
  </si>
  <si>
    <t>01/13/2020 13:56:34</t>
  </si>
  <si>
    <t>c1375a8f-8561-4346-961a-e770c942feb3.tmp</t>
  </si>
  <si>
    <t>\\acsfs\profiles$\ingridsm\Downloads\c1375a8f-8561-4346-961a-e770c942feb3.tmp</t>
  </si>
  <si>
    <t>01/13/2020 14:01:00</t>
  </si>
  <si>
    <t>01/13/2020 14:02:29</t>
  </si>
  <si>
    <t>01/13/2020 13:57:10</t>
  </si>
  <si>
    <t>C:\Users\alexsandrodmju\Documents\Documentos\Whirlpool\Ecohouse\Ativos\</t>
  </si>
  <si>
    <t>Ativos Whirlpool.csv</t>
  </si>
  <si>
    <t>01/13/2020 13:59:12</t>
  </si>
  <si>
    <t>01/13/2020 13:58:58</t>
  </si>
  <si>
    <t>"mozilla/5.0 (windows nt 6.1) applewebkit/537.36 (khtml;0];0]06;0]]]]];0]�*�ogq^�w`��;1;13;13700014;13700109;13700185;13700451;13700951;13701207;13701298;13701422;13701430;13701450;13701506;13701537;13701573;13701577;13701625;13701657;1370169;13701749;13701825;13701901;13701905;13701957;13701969;13702068;13702088;142961685;1578930052848000;1578930058554000;1578930068590;1578930857342\;1578930857476;1]]";346;5701393;[1;[4;[[13701418;[];[]]];adfn-ct7ciskssyu-68afh9xg7xv2c6f8dx_seofhsqerkx2bhpqslb3crfufkpjjmcd4mgjscrt;atuima2v-l-r4mlrttnejldjmmcmtjqqdb_eo8phe2_wqj_y1ojumr1iabvw2ppblwocree42tuodgonxc9zyjvd_xfo84rwydpsbvhcnrhj5v_llmeiev56vw6hfdoo\";false;false];flaviacno@algartech.com;fu-jjgodysoi_w";gbvŢ_x001C_���{_x001C_x�g�?`�ǻq_x001C_t��msyn���_x000E_�`�ݻqglz/e�#n�ߣɡ`��^m�/�w_x001E_y1۟?\�8;gbvŢ_x001C_���{_x001C_x�i�?`��;gbvŢ_x001C_���{_x001C_x�n�?`��;gustavodsil@algartech.com;ken=ac4w5vhljczanhxnqi1woyx0avs9x8dipw:1578930052842&amp;buildlabel=drive.web-frontend_20200101.00_p4855072\";like gecko) chrome/79.0.3945.117 safari/537.36";maristelavodq@bv.algartech.com;null;</t>
  </si>
  <si>
    <t>Desligamento Lays.zip</t>
  </si>
  <si>
    <t>https://"mozilla/5.0 (windows nt 6.1) applewebkit/537.36 (khtml,0],0]06,0]]]]],0]�*�ogq^�w`��,1,13,13700014,13700109,13700185,13700451,13700951,13701207,13701298,13701422,13701430,13701450,13701506,13701537,13701573,13701577,13701625,13701657,1370169,13701749,13701825,13701901,13701905,13701957,13701969,13702068,13702088,142961685,1578930052848000,1578930058554000,1578930068590,1578930857342\,1578930857476,1]]",346,5701393,[1,[4,[[13701418,[],[]]],adfn-ct7ciskssyu-68afh9xg7xv2c6f8dx_seofhsqerkx2bhpqslb3crfufkpjjmcd4mgjscrt,atuima2v-l-r4mlrttnejldjmmcmtjqqdb_eo8phe2_wqj_y1ojumr1iabvw2ppblwocree42tuodgonxc9zyjvd_xfo84rwydpsbvhcnrhj5v_llmeiev56vw6hfdoo\",false,false],flaviacno@algartech.com,fu-jjgodysoi_w",gbvŢ_x001C_���{_x001C_x�g�?`�ǻq_x001C_t��msyn���_x000E_�`�ݻqglz/e�#n�ߣɡ`��^m�/�w_x001E_y1۟?\�8,gbvŢ_x001C_���{_x001C_x�i�?`��,gbvŢ_x001C_���{_x001C_x�n�?`��,gustavodsil@algartech.com,ken=ac4w5vhljczanhxnqi1woyx0avs9x8dipw:1578930052842&amp;buildlabel=drive.web-frontend_20200101.00_p4855072\",like gecko) chrome/79.0.3945.117 safari/537.36",maristelavodq@bv.algartech.c</t>
  </si>
  <si>
    <t>C:\Users\raicdf\Downloads\Desligamento Lays.zip\</t>
  </si>
  <si>
    <t>Desligamento Lays.pdf</t>
  </si>
  <si>
    <t>01/13/2020 13:59:21</t>
  </si>
  <si>
    <t>https://algar.folhasinergyrh.com.br/rescisao/upload?id=0&amp;idsolicitacao=20587&amp;idprerescisao=0</t>
  </si>
  <si>
    <t>0]ll;13/01/2020;142961685;1578931268841;5;[];[]]];andrelpsa@algartech.com;atuima2v-l-r4mlrttnejldjmmcmtjqqdb_eo8phe2_wqj_y1ojumr1iabvw2ppblwocree42tuodgonxc9zyivd_xfpqawwfk-djhhoaw8xisktehnirbxymmss-bbe\";false;null;true]";</t>
  </si>
  <si>
    <t>https://0]ll,13/01/2020,142961685,1578931268841,5,[],[]]],andrelpsa@algartech.com,atuima2v-l-r4mlrttnejldjmmcmtjqqdb_eo8phe2_wqj_y1ojumr1iabvw2ppblwocree42tuodgonxc9zyivd_xfpqawwfk-djhhoaw8xisktehnirbxymmss-bbe\",false,null,true]"</t>
  </si>
  <si>
    <t>01/13/2020 14:00:02</t>
  </si>
  <si>
    <t>01/13/2020 14:00:18</t>
  </si>
  <si>
    <t>"mozilla/5.0 (windows nt 6.1) applewebkit/537.36 (khtml,0,0.272,0.306,0.312,0.332,0.341,0.365,0.371],0.385,0.525,0.534],0.554,0.561,0.616],0.62],0.653]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</t>
  </si>
  <si>
    <t>01/13/2020 14:00:19</t>
  </si>
  <si>
    <t>_x0012_�_x0016_��i�ue��pbԟ��_x0002_��tb_x0012_�_x0012_�¨�8��� �j��_x0013_��j� �_x0014_Ԍ�*!* ʈn�!*�*�q�2б'_x001A_w��Ԓ�$b;"mozilla/5.0 (windows nt 6.1) applewebkit/537.36 (khtml;1;13;13700014;13700109�;13700185;13700951;13701207;13701298;13701422;13701450;13701537;13701573;13701577;13701625;13701749;13701825;13701901;13701957;13701969;13702068;13702088;1578930052848000;1578930058554000;5701393;[[13701418;adfn-ct7ciskssyu-68afh9xg7xv2c6f8dx_seofhsqerkx2bhpqslb3crfufkpjjmcd4mgjscrt;ancestorhasaugmentedpermissions;containsunsubscribedchildren;displayname;domain;emailaddress;false];file(kind;fileid;filesize;fu-jjgodysoi_w";hasthumbnail;hasvisitorpermissions;id;id);items(deleted;ken;ken=ac4w5vhljczanhxnqi1woyx0avs9x8dipw:1578930052842&amp;buildlabel=drive.web-frontend_20200101.00_p4g_x0001_0z��f�����s��j�?�)�z�._x001F_�hk���;kind;lastmodifyinguser(kind;lastviewedbymedate;like gecko) chrome/79.0.3945.117 safari/537.36";martala@algartech.com;modifiedbymedate;modifieddate;null;ontainsunsubscribedchildren;owners(kind;per;permiss;permissionid;picture;pt-br;rpermissions;shared;shared</t>
  </si>
  <si>
    <t>_x0012_�_x0016_��i�ue��pbԟ��_x0002_��tb_x0012_�_x0012_�¨�8��� �j��_x0013_��j� �_x0014_Ԍ�*!* ʈn�!*�*�q�2б'_x001A_w��Ԓ�$b,"mozilla/5.0 (windows nt 6.1) applewebkit/537.36 (khtml,1,13,13700014,13700109�,13700185,13700951,13701207,13701298,13701422,13701450,13701537,13701573,13701577,13701625,13701749,13701825,13701901,13701957,13701969,13702068,13702088,1578930052848000,1578930058554000,5701393,[[13701418,adfn-ct7ciskssyu-68afh9xg7xv2c6f8dx_seofhsqerkx2bhpqslb3crfufkpjjmcd4mgjscrt,ancestorhasaugmentedpermissions,containsunsubscribedchildren,displayname,domain,emailaddress,false],file(kind,fileid,filesize,fu-jjgodysoi_w",hasthumbnail,hasvisitorpermissions,id,id),items(deleted,ken,ken=ac4w5vhljczanhxnqi1woyx0avs9x8dipw:1578930052842&amp;buildlabel=drive.web-frontend_20200101.00_p4g_x0001_0z��f�����s��j�?�)�z�._x001F_�hk���,kind,lastmodifyinguser(kind,lastviewedbymedate,like gecko) chrome/79.0.3945.117 safari/537.36",martala@algartech.com,modifiedbymedate,modifieddate,null,ontainsunsubscribedchildren,owners(kind,per,permiss,permissionid,picture,pt-br,rpermissions,shared,shared</t>
  </si>
  <si>
    <t>01/13/2020 14:00:51</t>
  </si>
  <si>
    <t>1578915906535000]]]p_x0006_؉p_x0006_;a5wikfioulti1ndm0mjkznjuymdeznja1nzekcwicq6c8ktlntdibmkg15qdfuepqrzomotq3mze4otg5odazef3x85w1tkmwgas=";martala@algartech.com;</t>
  </si>
  <si>
    <t>1578915906535000]]]p_x0006_؉p_x0006_,a5wikfioulti1ndm0mjkznjuymdeznja1nzekcwicq6c8ktlntdibmkg15qdfuepqrzomotq3mze4otg5odazef3x85w1tkmwgas=",martala@algartech.com</t>
  </si>
  <si>
    <t>01/13/2020 14:01:20</t>
  </si>
  <si>
    <t>01/13/2020 14:01:21</t>
  </si>
  <si>
    <t>01/13/2020 13:57:57</t>
  </si>
  <si>
    <t>01/13/2020 14:03:30</t>
  </si>
  <si>
    <t>01/13/2020 14:02:19</t>
  </si>
  <si>
    <t>01/13/2020 13:58:17</t>
  </si>
  <si>
    <t>c66348eb-581d-4432-8b3b-db9e86ce65b2.tmp</t>
  </si>
  <si>
    <t>\\acsfs\profiles$\victorgl\Downloads\c66348eb-581d-4432-8b3b-db9e86ce65b2.tmp</t>
  </si>
  <si>
    <t>e8369e30-4d9f-415c-93f0-8b216cdef64e.tmp</t>
  </si>
  <si>
    <t>\\acsfs\profiles$\victorgl\Downloads\e8369e30-4d9f-415c-93f0-8b216cdef64e.tmp</t>
  </si>
  <si>
    <t>01/13/2020 13:58:54</t>
  </si>
  <si>
    <t>dd6bd3bc-15b3-4e4d-b88e-3ea38ead4b84.tmp</t>
  </si>
  <si>
    <t>\\acsfs\profiles$\victorgl\Downloads\dd6bd3bc-15b3-4e4d-b88e-3ea38ead4b84.tmp</t>
  </si>
  <si>
    <t>01/13/2020 14:00:03</t>
  </si>
  <si>
    <t>a603c25d-2019-4cc2-be5e-d0969da1e148.tmp</t>
  </si>
  <si>
    <t>\\acsfs\profiles$\victorgl\Downloads\a603c25d-2019-4cc2-be5e-d0969da1e148.tmp</t>
  </si>
  <si>
    <t>01/13/2020 14:02:32</t>
  </si>
  <si>
    <t>01/13/2020 14:02:41</t>
  </si>
  <si>
    <t>01/13/2020 14:03:07</t>
  </si>
  <si>
    <t>01/13/2020 14:01:50</t>
  </si>
  <si>
    <t>360b87e6-a2e1-4dfc-b866-81308c25d09c.tmp</t>
  </si>
  <si>
    <t>\\acsfs\profiles$\regisedsj\Downloads\360b87e6-a2e1-4dfc-b866-81308c25d09c.tmp</t>
  </si>
  <si>
    <t>01/13/2020 14:01:22</t>
  </si>
  <si>
    <t>01/13/2020 14:04:29</t>
  </si>
  <si>
    <t>01/13/2020 14:01:49</t>
  </si>
  <si>
    <t>01/13/2020 14:01:36</t>
  </si>
  <si>
    <t>01/13/2020 14:02:01</t>
  </si>
  <si>
    <t>01/13/2020 14:05:30</t>
  </si>
  <si>
    <t>01/13/2020 13:59:25</t>
  </si>
  <si>
    <t>01/13/2020 13:59:26</t>
  </si>
  <si>
    <t>01/13/2020 13:59:27</t>
  </si>
  <si>
    <t>01/13/2020 13:59:28</t>
  </si>
  <si>
    <t>01/13/2020 13:59:30</t>
  </si>
  <si>
    <t>01/13/2020 13:59:32</t>
  </si>
  <si>
    <t>01/13/2020 13:59:33</t>
  </si>
  <si>
    <t>01/13/2020 13:59:34</t>
  </si>
  <si>
    <t>01/13/2020 13:59:35</t>
  </si>
  <si>
    <t>01/13/2020 13:59:37</t>
  </si>
  <si>
    <t>01/13/2020 13:59:38</t>
  </si>
  <si>
    <t>01/13/2020 13:59:39</t>
  </si>
  <si>
    <t>01/13/2020 13:59:40</t>
  </si>
  <si>
    <t>01/13/2020 13:59:41</t>
  </si>
  <si>
    <t>01/13/2020 13:59:42</t>
  </si>
  <si>
    <t>01/13/2020 13:59:44</t>
  </si>
  <si>
    <t>01/13/2020 13:59:45</t>
  </si>
  <si>
    <t>01/13/2020 13:59:46</t>
  </si>
  <si>
    <t>01/13/2020 13:59:47</t>
  </si>
  <si>
    <t>01/13/2020 13:59:48</t>
  </si>
  <si>
    <t>01/13/2020 14:03:37</t>
  </si>
  <si>
    <t>01/13/2020 14:03:41</t>
  </si>
  <si>
    <t>01/13/2020 14:01:03</t>
  </si>
  <si>
    <t>LAYON MARCIO OLIVEIRA FARIA (2972).contact</t>
  </si>
  <si>
    <t>\\acsfs\profiles$\layonmof\Contacts\LAYON MARCIO OLIVEIRA FARIA (2972).contact</t>
  </si>
  <si>
    <t>01/13/2020 14:01:18</t>
  </si>
  <si>
    <t>01/13/2020 14:01:19</t>
  </si>
  <si>
    <t>01/13/2020 14:01:23</t>
  </si>
  <si>
    <t>01/13/2020 14:01:24</t>
  </si>
  <si>
    <t>01/13/2020 14:01:25</t>
  </si>
  <si>
    <t>01/13/2020 14:01:26</t>
  </si>
  <si>
    <t>01/13/2020 14:01:38</t>
  </si>
  <si>
    <t>01/13/2020 14:01:39</t>
  </si>
  <si>
    <t>01/13/2020 14:03:49</t>
  </si>
  <si>
    <t>ef2a8ff8-964b-420c-83f5-d1bf39f4a499.tmp</t>
  </si>
  <si>
    <t>\\acsfs\profiles$\layonmof\Downloads\ef2a8ff8-964b-420c-83f5-d1bf39f4a499.tmp</t>
  </si>
  <si>
    <t>01/13/2020 14:00:50</t>
  </si>
  <si>
    <t>01/13/2020 14:06:29</t>
  </si>
  <si>
    <t>01/13/2020 14:00:55</t>
  </si>
  <si>
    <t>01/13/2020 14:01:02</t>
  </si>
  <si>
    <t>01/13/2020 14:01:06</t>
  </si>
  <si>
    <t>01/13/2020 14:01:13</t>
  </si>
  <si>
    <t>01/13/2020 14:01:34</t>
  </si>
  <si>
    <t>100029219261351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29219261351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4:03:47</t>
  </si>
  <si>
    <t>01/13/2020 14:03:35</t>
  </si>
  <si>
    <t>\\acsfs\Deptos\EDUCACAO EMPRESARIAL\KÉSIA\Ligações 2º ciclo - Janeiro 2020\</t>
  </si>
  <si>
    <t>DHIULLIANA NETO APARECIDO DE SOUZA_1_6777821481116175023_1_32.wav</t>
  </si>
  <si>
    <t>\\acsfs\Deptos\EDUCACAO EMPRESARIAL\KÉSIA\Ligações 2º ciclo - Janeiro 2020\DHIULLIANA NETO APARECIDO DE SOUZA_1_6777821481116175023_1_32.wav</t>
  </si>
  <si>
    <t>01/13/2020 14:06:27</t>
  </si>
  <si>
    <t>01/13/2020 14:08:29</t>
  </si>
  <si>
    <t>01/13/2020 14:06:01</t>
  </si>
  <si>
    <t>ALINE PEREIRA PORFIRIO (7014).contact</t>
  </si>
  <si>
    <t>\\acsfs\profiles$\alinepp\Contacts\ALINE PEREIRA PORFIRIO (7014).contact</t>
  </si>
  <si>
    <t>01/13/2020 14:06:24</t>
  </si>
  <si>
    <t>01/13/2020 14:06:25</t>
  </si>
  <si>
    <t>01/13/2020 14:06:26</t>
  </si>
  <si>
    <t>01/13/2020 14:06:28</t>
  </si>
  <si>
    <t>01/13/2020 14:06:30</t>
  </si>
  <si>
    <t>01/13/2020 14:06:31</t>
  </si>
  <si>
    <t>01/13/2020 14:06:32</t>
  </si>
  <si>
    <t>01/13/2020 14:06:34</t>
  </si>
  <si>
    <t>01/13/2020 14:06:35</t>
  </si>
  <si>
    <t>01/13/2020 14:06:36</t>
  </si>
  <si>
    <t>01/13/2020 14:06:37</t>
  </si>
  <si>
    <t>01/13/2020 14:06:38</t>
  </si>
  <si>
    <t>01/13/2020 14:06:39</t>
  </si>
  <si>
    <t>01/13/2020 14:06:41</t>
  </si>
  <si>
    <t>01/13/2020 14:06:42</t>
  </si>
  <si>
    <t>01/13/2020 14:07:04</t>
  </si>
  <si>
    <t>01/13/2020 14:07:05</t>
  </si>
  <si>
    <t>01/13/2020 14:07:06</t>
  </si>
  <si>
    <t>01/13/2020 14:07:07</t>
  </si>
  <si>
    <t>01/13/2020 14:07:44</t>
  </si>
  <si>
    <t>01/13/2020 14:09:29</t>
  </si>
  <si>
    <t>01/13/2020 14:08:01</t>
  </si>
  <si>
    <t>01/13/2020 14:08:40</t>
  </si>
  <si>
    <t>01/13/2020 14:06:11</t>
  </si>
  <si>
    <t>01/13/2020 14:04:45</t>
  </si>
  <si>
    <t>10.200.67.60</t>
  </si>
  <si>
    <t>ALINE PEREIRA PORFIRIO (6995).contact</t>
  </si>
  <si>
    <t>\\acsfs\profiles$\alinepp\Contacts\ALINE PEREIRA PORFIRIO (6995).contact</t>
  </si>
  <si>
    <t>01/13/2020 14:05:23</t>
  </si>
  <si>
    <t>01/13/2020 14:05:24</t>
  </si>
  <si>
    <t>01/13/2020 14:05:25</t>
  </si>
  <si>
    <t>01/13/2020 14:05:26</t>
  </si>
  <si>
    <t>01/13/2020 14:05:27</t>
  </si>
  <si>
    <t>01/13/2020 14:05:28</t>
  </si>
  <si>
    <t>01/13/2020 14:05:29</t>
  </si>
  <si>
    <t>01/13/2020 14:05:31</t>
  </si>
  <si>
    <t>01/13/2020 14:05:32</t>
  </si>
  <si>
    <t>01/13/2020 14:05:33</t>
  </si>
  <si>
    <t>01/13/2020 14:05:34</t>
  </si>
  <si>
    <t>01/13/2020 14:10:29</t>
  </si>
  <si>
    <t>01/13/2020 14:05:35</t>
  </si>
  <si>
    <t>01/13/2020 14:05:36</t>
  </si>
  <si>
    <t>01/13/2020 14:06:04</t>
  </si>
  <si>
    <t>01/13/2020 14:06:06</t>
  </si>
  <si>
    <t>01/13/2020 14:06:08</t>
  </si>
  <si>
    <t>01/13/2020 14:06:09</t>
  </si>
  <si>
    <t>01/13/2020 14:06:10</t>
  </si>
  <si>
    <t>01/13/2020 14:09:19</t>
  </si>
  <si>
    <t>13ce23f9-0579-40e1-804a-c4f8ee8ad1a4.tmp</t>
  </si>
  <si>
    <t>\\acsfs\profiles$\alinepp\Downloads\13ce23f9-0579-40e1-804a-c4f8ee8ad1a4.tmp</t>
  </si>
  <si>
    <t>01/13/2020 14:06:56</t>
  </si>
  <si>
    <t>336483ba-fc9e-4f58-b797-5844447ceb51.tmp</t>
  </si>
  <si>
    <t>\\acsfs\profiles$\layonmof\Downloads\336483ba-fc9e-4f58-b797-5844447ceb51.tmp</t>
  </si>
  <si>
    <t>01/13/2020 14:06:19</t>
  </si>
  <si>
    <t>e835e915-f54a-4905-a426-38c2207c5e0a.tmp</t>
  </si>
  <si>
    <t>\\acsfs\profiles$\layonmof\Downloads\e835e915-f54a-4905-a426-38c2207c5e0a.tmp</t>
  </si>
  <si>
    <t>01/13/2020 14:08:24</t>
  </si>
  <si>
    <t>01/13/2020 14:11:29</t>
  </si>
  <si>
    <t>6db826ac-b337-40a5-b71c-f75ce963dada.tmp</t>
  </si>
  <si>
    <t>\\acsfs\profiles$\gabrielamdp\Downloads\6db826ac-b337-40a5-b71c-f75ce963dada.tmp</t>
  </si>
  <si>
    <t>01/13/2020 14:09:22</t>
  </si>
  <si>
    <t>01/13/2020 14:11:49</t>
  </si>
  <si>
    <t>01/13/2020 14:12:29</t>
  </si>
  <si>
    <t>874171e1-dcc1-4c1a-928f-24cf8d272261.tmp</t>
  </si>
  <si>
    <t>\\acsfs\profiles$\adelvinsonle\Downloads\874171e1-dcc1-4c1a-928f-24cf8d272261.tmp</t>
  </si>
  <si>
    <t>01/13/2020 14:09:39</t>
  </si>
  <si>
    <t>01/13/2020 14:13:29</t>
  </si>
  <si>
    <t>01/13/2020 14:12:10</t>
  </si>
  <si>
    <t>ab90f665-d7d6-4939-9360-98ae4b472c1c.tmp</t>
  </si>
  <si>
    <t>\\acsfs\profiles$\rafaelamsv\Downloads\ab90f665-d7d6-4939-9360-98ae4b472c1c.tmp</t>
  </si>
  <si>
    <t>01/13/2020 14:11:34</t>
  </si>
  <si>
    <t>01/13/2020 14:14:29</t>
  </si>
  <si>
    <t>01/13/2020 14:11:36</t>
  </si>
  <si>
    <t>lu194641ypoiw.tmp</t>
  </si>
  <si>
    <t>\\acsfs\profiles$\marcellewdl\My Documents\lu194641ypoiw.tmp</t>
  </si>
  <si>
    <t>\\acsfs\profiles$\marcellewdl\My Documents\lu194641ypoiw.tmp\</t>
  </si>
  <si>
    <t>\\acsfs\profiles$\marcellewdl\My Documents\lu194641ypoiw.tmp\META-INF\</t>
  </si>
  <si>
    <t>\\acsfs\profiles$\marcellewdl\My Documents\lu194641ypoiw.tmp\Thumbnails\</t>
  </si>
  <si>
    <t>01/13/2020 14:11:44</t>
  </si>
  <si>
    <t>01/13/2020 14:11:06</t>
  </si>
  <si>
    <t>01/13/2020 14:09:08</t>
  </si>
  <si>
    <t>danieledsdv@algartech.com;laisevdc@algartech.com;</t>
  </si>
  <si>
    <t>C:\Users\renataalves\Desktop\Marketing\Pesquisa LGPD\</t>
  </si>
  <si>
    <t>danieledsdv@algartech.com,laisevdc@algartech.com</t>
  </si>
  <si>
    <t>01/13/2020 14:09:47</t>
  </si>
  <si>
    <t>01/13/2020 14:15:29</t>
  </si>
  <si>
    <t>40da4903-10a0-4caf-ad59-6065f2ac4f7e.tmp</t>
  </si>
  <si>
    <t>\\acsfs\profiles$\alinepp\Downloads\40da4903-10a0-4caf-ad59-6065f2ac4f7e.tmp</t>
  </si>
  <si>
    <t>01/13/2020 14:11:15</t>
  </si>
  <si>
    <t>101fc467-940b-4f40-b1c7-fff8304d6f53.tmp</t>
  </si>
  <si>
    <t>\\acsfs\profiles$\alinepp\Downloads\101fc467-940b-4f40-b1c7-fff8304d6f53.tmp</t>
  </si>
  <si>
    <t>01/13/2020 14:12:21</t>
  </si>
  <si>
    <t>57c72a8a-05f2-4cfa-9960-f43bfa45866c.tmp</t>
  </si>
  <si>
    <t>\\acsfs\profiles$\alinepp\Downloads\57c72a8a-05f2-4cfa-9960-f43bfa45866c.tmp</t>
  </si>
  <si>
    <t>01/13/2020 14:12:20</t>
  </si>
  <si>
    <t>68d7c884-f2eb-4635-8733-2370f20336d6.tmp</t>
  </si>
  <si>
    <t>\\acsfs\profiles$\layonmof\Downloads\68d7c884-f2eb-4635-8733-2370f20336d6.tmp</t>
  </si>
  <si>
    <t>01/13/2020 14:12:06</t>
  </si>
  <si>
    <t>01/13/2020 14:16:29</t>
  </si>
  <si>
    <t>3fd664ac-78a3-4da5-a60c-a0b36d9a60a1.tmp</t>
  </si>
  <si>
    <t>\\acsfs\profiles$\brendadsl\Downloads\3fd664ac-78a3-4da5-a60c-a0b36d9a60a1.tmp</t>
  </si>
  <si>
    <t>n;</t>
  </si>
  <si>
    <t>C:\Users\denisevca\Downloads\</t>
  </si>
  <si>
    <t>Uso Geral Tech (1).xlsx</t>
  </si>
  <si>
    <t>n</t>
  </si>
  <si>
    <t>01/13/2020 14:13:49</t>
  </si>
  <si>
    <t>01/13/2020 14:17:29</t>
  </si>
  <si>
    <t>574ec2e6-ae63-4c1c-b317-dbf123a7e1c1.tmp</t>
  </si>
  <si>
    <t>\\acsfs\profiles$\KARENJSS\Downloads\574ec2e6-ae63-4c1c-b317-dbf123a7e1c1.tmp</t>
  </si>
  <si>
    <t>01/13/2020 14:14:21</t>
  </si>
  <si>
    <t>C:\Users\rondinelesa\Downloads\</t>
  </si>
  <si>
    <t>Catálogo_de_Entregas_de_Processos v3 (2).xlsx</t>
  </si>
  <si>
    <t>01/13/2020 14:13:47</t>
  </si>
  <si>
    <t>01/13/2020 14:18:29</t>
  </si>
  <si>
    <t>01/13/2020 14:16:49</t>
  </si>
  <si>
    <t>01/13/2020 14:15:35</t>
  </si>
  <si>
    <t>Relatorio de Vendas - Auditoria BV Cartoes (Janeiro)...50 - original - Cópia.xlsx</t>
  </si>
  <si>
    <t>\\acsfs\DEPTOS\Operacao\Banco_Votorantim\Qualidade\Anderson\Jose\Atualizado\Relatorio de Vendas - Auditoria BV Cartoes (Janeiro)...50 - original - Cópia.xlsx</t>
  </si>
  <si>
    <t>01/13/2020 14:16:55</t>
  </si>
  <si>
    <t>01/13/2020 14:13:20</t>
  </si>
  <si>
    <t>c:\users\leonoraat\onedrive - grupo algar\documentos\objetivos individuais\2_sem_2019\</t>
  </si>
  <si>
    <t>objetivos_aderencia.xlsx</t>
  </si>
  <si>
    <t>01/13/2020 14:14:16</t>
  </si>
  <si>
    <t>296f8453-b9de-411e-985b-8302c5327ce9.tmp</t>
  </si>
  <si>
    <t>\\acsfs\profiles$\alinepp\Downloads\296f8453-b9de-411e-985b-8302c5327ce9.tmp</t>
  </si>
  <si>
    <t>01/13/2020 14:14:25</t>
  </si>
  <si>
    <t>b46f8006-3578-4c72-b13c-020c932c562e.tmp</t>
  </si>
  <si>
    <t>\\acsfs\profiles$\alinepp\Downloads\b46f8006-3578-4c72-b13c-020c932c562e.tmp</t>
  </si>
  <si>
    <t>e6e6baa3-8f51-4923-b464-c172e089e3b3.tmp</t>
  </si>
  <si>
    <t>\\acsfs\profiles$\alinepp\Downloads\e6e6baa3-8f51-4923-b464-c172e089e3b3.tmp</t>
  </si>
  <si>
    <t>01/13/2020 14:17:02</t>
  </si>
  <si>
    <t>c:\users\polati\downloads\</t>
  </si>
  <si>
    <t>lista nomes gratificação especial merito_2019_jan2020_v2 (1).xlsx</t>
  </si>
  <si>
    <t>01/13/2020 14:13:37</t>
  </si>
  <si>
    <t>01/13/2020 14:19:29</t>
  </si>
  <si>
    <t>\\acsfs\profiles$\marcellewdl\My Documents\$RECYCLE.BIN\</t>
  </si>
  <si>
    <t>$I97L14C.ods</t>
  </si>
  <si>
    <t>\\acsfs\profiles$\marcellewdl\My Documents\$RECYCLE.BIN\$I97L14C.ods</t>
  </si>
  <si>
    <t>01/13/2020 14:13:52</t>
  </si>
  <si>
    <t>.~lock.vendas.ods#</t>
  </si>
  <si>
    <t>\\acsfs\profiles$\marcellewdl\My Documents\.~lock.vendas.ods#</t>
  </si>
  <si>
    <t>01/13/2020 14:14:09</t>
  </si>
  <si>
    <t>$IK4ARUF.ods</t>
  </si>
  <si>
    <t>\\acsfs\profiles$\marcellewdl\My Documents\$RECYCLE.BIN\$IK4ARUF.ods</t>
  </si>
  <si>
    <t>01/13/2020 14:15:27</t>
  </si>
  <si>
    <t>GUSTAVO MOURA RODRIGUES (16).contact</t>
  </si>
  <si>
    <t>\\acsfs\profiles$\Gustavomro\Contacts\GUSTAVO MOURA RODRIGUES (16).contact</t>
  </si>
  <si>
    <t>01/13/2020 14:15:28</t>
  </si>
  <si>
    <t>01/13/2020 14:15:38</t>
  </si>
  <si>
    <t>01/13/2020 14:15:39</t>
  </si>
  <si>
    <t>01/13/2020 14:15:40</t>
  </si>
  <si>
    <t>01/13/2020 14:15:41</t>
  </si>
  <si>
    <t>01/13/2020 14:15:42</t>
  </si>
  <si>
    <t>01/13/2020 14:15:43</t>
  </si>
  <si>
    <t>01/13/2020 14:15:44</t>
  </si>
  <si>
    <t>01/13/2020 14:15:45</t>
  </si>
  <si>
    <t>01/13/2020 14:15:46</t>
  </si>
  <si>
    <t>01/13/2020 14:15:47</t>
  </si>
  <si>
    <t>01/13/2020 14:15:48</t>
  </si>
  <si>
    <t>01/13/2020 14:15:49</t>
  </si>
  <si>
    <t>01/13/2020 14:15:50</t>
  </si>
  <si>
    <t>01/13/2020 14:16:02</t>
  </si>
  <si>
    <t>\\acsfs\profiles$\GUSTAVOMRO\Favorites\Links for Brasil\</t>
  </si>
  <si>
    <t>\\acsfs\profiles$\GUSTAVOMRO\Favorites\Links for Brasil\desktop.ini</t>
  </si>
  <si>
    <t>\\acsfs\profiles$\GUSTAVOMRO\Favorites\Links for Brasil\Microsoft Brasil.url</t>
  </si>
  <si>
    <t>01/13/2020 14:16:03</t>
  </si>
  <si>
    <t>\\acsfs\profiles$\GUSTAVOMRO\Favorites\Links for Brasil\Windows Brasil.url</t>
  </si>
  <si>
    <t>\\acsfs\profiles$\GUSTAVOMRO\Favorites\Links for Brasil\MSN Brasil.url</t>
  </si>
  <si>
    <t>01/13/2020 14:16:04</t>
  </si>
  <si>
    <t>01/13/2020 14:17:01</t>
  </si>
  <si>
    <t>5be678d6-9673-4340-9b42-50768244daea.tmp</t>
  </si>
  <si>
    <t>\\acsfs\profiles$\nathaliaos\Downloads\5be678d6-9673-4340-9b42-50768244daea.tmp</t>
  </si>
  <si>
    <t>01/13/2020 14:14:38</t>
  </si>
  <si>
    <t>01/13/2020 14:20:28</t>
  </si>
  <si>
    <t>01/13/2020 14:16:39</t>
  </si>
  <si>
    <t>01/13/2020 14:16:01</t>
  </si>
  <si>
    <t>01/13/2020 14:17:24</t>
  </si>
  <si>
    <t>01/13/2020 14:17:32</t>
  </si>
  <si>
    <t>01/13/2020 14:17:33</t>
  </si>
  <si>
    <t>01/13/2020 14:17:37</t>
  </si>
  <si>
    <t>01/13/2020 14:17:42</t>
  </si>
  <si>
    <t>01/13/2020 14:17:45</t>
  </si>
  <si>
    <t>01/13/2020 14:17:47</t>
  </si>
  <si>
    <t>01/13/2020 14:17:48</t>
  </si>
  <si>
    <t>01/13/2020 14:17:50</t>
  </si>
  <si>
    <t>01/13/2020 14:17:52</t>
  </si>
  <si>
    <t>01/13/2020 14:17:55</t>
  </si>
  <si>
    <t>01/13/2020 14:17:57</t>
  </si>
  <si>
    <t>01/13/2020 14:17:59</t>
  </si>
  <si>
    <t>01/13/2020 14:18:02</t>
  </si>
  <si>
    <t>01/13/2020 14:18:03</t>
  </si>
  <si>
    <t>01/13/2020 14:18:05</t>
  </si>
  <si>
    <t>01/13/2020 14:18:08</t>
  </si>
  <si>
    <t>01/13/2020 14:18:10</t>
  </si>
  <si>
    <t>01/13/2020 14:18:11</t>
  </si>
  <si>
    <t>01/13/2020 14:18:15</t>
  </si>
  <si>
    <t>01/13/2020 14:20:29</t>
  </si>
  <si>
    <t>01/13/2020 14:18:17</t>
  </si>
  <si>
    <t>01/13/2020 14:18:19</t>
  </si>
  <si>
    <t>01/13/2020 14:18:21</t>
  </si>
  <si>
    <t>01/13/2020 14:18:24</t>
  </si>
  <si>
    <t>01/13/2020 14:18:26</t>
  </si>
  <si>
    <t>01/13/2020 14:18:31</t>
  </si>
  <si>
    <t>01/13/2020 14:18:35</t>
  </si>
  <si>
    <t>01/13/2020 14:18:37</t>
  </si>
  <si>
    <t>01/13/2020 14:18:40</t>
  </si>
  <si>
    <t>01/13/2020 14:18:43</t>
  </si>
  <si>
    <t>01/13/2020 14:18:46</t>
  </si>
  <si>
    <t>01/13/2020 14:18:48</t>
  </si>
  <si>
    <t>C:\Users\erichds\Desktop\</t>
  </si>
  <si>
    <t>01/13/2020 14:18:51</t>
  </si>
  <si>
    <t>01/13/2020 14:18:55</t>
  </si>
  <si>
    <t>01/13/2020 14:18:58</t>
  </si>
  <si>
    <t>01/13/2020 14:19:01</t>
  </si>
  <si>
    <t>01/13/2020 14:19:03</t>
  </si>
  <si>
    <t>01/13/2020 14:19:06</t>
  </si>
  <si>
    <t>01/13/2020 14:19:09</t>
  </si>
  <si>
    <t>01/13/2020 14:19:14</t>
  </si>
  <si>
    <t>01/13/2020 14:19:17</t>
  </si>
  <si>
    <t>01/13/2020 14:16:37</t>
  </si>
  <si>
    <t>01/13/2020 14:21:30</t>
  </si>
  <si>
    <t>01/13/2020 14:17:08</t>
  </si>
  <si>
    <t>01/13/2020 14:20:41</t>
  </si>
  <si>
    <t>01/13/2020 14:16:40</t>
  </si>
  <si>
    <t>LUANA ROSA DE ALMEIDA_1_6778095667533393829_1_32.wav</t>
  </si>
  <si>
    <t>\\acsfs\Deptos\EDUCACAO EMPRESARIAL\KÉSIA\Ligações 2º ciclo - Janeiro 2020\LUANA ROSA DE ALMEIDA_1_6778095667533393829_1_32.wav</t>
  </si>
  <si>
    <t>01/13/2020 14:18:57</t>
  </si>
  <si>
    <t>lu226161ybmgc.tmp</t>
  </si>
  <si>
    <t>\\acsfs\profiles$\luanarda\lu226161ybmgc.tmp</t>
  </si>
  <si>
    <t>\\acsfs\profiles$\luanarda\lu226161ybmgc.tmp\</t>
  </si>
  <si>
    <t>\\acsfs\profiles$\luanarda\lu226161ybmgc.tmp\META-INF\</t>
  </si>
  <si>
    <t>\\acsfs\profiles$\luanarda\lu226161ybmgc.tmp\Thumbnails\</t>
  </si>
  <si>
    <t>01/13/2020 14:23:29</t>
  </si>
  <si>
    <t>ac5c798f-3c59-496c-89a4-ed6b5b5591c4.tmp</t>
  </si>
  <si>
    <t>\\acsfs\profiles$\matheusmax\Downloads\ac5c798f-3c59-496c-89a4-ed6b5b5591c4.tmp</t>
  </si>
  <si>
    <t>01/13/2020 14:18:16</t>
  </si>
  <si>
    <t>b241cb62-cf7b-4513-93c4-a78616f4cec3.tmp</t>
  </si>
  <si>
    <t>\\acsfs\profiles$\matheusmax\Downloads\b241cb62-cf7b-4513-93c4-a78616f4cec3.tmp</t>
  </si>
  <si>
    <t>01/13/2020 14:21:23</t>
  </si>
  <si>
    <t>01/13/2020 14:22:34</t>
  </si>
  <si>
    <t>01/13/2020 14:24:28</t>
  </si>
  <si>
    <t>01/13/2020 14:22:35</t>
  </si>
  <si>
    <t>01/13/2020 14:22:36</t>
  </si>
  <si>
    <t>01/13/2020 14:20:21</t>
  </si>
  <si>
    <t>01/13/2020 14:21:35</t>
  </si>
  <si>
    <t>01/13/2020 14:21:39</t>
  </si>
  <si>
    <t>01/13/2020 14:21:41</t>
  </si>
  <si>
    <t>01/13/2020 14:21:43</t>
  </si>
  <si>
    <t>01/13/2020 14:21:48</t>
  </si>
  <si>
    <t>01/13/2020 14:21:51</t>
  </si>
  <si>
    <t>01/13/2020 14:21:54</t>
  </si>
  <si>
    <t>01/13/2020 14:22:02</t>
  </si>
  <si>
    <t>01/13/2020 14:22:03</t>
  </si>
  <si>
    <t>01/13/2020 14:22:12</t>
  </si>
  <si>
    <t>01/13/2020 14:22:14</t>
  </si>
  <si>
    <t>01/13/2020 14:22:16</t>
  </si>
  <si>
    <t>01/13/2020 14:22:17</t>
  </si>
  <si>
    <t>01/13/2020 14:22:19</t>
  </si>
  <si>
    <t>01/13/2020 14:22:21</t>
  </si>
  <si>
    <t>01/13/2020 14:22:22</t>
  </si>
  <si>
    <t>01/13/2020 14:22:25</t>
  </si>
  <si>
    <t>01/13/2020 14:22:27</t>
  </si>
  <si>
    <t>01/13/2020 14:22:28</t>
  </si>
  <si>
    <t>01/13/2020 14:22:30</t>
  </si>
  <si>
    <t>01/13/2020 14:22:32</t>
  </si>
  <si>
    <t>01/13/2020 14:22:37</t>
  </si>
  <si>
    <t>01/13/2020 14:22:38</t>
  </si>
  <si>
    <t>\\acsfs\profiles$\anacms\My Documents\My Music\desktop.ini</t>
  </si>
  <si>
    <t>01/13/2020 14:22:41</t>
  </si>
  <si>
    <t>01/13/2020 14:22:42</t>
  </si>
  <si>
    <t>01/13/2020 14:23:03</t>
  </si>
  <si>
    <t>01/13/2020 14:23:06</t>
  </si>
  <si>
    <t>01/13/2020 14:23:08</t>
  </si>
  <si>
    <t>\\acsfs\profiles$\anacms\Searches\</t>
  </si>
  <si>
    <t>\\acsfs\profiles$\anacms\Searches\desktop.ini</t>
  </si>
  <si>
    <t>01/13/2020 14:23:18</t>
  </si>
  <si>
    <t>01/13/2020 14:23:20</t>
  </si>
  <si>
    <t>01/13/2020 14:23:22</t>
  </si>
  <si>
    <t>01/13/2020 14:23:23</t>
  </si>
  <si>
    <t>01/13/2020 14:23:25</t>
  </si>
  <si>
    <t>\\acsfs\profiles$\anacms\Downloads\</t>
  </si>
  <si>
    <t>\\acsfs\profiles$\anacms\Downloads\desktop.ini</t>
  </si>
  <si>
    <t>01/13/2020 14:23:34</t>
  </si>
  <si>
    <t>01/13/2020 14:23:36</t>
  </si>
  <si>
    <t>\\acsfs\profiles$\anacms\Favorites\</t>
  </si>
  <si>
    <t>\\acsfs\profiles$\anacms\My Documents\desktop.ini</t>
  </si>
  <si>
    <t>01/13/2020 14:23:38</t>
  </si>
  <si>
    <t>01/13/2020 14:23:40</t>
  </si>
  <si>
    <t>01/13/2020 14:23:42</t>
  </si>
  <si>
    <t>mail.google.com/_/upload?authuser=1&amp;dcp=asu-n&amp;upload_id=AEnB2UoiTptvTpAI0A6gcVz-9F_cXBitj6HZp2iJhEd89F6ZZLAWLKqzYhWRk_acGR1mWvKd7EZeSbRGNVnnju5aBEqXyloriUeMe1XCF8XM-WyIzfNH7yU&amp;upload_protocol=resumable</t>
  </si>
  <si>
    <t>C:\_Marco Tulio\0 - Coach\2 - Qualidade\01 - Estrategico\07 - Plano Tatico\2019\02 - Speech\Reports Financeiros\Consolidado\</t>
  </si>
  <si>
    <t>Automação Qualidade Financeiro Dez.xlsx</t>
  </si>
  <si>
    <t>01/13/2020 14:20:31</t>
  </si>
  <si>
    <t>01/13/2020 14:25:29</t>
  </si>
  <si>
    <t>01/13/2020 14:21:50</t>
  </si>
  <si>
    <t>Incentivo BV - CRBV_VL1.xlsx</t>
  </si>
  <si>
    <t>\\acsfs\ACS\Gabriel da Silva\Contemporânea\Comissão e Incentivo\Incentivo BV - CRBV_VL1.xlsx</t>
  </si>
  <si>
    <t>01/13/2020 14:22:01</t>
  </si>
  <si>
    <t>01/13/2020 14:26:28</t>
  </si>
  <si>
    <t>01/13/2020 14:24:58</t>
  </si>
  <si>
    <t>10e07f6a-8d9a-4abd-932d-17ebedbe2f0e.tmp</t>
  </si>
  <si>
    <t>\\acsfs\profiles$\philipegsf\Downloads\10e07f6a-8d9a-4abd-932d-17ebedbe2f0e.tmp</t>
  </si>
  <si>
    <t>01/13/2020 14:23:24</t>
  </si>
  <si>
    <t>01/13/2020 14:28:29</t>
  </si>
  <si>
    <t>01/13/2020 14:25:31</t>
  </si>
  <si>
    <t>01/13/2020 14:24:47</t>
  </si>
  <si>
    <t>1a8ea5b7-8f51-4bdc-b80f-a0d2278070df.tmp</t>
  </si>
  <si>
    <t>\\acsfs\profiles$\alinepp\Downloads\1a8ea5b7-8f51-4bdc-b80f-a0d2278070df.tmp</t>
  </si>
  <si>
    <t>01/13/2020 14:23:56</t>
  </si>
  <si>
    <t>01/13/2020 14:29:29</t>
  </si>
  <si>
    <t>01/13/2020 14:23:58</t>
  </si>
  <si>
    <t>01/13/2020 14:24:26</t>
  </si>
  <si>
    <t>\\acsfs\profiles$\anacms\Saved Games\desktop.ini</t>
  </si>
  <si>
    <t>01/13/2020 14:25:04</t>
  </si>
  <si>
    <t>winrt--{S-1-5-21-602162358-764733703-839522115-358569}-.searchconnector-ms</t>
  </si>
  <si>
    <t>\\acsfs\profiles$\anacms\Searches\winrt--{S-1-5-21-602162358-764733703-839522115-358569}-.searchconnector-ms</t>
  </si>
  <si>
    <t>01/13/2020 14:24:52</t>
  </si>
  <si>
    <t>01/13/2020 14:24:53</t>
  </si>
  <si>
    <t>01/13/2020 14:24:54</t>
  </si>
  <si>
    <t>01/13/2020 14:24:57</t>
  </si>
  <si>
    <t>01/13/2020 14:24:59</t>
  </si>
  <si>
    <t>01/13/2020 14:25:02</t>
  </si>
  <si>
    <t>01/13/2020 14:25:17</t>
  </si>
  <si>
    <t>01/13/2020 14:25:19</t>
  </si>
  <si>
    <t>01/13/2020 14:25:20</t>
  </si>
  <si>
    <t>01/13/2020 14:25:21</t>
  </si>
  <si>
    <t>01/13/2020 14:25:24</t>
  </si>
  <si>
    <t>01/13/2020 14:25:25</t>
  </si>
  <si>
    <t>01/13/2020 14:25:26</t>
  </si>
  <si>
    <t>01/13/2020 14:25:27</t>
  </si>
  <si>
    <t>01/13/2020 14:25:28</t>
  </si>
  <si>
    <t>01/13/2020 14:25:30</t>
  </si>
  <si>
    <t>01/13/2020 14:25:33</t>
  </si>
  <si>
    <t>01/13/2020 14:25:35</t>
  </si>
  <si>
    <t>01/13/2020 14:25:36</t>
  </si>
  <si>
    <t>01/13/2020 14:25:37</t>
  </si>
  <si>
    <t>01/13/2020 14:25:38</t>
  </si>
  <si>
    <t>01/13/2020 14:25:39</t>
  </si>
  <si>
    <t>01/13/2020 14:25:41</t>
  </si>
  <si>
    <t>01/13/2020 14:25:42</t>
  </si>
  <si>
    <t>01/13/2020 14:25:43</t>
  </si>
  <si>
    <t>01/13/2020 14:25:44</t>
  </si>
  <si>
    <t>01/13/2020 14:25:45</t>
  </si>
  <si>
    <t>01/13/2020 14:25:46</t>
  </si>
  <si>
    <t>01/13/2020 14:25:48</t>
  </si>
  <si>
    <t>01/13/2020 14:25:50</t>
  </si>
  <si>
    <t>01/13/2020 14:25:51</t>
  </si>
  <si>
    <t>01/13/2020 14:25:53</t>
  </si>
  <si>
    <t>01/13/2020 14:25:54</t>
  </si>
  <si>
    <t>01/13/2020 14:25:57</t>
  </si>
  <si>
    <t>01/13/2020 14:25:58</t>
  </si>
  <si>
    <t>01/13/2020 14:26:19</t>
  </si>
  <si>
    <t>01/13/2020 14:26:26</t>
  </si>
  <si>
    <t>01/13/2020 14:28:20</t>
  </si>
  <si>
    <t>3cf40fc3-c220-4e59-adb0-4b85cd8f016a.tmp</t>
  </si>
  <si>
    <t>\\acsfs\profiles$\fabianobmf\Downloads\3cf40fc3-c220-4e59-adb0-4b85cd8f016a.tmp</t>
  </si>
  <si>
    <t>01/13/2020 14:26:20</t>
  </si>
  <si>
    <t>01/13/2020 14:30:29</t>
  </si>
  <si>
    <t>01/13/2020 14:29:08</t>
  </si>
  <si>
    <t>cbf4068d-2bf8-4890-8880-cbcdc634067b.tmp</t>
  </si>
  <si>
    <t>\\acsfs\profiles$\erichds\Downloads\cbf4068d-2bf8-4890-8880-cbcdc634067b.tmp</t>
  </si>
  <si>
    <t>01/13/2020 14:26:13</t>
  </si>
  <si>
    <t>01/13/2020 14:31:29</t>
  </si>
  <si>
    <t>71ed42b7-8c21-46f6-a6e5-1ebf9ff309fe.tmp</t>
  </si>
  <si>
    <t>\\acsfs\profiles$\philipegsf\Downloads\71ed42b7-8c21-46f6-a6e5-1ebf9ff309fe.tmp</t>
  </si>
  <si>
    <t>01/13/2020 14:28:31</t>
  </si>
  <si>
    <t>4d2355c0-177e-4e44-baf3-2c18488f13a3.tmp</t>
  </si>
  <si>
    <t>\\acsfs\profiles$\brendadsl\Downloads\4d2355c0-177e-4e44-baf3-2c18488f13a3.tmp</t>
  </si>
  <si>
    <t>01/13/2020 14:26:15</t>
  </si>
  <si>
    <t>01/13/2020 14:26:45</t>
  </si>
  <si>
    <t>01/13/2020 14:27:46</t>
  </si>
  <si>
    <t>01/13/2020 14:27:23</t>
  </si>
  <si>
    <t>01/13/2020 14:32:29</t>
  </si>
  <si>
    <t>01/13/2020 14:29:28</t>
  </si>
  <si>
    <t>01/13/2020 14:33:29</t>
  </si>
  <si>
    <t>01/13/2020 14:28:22</t>
  </si>
  <si>
    <t>d81633f9-209f-40cc-b6f7-d104f7837e2b.tmp</t>
  </si>
  <si>
    <t>\\acsfs\profiles$\matheusmax\Downloads\d81633f9-209f-40cc-b6f7-d104f7837e2b.tmp</t>
  </si>
  <si>
    <t>01/13/2020 14:30:43</t>
  </si>
  <si>
    <t>c96a0f00-0a18-4203-b05c-14a673483965.tmp</t>
  </si>
  <si>
    <t>\\acsfs\profiles$\matheusmax\Downloads\c96a0f00-0a18-4203-b05c-14a673483965.tmp</t>
  </si>
  <si>
    <t>01/13/2020 14:29:05</t>
  </si>
  <si>
    <t>01/13/2020 14:31:06</t>
  </si>
  <si>
    <t>01/13/2020 14:34:29</t>
  </si>
  <si>
    <t>01/13/2020 14:32:18</t>
  </si>
  <si>
    <t>01/13/2020 14:32:19</t>
  </si>
  <si>
    <t>01/13/2020 14:31:56</t>
  </si>
  <si>
    <t>01/13/2020 14:33:01</t>
  </si>
  <si>
    <t>7ca7cbfc-22d1-4035-80f2-b6c8789d5968.tmp</t>
  </si>
  <si>
    <t>\\acsfs\profiles$\gabrielafs\Downloads\7ca7cbfc-22d1-4035-80f2-b6c8789d5968.tmp</t>
  </si>
  <si>
    <t>01/13/2020 14:30:26</t>
  </si>
  <si>
    <t>8fc61c7e-7164-4dca-88e7-e5e2241e39be.tmp</t>
  </si>
  <si>
    <t>\\acsfs\profiles$\fabianobmf\Downloads\8fc61c7e-7164-4dca-88e7-e5e2241e39be.tmp</t>
  </si>
  <si>
    <t>01/13/2020 14:30:14</t>
  </si>
  <si>
    <t>01/13/2020 14:35:29</t>
  </si>
  <si>
    <t>ff263a69-4171-4c3f-8204-b75bbfa6fe86.tmp</t>
  </si>
  <si>
    <t>\\acsfs\profiles$\erichds\Downloads\ff263a69-4171-4c3f-8204-b75bbfa6fe86.tmp</t>
  </si>
  <si>
    <t>01/13/2020 14:33:53</t>
  </si>
  <si>
    <t>01/13/2020 14:34:33</t>
  </si>
  <si>
    <t>c223a1a7-d32b-4ac4-b76d-6fd661f14ef1.tmp</t>
  </si>
  <si>
    <t>\\acsfs\profiles$\henriqueco\Downloads\c223a1a7-d32b-4ac4-b76d-6fd661f14ef1.tmp</t>
  </si>
  <si>
    <t>30a8b967-b6a2-4f0b-996d-b3a2d8bb272f.tmp</t>
  </si>
  <si>
    <t>\\acsfs\profiles$\gabrielsma\Downloads\30a8b967-b6a2-4f0b-996d-b3a2d8bb272f.tmp</t>
  </si>
  <si>
    <t>01/13/2020 14:31:11</t>
  </si>
  <si>
    <t>01/13/2020 14:33:51</t>
  </si>
  <si>
    <t>01/13/2020 14:36:29</t>
  </si>
  <si>
    <t>01/13/2020 14:34:22</t>
  </si>
  <si>
    <t>01/13/2020 14:34:52</t>
  </si>
  <si>
    <t>01/13/2020 14:30:51</t>
  </si>
  <si>
    <t>01/13/2020 14:34:34</t>
  </si>
  <si>
    <t>PAULO VICTOR ALCANTARA DE CASTRO_1_6777735143683589385_1_32.wav</t>
  </si>
  <si>
    <t>\\acsfs\Deptos\EDUCACAO EMPRESARIAL\KÉSIA\Ligações 2º ciclo - Janeiro 2020\PAULO VICTOR ALCANTARA DE CASTRO_1_6777735143683589385_1_32.wav</t>
  </si>
  <si>
    <t>01/13/2020 14:31:30</t>
  </si>
  <si>
    <t>227393f8-a6e4-4d32-968f-f25bc8d820de.tmp</t>
  </si>
  <si>
    <t>\\acsfs\profiles$\fabianafv\Downloads\227393f8-a6e4-4d32-968f-f25bc8d820de.tmp</t>
  </si>
  <si>
    <t>01/13/2020 14:36:06</t>
  </si>
  <si>
    <t>706909e1-9b16-4c75-ba0f-4f943526190d.tmp</t>
  </si>
  <si>
    <t>\\acsfs\profiles$\fabianafv\Downloads\706909e1-9b16-4c75-ba0f-4f943526190d.tmp</t>
  </si>
  <si>
    <t>01/13/2020 14:33:28</t>
  </si>
  <si>
    <t>01/13/2020 14:38:29</t>
  </si>
  <si>
    <t>01/13/2020 14:34:07</t>
  </si>
  <si>
    <t>01/13/2020 14:39:29</t>
  </si>
  <si>
    <t>3d590920-c72c-4ab7-bef6-ffecca6d98ff.tmp</t>
  </si>
  <si>
    <t>\\acsfs\profiles$\leticiala\Downloads\3d590920-c72c-4ab7-bef6-ffecca6d98ff.tmp</t>
  </si>
  <si>
    <t>01/13/2020 14:37:09</t>
  </si>
  <si>
    <t>01/13/2020 14:38:15</t>
  </si>
  <si>
    <t>01/13/2020 14:40:30</t>
  </si>
  <si>
    <t>4e013ba1-d9c2-4111-9266-9602157aa6e8.tmp</t>
  </si>
  <si>
    <t>\\acsfs\profiles$\marcosvnds\Downloads\4e013ba1-d9c2-4111-9266-9602157aa6e8.tmp</t>
  </si>
  <si>
    <t>01/13/2020 14:35:50</t>
  </si>
  <si>
    <t>f7bf3120-9570-4c57-87aa-907c7d5d725a.tmp</t>
  </si>
  <si>
    <t>\\acsfs\profiles$\henriqueco\Downloads\f7bf3120-9570-4c57-87aa-907c7d5d725a.tmp</t>
  </si>
  <si>
    <t>01/13/2020 14:36:43</t>
  </si>
  <si>
    <t>01/13/2020 14:36:23</t>
  </si>
  <si>
    <t>01/13/2020 14:41:29</t>
  </si>
  <si>
    <t>01/13/2020 14:36:51</t>
  </si>
  <si>
    <t>d720255d-b6e3-4522-a867-8db6bbf111c2.tmp</t>
  </si>
  <si>
    <t>\\acsfs\profiles$\fabianafv\Downloads\d720255d-b6e3-4522-a867-8db6bbf111c2.tmp</t>
  </si>
  <si>
    <t>01/13/2020 14:38:26</t>
  </si>
  <si>
    <t>01/13/2020 14:42:30</t>
  </si>
  <si>
    <t>3612ab92-8042-418e-9e0f-0d07c0b648ab.tmp</t>
  </si>
  <si>
    <t>\\acsfs\profiles$\geovannasm\Downloads\3612ab92-8042-418e-9e0f-0d07c0b648ab.tmp</t>
  </si>
  <si>
    <t>1c449471-976f-4094-9e03-d804e0ade586.tmp</t>
  </si>
  <si>
    <t>\\acsfs\profiles$\geovannasm\Downloads\1c449471-976f-4094-9e03-d804e0ade586.tmp</t>
  </si>
  <si>
    <t>886290cc-4538-4dcf-8b7e-7395c654b064.tmp</t>
  </si>
  <si>
    <t>\\acsfs\profiles$\geovannasm\Downloads\886290cc-4538-4dcf-8b7e-7395c654b064.tmp</t>
  </si>
  <si>
    <t>01/13/2020 14:39:33</t>
  </si>
  <si>
    <t>e1e0e46e-482a-47a1-93b0-a47547f5079d.tmp</t>
  </si>
  <si>
    <t>\\acsfs\profiles$\geovannasm\Downloads\e1e0e46e-482a-47a1-93b0-a47547f5079d.tmp</t>
  </si>
  <si>
    <t>01/13/2020 14:40:07</t>
  </si>
  <si>
    <t>d8a9ccec-0978-4324-96bb-7e6878dc900e.tmp</t>
  </si>
  <si>
    <t>\\acsfs\profiles$\geovannasm\Downloads\d8a9ccec-0978-4324-96bb-7e6878dc900e.tmp</t>
  </si>
  <si>
    <t>01/13/2020 14:39:50</t>
  </si>
  <si>
    <t>01/13/2020 14:43:29</t>
  </si>
  <si>
    <t>1c2e23a9-0a0e-4e0c-883c-c8462a509ebc.tmp</t>
  </si>
  <si>
    <t>\\acsfs\profiles$\lorrainerdl\Downloads\1c2e23a9-0a0e-4e0c-883c-c8462a509ebc.tmp</t>
  </si>
  <si>
    <t>01/13/2020 14:40:25</t>
  </si>
  <si>
    <t>01/13/2020 14:40:37</t>
  </si>
  <si>
    <t>01/13/2020 14:41:10</t>
  </si>
  <si>
    <t>mail.google.com/_/upload?authuser=0&amp;dcp=asu-n&amp;upload_id=AEnB2UoNUxRfAxM-N6Po2D14OGnw0QUq7t6aMk07Q5nLAybwmTJ6WiFJqK_dyiLI0GjWlCVvrFXOnZ-KdnGfpqpWzHCeBa5wcKGcorluVpeBO4kI3BHuPD8&amp;upload_protocol=resumable</t>
  </si>
  <si>
    <t>Lista de Ativos.xlsx</t>
  </si>
  <si>
    <t>01/13/2020 14:42:43</t>
  </si>
  <si>
    <t>01/13/2020 14:42:29</t>
  </si>
  <si>
    <t>01/13/2020 14:44:30</t>
  </si>
  <si>
    <t>01/13/2020 14:42:31</t>
  </si>
  <si>
    <t>01/13/2020 14:42:33</t>
  </si>
  <si>
    <t>01/13/2020 14:42:45</t>
  </si>
  <si>
    <t>01/13/2020 14:43:07</t>
  </si>
  <si>
    <t>01/13/2020 14:41:42</t>
  </si>
  <si>
    <t>81122e74-a95c-4227-91db-8b2f7b74bc8c.tmp</t>
  </si>
  <si>
    <t>\\acsfs\profiles$\LUISPLS\Downloads\81122e74-a95c-4227-91db-8b2f7b74bc8c.tmp</t>
  </si>
  <si>
    <t>01/13/2020 14:43:31</t>
  </si>
  <si>
    <t>72287578-5664-435f-8945-a2529132d55b.tmp</t>
  </si>
  <si>
    <t>\\acsfs\profiles$\THYAGOSP\Downloads\72287578-5664-435f-8945-a2529132d55b.tmp</t>
  </si>
  <si>
    <t>01/13/2020 14:40:19</t>
  </si>
  <si>
    <t>01/13/2020 14:43:05</t>
  </si>
  <si>
    <t>01/13/2020 14:45:29</t>
  </si>
  <si>
    <t>01/13/2020 14:44:08</t>
  </si>
  <si>
    <t>01/13/2020 14:41:43</t>
  </si>
  <si>
    <t>af785970-efd9-49d4-8fc5-22f86621837c.tmp</t>
  </si>
  <si>
    <t>\\acsfs\profiles$\mariajra\Downloads\af785970-efd9-49d4-8fc5-22f86621837c.tmp</t>
  </si>
  <si>
    <t>01/13/2020 14:46:30</t>
  </si>
  <si>
    <t>01/13/2020 14:42:59</t>
  </si>
  <si>
    <t>01/13/2020 14:42:54</t>
  </si>
  <si>
    <t>d888d1d8-8f66-46a1-8433-5d56da880676.tmp</t>
  </si>
  <si>
    <t>\\acsfs\profiles$\gabrielamdp\Downloads\d888d1d8-8f66-46a1-8433-5d56da880676.tmp</t>
  </si>
  <si>
    <t>01/13/2020 14:43:45</t>
  </si>
  <si>
    <t>1786a0ca-81da-4a8f-bc1b-9d6742490c66.tmp</t>
  </si>
  <si>
    <t>\\acsfs\profiles$\gabrielamdp\Downloads\1786a0ca-81da-4a8f-bc1b-9d6742490c66.tmp</t>
  </si>
  <si>
    <t>01/13/2020 14:44:50</t>
  </si>
  <si>
    <t>1926c068-4ca6-4a04-8809-106024d275d4.tmp</t>
  </si>
  <si>
    <t>\\acsfs\profiles$\ingridsm\Downloads\1926c068-4ca6-4a04-8809-106024d275d4.tmp</t>
  </si>
  <si>
    <t>01/13/2020 14:43:55</t>
  </si>
  <si>
    <t>LUCAS NASCIMENTO SILVA_1_6777355464279654409_1_32.wav</t>
  </si>
  <si>
    <t>\\acsfs\Deptos\EDUCACAO EMPRESARIAL\KÉSIA\Ligações 2º ciclo - Janeiro 2020\LUCAS NASCIMENTO SILVA_1_6777355464279654409_1_32.wav</t>
  </si>
  <si>
    <t>01/13/2020 14:42:44</t>
  </si>
  <si>
    <t>01/13/2020 14:44:59</t>
  </si>
  <si>
    <t>01/13/2020 14:47:29</t>
  </si>
  <si>
    <t>01/13/2020 14:44:45</t>
  </si>
  <si>
    <t>4935e14e-9c29-4b08-a54c-c4cc92674e65.tmp</t>
  </si>
  <si>
    <t>\\acsfs\profiles$\geovannasm\Downloads\4935e14e-9c29-4b08-a54c-c4cc92674e65.tmp</t>
  </si>
  <si>
    <t>01/13/2020 14:43:43</t>
  </si>
  <si>
    <t>01/13/2020 14:47:38</t>
  </si>
  <si>
    <t>01/13/2020 14:48:30</t>
  </si>
  <si>
    <t>01/13/2020 14:45:46</t>
  </si>
  <si>
    <t>01/13/2020 14:49:29</t>
  </si>
  <si>
    <t>01/13/2020 14:44:17</t>
  </si>
  <si>
    <t>01/13/2020 14:48:44</t>
  </si>
  <si>
    <t>05615fe6-27e5-4211-99c4-042fdd9442c0.tmp</t>
  </si>
  <si>
    <t>\\acsfs\profiles$\marcelacdss\Downloads\05615fe6-27e5-4211-99c4-042fdd9442c0.tmp</t>
  </si>
  <si>
    <t>01/13/2020 14:48:48</t>
  </si>
  <si>
    <t>5b3004c7-a30e-417c-bf3f-5b67f0635d87.tmp</t>
  </si>
  <si>
    <t>\\acsfs\profiles$\marcelacdss\Downloads\5b3004c7-a30e-417c-bf3f-5b67f0635d87.tmp</t>
  </si>
  <si>
    <t>01/13/2020 14:46:24</t>
  </si>
  <si>
    <t>01/13/2020 14:50:30</t>
  </si>
  <si>
    <t>RES: RES: FILAS DE RETORNO</t>
  </si>
  <si>
    <t>FILAS RETORNO.xlsx</t>
  </si>
  <si>
    <t>01/13/2020 14:47:40</t>
  </si>
  <si>
    <t>3b91118a-68a4-4175-a943-035d9962271e.tmp</t>
  </si>
  <si>
    <t>\\acsfs\profiles$\cintiadjl\Downloads\3b91118a-68a4-4175-a943-035d9962271e.tmp</t>
  </si>
  <si>
    <t>01/13/2020 14:47:43</t>
  </si>
  <si>
    <t>177ff3fd-ff5d-45fa-a81c-06c56ddd289b.tmp</t>
  </si>
  <si>
    <t>\\acsfs\profiles$\cintiadjl\Downloads\177ff3fd-ff5d-45fa-a81c-06c56ddd289b.tmp</t>
  </si>
  <si>
    <t>01/13/2020 14:46:02</t>
  </si>
  <si>
    <t>01/13/2020 14:51:29</t>
  </si>
  <si>
    <t>01/13/2020 14:47:50</t>
  </si>
  <si>
    <t>fd36c23e-56f0-4394-850b-3545457f1641.tmp</t>
  </si>
  <si>
    <t>\\acsfs\profiles$\andrezacapf\Downloads\fd36c23e-56f0-4394-850b-3545457f1641.tmp</t>
  </si>
  <si>
    <t>01/13/2020 14:46:45</t>
  </si>
  <si>
    <t>52d6f424-7129-4b96-8274-743ff2b7bd0d.tmp</t>
  </si>
  <si>
    <t>\\acsfs\profiles$\fabianafv\Downloads\52d6f424-7129-4b96-8274-743ff2b7bd0d.tmp</t>
  </si>
  <si>
    <t>01/13/2020 14:50:19</t>
  </si>
  <si>
    <t>01/13/2020 14:52:30</t>
  </si>
  <si>
    <t>01/13/2020 14:46:49</t>
  </si>
  <si>
    <t>c:\users\robsonams\documents\</t>
  </si>
  <si>
    <t>desligamento giulliany martins guimaraes aguiar.pdf</t>
  </si>
  <si>
    <t>01/13/2020 14:48:40</t>
  </si>
  <si>
    <t>01/13/2020 14:47:07</t>
  </si>
  <si>
    <t>5d1800ad-c1ca-48d6-8575-c70c288db956.tmp</t>
  </si>
  <si>
    <t>\\acsfs\profiles$\rafaelacdoc\Downloads\5d1800ad-c1ca-48d6-8575-c70c288db956.tmp</t>
  </si>
  <si>
    <t>01/13/2020 14:48:26</t>
  </si>
  <si>
    <t>aa6beba5-53f1-4778-b222-f38dc5d32955.tmp</t>
  </si>
  <si>
    <t>\\acsfs\profiles$\rafaelacdoc\Downloads\aa6beba5-53f1-4778-b222-f38dc5d32955.tmp</t>
  </si>
  <si>
    <t>01/13/2020 14:47:15</t>
  </si>
  <si>
    <t>c395bdd9-d724-4abc-bcd9-5c9b8af61cc3.tmp</t>
  </si>
  <si>
    <t>\\acsfs\profiles$\kellzylenneasr\Downloads\c395bdd9-d724-4abc-bcd9-5c9b8af61cc3.tmp</t>
  </si>
  <si>
    <t>01/13/2020 14:52:21</t>
  </si>
  <si>
    <t>mail.google.com/mail/u/0/jserror?script=https://mail.google.com/mail/u/0/#inbox/fmfcgxwgckkdqqcqvkqrpltvmvmdlnwq&amp;error=class$obf_1013: [/sync/u/0/i/bv] me: unsupported http status: 503&amp;line=not available&amp;txz=p</t>
  </si>
  <si>
    <t>01/13/2020 14:47:56</t>
  </si>
  <si>
    <t>01/13/2020 14:53:29</t>
  </si>
  <si>
    <t>01/13/2020 14:52:53</t>
  </si>
  <si>
    <t>01/13/2020 14:54:30</t>
  </si>
  <si>
    <t>4bd1e921-9057-4075-91b2-0075384a03d7.tmp</t>
  </si>
  <si>
    <t>\\acsfs\profiles$\vivianealda\Downloads\4bd1e921-9057-4075-91b2-0075384a03d7.tmp</t>
  </si>
  <si>
    <t>01/13/2020 14:53:04</t>
  </si>
  <si>
    <t>096e1556-0363-43ce-bc9c-58668670bcec.tmp</t>
  </si>
  <si>
    <t>\\acsfs\profiles$\vivianealda\Downloads\096e1556-0363-43ce-bc9c-58668670bcec.tmp</t>
  </si>
  <si>
    <t>01/13/2020 14:52:29</t>
  </si>
  <si>
    <t>01/13/2020 14:55:29</t>
  </si>
  <si>
    <t>01/13/2020 14:51:50</t>
  </si>
  <si>
    <t>andre.komatsubara@bradesco.com.br;evertonpdsr@algartech.com.br;lorrany.bianca@bradesco.com.br;murillo.silva@bradesco.com.br;suzane.b.rodrigues@bradesco.com.br;</t>
  </si>
  <si>
    <t>RES: Inclusão Empresas na CRC AMEX e CRC Visa - 08/01 - 2</t>
  </si>
  <si>
    <t>2020. Levantamento de Inclusões e Exclusões Algar.xlsx</t>
  </si>
  <si>
    <t>andre.komatsubara@bradesco.com.br,evertonpdsr@algartech.com.br,lorrany.bianca@bradesco.com.br,murillo.silva@bradesco.com.br,suzane.b.rodrigues@bradesco.com.br</t>
  </si>
  <si>
    <t>01/13/2020 14:53:39</t>
  </si>
  <si>
    <t>01/13/2020 14:56:29</t>
  </si>
  <si>
    <t>01/13/2020 14:54:09</t>
  </si>
  <si>
    <t>01/13/2020 14:54:40</t>
  </si>
  <si>
    <t>01/13/2020 14:55:10</t>
  </si>
  <si>
    <t>01/13/2020 14:53:36</t>
  </si>
  <si>
    <t>c0e49b33-ba38-45e2-a129-0f00581a8ad5.tmp</t>
  </si>
  <si>
    <t>\\acsfs\profiles$\ingridsm\Downloads\c0e49b33-ba38-45e2-a129-0f00581a8ad5.tmp</t>
  </si>
  <si>
    <t>01/13/2020 14:55:01</t>
  </si>
  <si>
    <t>01/13/2020 14:55:06</t>
  </si>
  <si>
    <t>01/13/2020 14:55:31</t>
  </si>
  <si>
    <t>01/13/2020 14:55:35</t>
  </si>
  <si>
    <t>01/13/2020 14:51:07</t>
  </si>
  <si>
    <t>f6bfc1cb-63c7-48dc-b533-74c58473c028.tmp</t>
  </si>
  <si>
    <t>\\acsfs\profiles$\sarahbal\Downloads\f6bfc1cb-63c7-48dc-b533-74c58473c028.tmp</t>
  </si>
  <si>
    <t>01/13/2020 14:51:26</t>
  </si>
  <si>
    <t>10.200.66.125</t>
  </si>
  <si>
    <t>64-1C-67-9C-F8-6E</t>
  </si>
  <si>
    <t>VOTORANT-LB017</t>
  </si>
  <si>
    <t>yonaac</t>
  </si>
  <si>
    <t>https://udpwfmniceap02/web/guest/home?p_auth=wkcx06wn&amp;p_p_id=58&amp;p_p_lifecycle=1&amp;p_p_state=maximized&amp;p_p_mode=view&amp;savelastpath=0&amp;_58_struts_action=/login/forgot_password</t>
  </si>
  <si>
    <t>01/13/2020 14:51:38</t>
  </si>
  <si>
    <t>01/13/2020 14:54:39</t>
  </si>
  <si>
    <t>01/13/2020 14:54:54</t>
  </si>
  <si>
    <t>01/13/2020 14:55:22</t>
  </si>
  <si>
    <t>01/13/2020 14:54:22</t>
  </si>
  <si>
    <t>01/13/2020 14:55:11</t>
  </si>
  <si>
    <t>01/13/2020 14:57:29</t>
  </si>
  <si>
    <t>01/13/2020 14:52:09</t>
  </si>
  <si>
    <t>157b2dc0-3533-4398-8592-b4288b39adce.tmp</t>
  </si>
  <si>
    <t>\\acsfs\profiles$\geovannasm\Downloads\157b2dc0-3533-4398-8592-b4288b39adce.tmp</t>
  </si>
  <si>
    <t>01/13/2020 14:56:54</t>
  </si>
  <si>
    <t>01/13/2020 14:55:56</t>
  </si>
  <si>
    <t>01/13/2020 14:54:44</t>
  </si>
  <si>
    <t>01/13/2020 14:58:29</t>
  </si>
  <si>
    <t>IM (AIM)</t>
  </si>
  <si>
    <t>742&amp;i=145&amp;ai=mail:o.f382.7.1</t>
  </si>
  <si>
    <t>01/13/2020 14:58:15</t>
  </si>
  <si>
    <t>14847240-881a-4f70-bec8-e760abdc10c2.tmp</t>
  </si>
  <si>
    <t>\\acsfs\profiles$\laylaams\Downloads\14847240-881a-4f70-bec8-e760abdc10c2.tmp</t>
  </si>
  <si>
    <t>01/13/2020 14:58:42</t>
  </si>
  <si>
    <t>01/13/2020 15:00:29</t>
  </si>
  <si>
    <t>01/13/2020 14:57:42</t>
  </si>
  <si>
    <t>01/13/2020 15:01:29</t>
  </si>
  <si>
    <t>01/13/2020 14:58:43</t>
  </si>
  <si>
    <t>01/13/2020 14:59:13</t>
  </si>
  <si>
    <t>01/13/2020 14:59:05</t>
  </si>
  <si>
    <t>01/13/2020 14:57:15</t>
  </si>
  <si>
    <t>ec816973-c8a3-40ff-90a7-53608ebf79a8.tmp</t>
  </si>
  <si>
    <t>\\acsfs\profiles$\sarahbal\Downloads\ec816973-c8a3-40ff-90a7-53608ebf79a8.tmp</t>
  </si>
  <si>
    <t>01/13/2020 14:59:35</t>
  </si>
  <si>
    <t>GEOVANA ALINE SANTOS E SILVA_1_6777689320677511086_1_32.wav</t>
  </si>
  <si>
    <t>\\acsfs\Deptos\EDUCACAO EMPRESARIAL\KÉSIA\Ligações 2º ciclo - Janeiro 2020\GEOVANA ALINE SANTOS E SILVA_1_6777689320677511086_1_32.wav</t>
  </si>
  <si>
    <t>01/13/2020 14:56:14</t>
  </si>
  <si>
    <t>01/13/2020 14:56:38</t>
  </si>
  <si>
    <t>01/13/2020 14:57:35</t>
  </si>
  <si>
    <t>01/13/2020 14:57:50</t>
  </si>
  <si>
    <t>01/13/2020 14:58:06</t>
  </si>
  <si>
    <t>01/13/2020 15:02:29</t>
  </si>
  <si>
    <t>01/13/2020 15:00:07</t>
  </si>
  <si>
    <t>32be2827-7532-440a-bc74-160a3d78954d.tmp</t>
  </si>
  <si>
    <t>\\acsfs\profiles$\fernandofs\Downloads\32be2827-7532-440a-bc74-160a3d78954d.tmp</t>
  </si>
  <si>
    <t>01/13/2020 15:00:22</t>
  </si>
  <si>
    <t>fbb74bc7-c4d9-42a3-a507-2dd44d37b870.tmp</t>
  </si>
  <si>
    <t>\\acsfs\profiles$\fernandofs\Downloads\fbb74bc7-c4d9-42a3-a507-2dd44d37b870.tmp</t>
  </si>
  <si>
    <t>01/13/2020 15:00:06</t>
  </si>
  <si>
    <t>01/13/2020 15:03:29</t>
  </si>
  <si>
    <t>c:\users\walissonrs\desktop\</t>
  </si>
  <si>
    <t>maquinas itsm 1301.csv</t>
  </si>
  <si>
    <t>01/13/2020 14:57:51</t>
  </si>
  <si>
    <t>01/13/2020 14:58:40</t>
  </si>
  <si>
    <t>01/13/2020 14:58:46</t>
  </si>
  <si>
    <t>01/13/2020 15:00:56</t>
  </si>
  <si>
    <t>01/13/2020 15:04:29</t>
  </si>
  <si>
    <t>01/13/2020 15:02:44</t>
  </si>
  <si>
    <t>0a522211-52e2-4f0f-ae2b-8ed4f260e26c.tmp</t>
  </si>
  <si>
    <t>\\acsfs\profiles$\gustavoab\Downloads\0a522211-52e2-4f0f-ae2b-8ed4f260e26c.tmp</t>
  </si>
  <si>
    <t>01/13/2020 15:03:14</t>
  </si>
  <si>
    <t>355f34ba-709c-4dc3-a4b0-53f133ac676e.tmp</t>
  </si>
  <si>
    <t>\\acsfs\profiles$\gustavoab\Downloads\355f34ba-709c-4dc3-a4b0-53f133ac676e.tmp</t>
  </si>
  <si>
    <t>01/13/2020 15:03:15</t>
  </si>
  <si>
    <t>01/13/2020 15:05:29</t>
  </si>
  <si>
    <t>01/13/2020 15:02:52</t>
  </si>
  <si>
    <t>01/13/2020 15:02:53</t>
  </si>
  <si>
    <t>01/13/2020 15:06:30</t>
  </si>
  <si>
    <t>f6cd6212-860b-4da6-a499-54f47a5952b3.tmp</t>
  </si>
  <si>
    <t>\\acsfs\profiles$\brendadsl\Downloads\f6cd6212-860b-4da6-a499-54f47a5952b3.tmp</t>
  </si>
  <si>
    <t>01/13/2020 15:03:27</t>
  </si>
  <si>
    <t>01/13/2020 15:04:18</t>
  </si>
  <si>
    <t>01/13/2020 15:01:12</t>
  </si>
  <si>
    <t>01/13/2020 15:01:30</t>
  </si>
  <si>
    <t>01/13/2020 15:01:31</t>
  </si>
  <si>
    <t>01/13/2020 15:02:09</t>
  </si>
  <si>
    <t>01/13/2020 15:02:31</t>
  </si>
  <si>
    <t>01/13/2020 15:02:47</t>
  </si>
  <si>
    <t>01/13/2020 15:05:11</t>
  </si>
  <si>
    <t>01/13/2020 15:04:07</t>
  </si>
  <si>
    <t>01/13/2020 15:07:29</t>
  </si>
  <si>
    <t>01/13/2020 15:04:09</t>
  </si>
  <si>
    <t>01/13/2020 15:04:14</t>
  </si>
  <si>
    <t>01/13/2020 15:04:16</t>
  </si>
  <si>
    <t>01/13/2020 15:04:25</t>
  </si>
  <si>
    <t>01/13/2020 15:04:30</t>
  </si>
  <si>
    <t>01/13/2020 15:04:36</t>
  </si>
  <si>
    <t>01/13/2020 15:04:42</t>
  </si>
  <si>
    <t>01/13/2020 15:04:46</t>
  </si>
  <si>
    <t>01/13/2020 15:04:50</t>
  </si>
  <si>
    <t>01/13/2020 15:05:05</t>
  </si>
  <si>
    <t>XLOG_tiagosno_13012020_072135.log</t>
  </si>
  <si>
    <t>\\acsfs\profiles$\tiagosno\My Documents\xworkcenter\logs\XLOG_tiagosno_13012020_072135.log</t>
  </si>
  <si>
    <t>01/13/2020 15:03:05</t>
  </si>
  <si>
    <t>D4-AE-52-FC-98-A9</t>
  </si>
  <si>
    <t>VOTORANT-ACB009</t>
  </si>
  <si>
    <t>01/13/2020 15:08:44</t>
  </si>
  <si>
    <t>01/13/2020 15:10:29</t>
  </si>
  <si>
    <t>01/13/2020 15:09:31</t>
  </si>
  <si>
    <t>01/13/2020 15:06:37</t>
  </si>
  <si>
    <t>hugooc@algartech.com;</t>
  </si>
  <si>
    <t>ENC: Arquivo Produção</t>
  </si>
  <si>
    <t>hugooc@algartech.com</t>
  </si>
  <si>
    <t>01/13/2020 15:08:32</t>
  </si>
  <si>
    <t>outlook.office.com/owa/service.svc?action=CreateItem&amp;app=Mail&amp;n=157</t>
  </si>
  <si>
    <t>01/13/2020 15:08:39</t>
  </si>
  <si>
    <t>01/13/2020 15:08:41</t>
  </si>
  <si>
    <t>outlook.office.com/owa/service.svc?action=UpdateItem&amp;app=Mail&amp;n=163</t>
  </si>
  <si>
    <t>01/13/2020 15:05:50</t>
  </si>
  <si>
    <t>01/13/2020 15:11:30</t>
  </si>
  <si>
    <t>01/13/2020 15:08:06</t>
  </si>
  <si>
    <t>2e2326c3-522f-4c2e-b442-076b38001ccd.tmp</t>
  </si>
  <si>
    <t>\\acsfs\profiles$\gabrielamdp\Downloads\2e2326c3-522f-4c2e-b442-076b38001ccd.tmp</t>
  </si>
  <si>
    <t>01/13/2020 15:07:21</t>
  </si>
  <si>
    <t>01/13/2020 15:10:11</t>
  </si>
  <si>
    <t>01/13/2020 15:09:07</t>
  </si>
  <si>
    <t>01/13/2020 15:12:29</t>
  </si>
  <si>
    <t>01/13/2020 15:11:53</t>
  </si>
  <si>
    <t>2b347184-0785-4b13-8e81-4d6f818aace1.tmp</t>
  </si>
  <si>
    <t>\\acsfs\profiles$\adelvinsonle\Downloads\2b347184-0785-4b13-8e81-4d6f818aace1.tmp</t>
  </si>
  <si>
    <t>01/13/2020 15:08:38</t>
  </si>
  <si>
    <t>bd507672-676b-4b04-ba19-2782c47617f1.tmp</t>
  </si>
  <si>
    <t>\\acsfs\profiles$\geovannasm\Downloads\bd507672-676b-4b04-ba19-2782c47617f1.tmp</t>
  </si>
  <si>
    <t>01/13/2020 15:11:39</t>
  </si>
  <si>
    <t>01/13/2020 15:08:12</t>
  </si>
  <si>
    <t>01/13/2020 15:12:00</t>
  </si>
  <si>
    <t>01/13/2020 15:13:30</t>
  </si>
  <si>
    <t>joaonsm@algartech.com;lucasfbr@algartech.com;lucasm@algartech.com;luizfsm@algartech.com;</t>
  </si>
  <si>
    <t>Formulário Cadastro e Atualização de ICs BKP.xlsx</t>
  </si>
  <si>
    <t>joaonsm@algartech.com,lucasfbr@algartech.com,lucasm@algartech.com,luizfsm@algartech.com</t>
  </si>
  <si>
    <t>01/13/2020 15:08:52</t>
  </si>
  <si>
    <t>Relatorio de Vendas - Auditoria BV Cartoes (Janeiro)..cliente.xlsx</t>
  </si>
  <si>
    <t>\\acsfs\DEPTOS\Operacao\Banco_Votorantim\Qualidade\Anderson\Jose\Atualizado\Relatorio de Vendas - Auditoria BV Cartoes (Janeiro)..cliente.xlsx</t>
  </si>
  <si>
    <t>01/13/2020 15:11:40</t>
  </si>
  <si>
    <t>01/13/2020 15:12:50</t>
  </si>
  <si>
    <t>01/13/2020 15:14:30</t>
  </si>
  <si>
    <t>01/13/2020 15:14:32</t>
  </si>
  <si>
    <t>01/13/2020 15:15:29</t>
  </si>
  <si>
    <t>38f71b87-0b19-49c7-b57e-5e63a18ede48.tmp</t>
  </si>
  <si>
    <t>\\acsfs\profiles$\marcosvnds\Downloads\38f71b87-0b19-49c7-b57e-5e63a18ede48.tmp</t>
  </si>
  <si>
    <t>01/13/2020 15:14:29</t>
  </si>
  <si>
    <t>01/13/2020 15:14:31</t>
  </si>
  <si>
    <t>01/13/2020 15:14:41</t>
  </si>
  <si>
    <t>01/13/2020 15:14:43</t>
  </si>
  <si>
    <t>01/13/2020 15:14:57</t>
  </si>
  <si>
    <t>01/13/2020 15:15:02</t>
  </si>
  <si>
    <t>01/13/2020 15:14:54</t>
  </si>
  <si>
    <t>01/13/2020 15:16:30</t>
  </si>
  <si>
    <t>01/13/2020 15:15:45</t>
  </si>
  <si>
    <t>NATALIA CRISTINA DOS SANTOS LIMA_1_6777345246552460365_1_32.wav</t>
  </si>
  <si>
    <t>\\acsfs\Deptos\EDUCACAO EMPRESARIAL\KÉSIA\Ligações 2º ciclo - Janeiro 2020\NATALIA CRISTINA DOS SANTOS LIMA_1_6777345246552460365_1_32.wav</t>
  </si>
  <si>
    <t>01/13/2020 15:14:58</t>
  </si>
  <si>
    <t>XLOG_anacdos_13012020_065121.log</t>
  </si>
  <si>
    <t>\\acsfs\profiles$\anacdos\My Documents\xworkcenter\logs\XLOG_anacdos_13012020_065121.log</t>
  </si>
  <si>
    <t>01/13/2020 15:11:57</t>
  </si>
  <si>
    <t>01/13/2020 15:17:29</t>
  </si>
  <si>
    <t>233bc31d-8c35-4d59-b983-accd88350eb7.tmp</t>
  </si>
  <si>
    <t>\\acsfs\profiles$\adelvinsonle\Downloads\233bc31d-8c35-4d59-b983-accd88350eb7.tmp</t>
  </si>
  <si>
    <t>01/13/2020 15:13:12</t>
  </si>
  <si>
    <t>01/13/2020 15:13:36</t>
  </si>
  <si>
    <t>mail.google.com/mail/u/0/jserror?script=https://mail.google.com/mail/u/0/#inbox&amp;error=class$obf_1013: [/sync/u/0/i/bv] me: unsupported http status: 503&amp;line=not available&amp;txz=p</t>
  </si>
  <si>
    <t>01/13/2020 15:13:41</t>
  </si>
  <si>
    <t>01/13/2020 15:18:30</t>
  </si>
  <si>
    <t>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</t>
  </si>
  <si>
    <t>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</t>
  </si>
  <si>
    <t>01/13/2020 15:15:41</t>
  </si>
  <si>
    <t>01/13/2020 15:16:41</t>
  </si>
  <si>
    <t>01/13/2020 15:17:24</t>
  </si>
  <si>
    <t>01/13/2020 15:17:54</t>
  </si>
  <si>
    <t>01/13/2020 15:17:22</t>
  </si>
  <si>
    <t>01/13/2020 15:19:30</t>
  </si>
  <si>
    <t>a821dcf9-798d-470d-95fb-ba844bf98b5e.tmp</t>
  </si>
  <si>
    <t>\\acsfs\profiles$\larissaad\Downloads\a821dcf9-798d-470d-95fb-ba844bf98b5e.tmp</t>
  </si>
  <si>
    <t>01/13/2020 15:15:30</t>
  </si>
  <si>
    <t>e9561927-d4d8-4955-ac28-2b97bac07388.tmp</t>
  </si>
  <si>
    <t>\\acsfs\profiles$\LAISLG\Downloads\e9561927-d4d8-4955-ac28-2b97bac07388.tmp</t>
  </si>
  <si>
    <t>01/13/2020 15:17:23</t>
  </si>
  <si>
    <t>01/13/2020 15:18:10</t>
  </si>
  <si>
    <t>fea36c5c-d89a-4c84-b84d-de62861fb7d1.tmp</t>
  </si>
  <si>
    <t>\\acsfs\profiles$\rosileiam\Downloads\fea36c5c-d89a-4c84-b84d-de62861fb7d1.tmp</t>
  </si>
  <si>
    <t>01/13/2020 15:18:44</t>
  </si>
  <si>
    <t>01/13/2020 15:20:30</t>
  </si>
  <si>
    <t>dce8714c-d274-4d54-af25-d5df326cd251.tmp</t>
  </si>
  <si>
    <t>\\acsfs\profiles$\erichds\Downloads\dce8714c-d274-4d54-af25-d5df326cd251.tmp</t>
  </si>
  <si>
    <t>01/13/2020 15:16:57</t>
  </si>
  <si>
    <t>8196cb02-97f1-46be-a668-f2f60eadb1b0.tmp</t>
  </si>
  <si>
    <t>\\acsfs\profiles$\laurandos\Downloads\8196cb02-97f1-46be-a668-f2f60eadb1b0.tmp</t>
  </si>
  <si>
    <t>01/13/2020 15:16:59</t>
  </si>
  <si>
    <t>d02d6488-e8be-4f27-aaaa-7e3c11596462.tmp</t>
  </si>
  <si>
    <t>\\acsfs\profiles$\laurandos\Downloads\d02d6488-e8be-4f27-aaaa-7e3c11596462.tmp</t>
  </si>
  <si>
    <t>01/13/2020 15:18:22</t>
  </si>
  <si>
    <t>01/13/2020 15:16:14</t>
  </si>
  <si>
    <t>XLOG_gleycekos_13012020_070314.log</t>
  </si>
  <si>
    <t>\\acsfs\profiles$\gleycekos\My Documents\xworkcenter\logs\XLOG_gleycekos_13012020_070314.log</t>
  </si>
  <si>
    <t>01/13/2020 15:15:25</t>
  </si>
  <si>
    <t>01/13/2020 15:15:42</t>
  </si>
  <si>
    <t>01/13/2020 15:15:49</t>
  </si>
  <si>
    <t>01/13/2020 15:15:50</t>
  </si>
  <si>
    <t>01/13/2020 15:15:54</t>
  </si>
  <si>
    <t>01/13/2020 15:16:28</t>
  </si>
  <si>
    <t>01/13/2020 15:16:29</t>
  </si>
  <si>
    <t>01/13/2020 15:16:37</t>
  </si>
  <si>
    <t>01/13/2020 15:16:45</t>
  </si>
  <si>
    <t>01/13/2020 15:16:52</t>
  </si>
  <si>
    <t>01/13/2020 15:17:27</t>
  </si>
  <si>
    <t>01/13/2020 15:17:28</t>
  </si>
  <si>
    <t>01/13/2020 15:17:30</t>
  </si>
  <si>
    <t>01/13/2020 15:17:39</t>
  </si>
  <si>
    <t>01/13/2020 15:17:55</t>
  </si>
  <si>
    <t>01/13/2020 15:18:13</t>
  </si>
  <si>
    <t>01/13/2020 15:18:50</t>
  </si>
  <si>
    <t>01/13/2020 15:19:05</t>
  </si>
  <si>
    <t>01/13/2020 15:19:16</t>
  </si>
  <si>
    <t>01/13/2020 15:19:26</t>
  </si>
  <si>
    <t>01/13/2020 15:18:27</t>
  </si>
  <si>
    <t>01/13/2020 15:20:03</t>
  </si>
  <si>
    <t>01/13/2020 15:22:29</t>
  </si>
  <si>
    <t>b5efcc5f-1ef6-459b-afb8-4e163c4a9e63.tmp</t>
  </si>
  <si>
    <t>\\acsfs\profiles$\victoriaksr\Downloads\b5efcc5f-1ef6-459b-afb8-4e163c4a9e63.tmp</t>
  </si>
  <si>
    <t>01/13/2020 15:18:47</t>
  </si>
  <si>
    <t>email.txt</t>
  </si>
  <si>
    <t>\\acsfs\Deptos\Operacao\Banco_Votorantim\Supervisao\email.txt</t>
  </si>
  <si>
    <t>b519c6e9-99e4-4e11-9b9b-5134b3008233.tmp</t>
  </si>
  <si>
    <t>\\acsfs\profiles$\lucasgpe\Downloads\b519c6e9-99e4-4e11-9b9b-5134b3008233.tmp</t>
  </si>
  <si>
    <t>01/13/2020 15:19:04</t>
  </si>
  <si>
    <t>e758a8da-9e55-4718-a6a1-66e2bf147ede.tmp</t>
  </si>
  <si>
    <t>\\acsfs\profiles$\adelvinsonle\Downloads\e758a8da-9e55-4718-a6a1-66e2bf147ede.tmp</t>
  </si>
  <si>
    <t>01/13/2020 15:19:38</t>
  </si>
  <si>
    <t>01/13/2020 15:23:29</t>
  </si>
  <si>
    <t>01/13/2020 15:20:41</t>
  </si>
  <si>
    <t>01/13/2020 15:19:08</t>
  </si>
  <si>
    <t>01/13/2020 15:18:09</t>
  </si>
  <si>
    <t>Relatorio de Vendas - Auditoria BV Cartoes (Janeiro)..supervisor.xlsx</t>
  </si>
  <si>
    <t>\\acsfs\DEPTOS\Operacao\Banco_Votorantim\Qualidade\Anderson\Jose\Atualizado\Relatorio de Vendas - Auditoria BV Cartoes (Janeiro)..supervisor.xlsx</t>
  </si>
  <si>
    <t>01/13/2020 15:19:46</t>
  </si>
  <si>
    <t>01/13/2020 15:22:10</t>
  </si>
  <si>
    <t>56a712a9-18c5-45cf-a55b-00f0ce6b03be.tmp</t>
  </si>
  <si>
    <t>\\acsfs\profiles$\regisedsj\Downloads\56a712a9-18c5-45cf-a55b-00f0ce6b03be.tmp</t>
  </si>
  <si>
    <t>01/13/2020 15:23:34</t>
  </si>
  <si>
    <t>01/13/2020 15:24:30</t>
  </si>
  <si>
    <t>01/13/2020 15:23:35</t>
  </si>
  <si>
    <t>01/13/2020 15:19:03</t>
  </si>
  <si>
    <t>01/13/2020 15:19:31</t>
  </si>
  <si>
    <t>01/13/2020 15:19:41</t>
  </si>
  <si>
    <t>214cf64f-e082-4b17-9aba-a14a05043a96.tmp</t>
  </si>
  <si>
    <t>\\acsfs\profiles$\rosileiam\Downloads\214cf64f-e082-4b17-9aba-a14a05043a96.tmp</t>
  </si>
  <si>
    <t>01/13/2020 15:24:13</t>
  </si>
  <si>
    <t>01/13/2020 15:25:29</t>
  </si>
  <si>
    <t>111ce3ce-be2a-44c2-b8cb-a1286bff802d.tmp</t>
  </si>
  <si>
    <t>\\acsfs\profiles$\cintiadjl\Downloads\111ce3ce-be2a-44c2-b8cb-a1286bff802d.tmp</t>
  </si>
  <si>
    <t>01/13/2020 15:23:26</t>
  </si>
  <si>
    <t>717b3dd7-2ea8-48ca-91fa-33c50d6eaeb7.tmp</t>
  </si>
  <si>
    <t>\\acsfs\profiles$\nycolleemdj\Downloads\717b3dd7-2ea8-48ca-91fa-33c50d6eaeb7.tmp</t>
  </si>
  <si>
    <t>01/13/2020 15:24:47</t>
  </si>
  <si>
    <t>17c75b94-57b9-4ad6-8791-8b7582985262.tmp</t>
  </si>
  <si>
    <t>\\acsfs\profiles$\nycolleemdj\Downloads\17c75b94-57b9-4ad6-8791-8b7582985262.tmp</t>
  </si>
  <si>
    <t>01/13/2020 15:22:21</t>
  </si>
  <si>
    <t>Relação de Clientes Estratégicos - com consultores v5.xlsx</t>
  </si>
  <si>
    <t>01/13/2020 15:23:30</t>
  </si>
  <si>
    <t>01/13/2020 15:26:30</t>
  </si>
  <si>
    <t>d63fa671-08c3-4dbb-853d-1e01adcfc662.tmp</t>
  </si>
  <si>
    <t>\\acsfs\profiles$\taylaedoa\Downloads\d63fa671-08c3-4dbb-853d-1e01adcfc662.tmp</t>
  </si>
  <si>
    <t>01/13/2020 15:24:29</t>
  </si>
  <si>
    <t>83464ace-8a8a-46cd-a25e-80a52b9d0875.tmp</t>
  </si>
  <si>
    <t>\\acsfs\profiles$\taylaedoa\Downloads\83464ace-8a8a-46cd-a25e-80a52b9d0875.tmp</t>
  </si>
  <si>
    <t>01/13/2020 15:23:32</t>
  </si>
  <si>
    <t>ce3ca1c2-89b6-4fec-996d-4f2423d1c654.tmp</t>
  </si>
  <si>
    <t>\\acsfs\profiles$\andreapdsg\Downloads\ce3ca1c2-89b6-4fec-996d-4f2423d1c654.tmp</t>
  </si>
  <si>
    <t>Q29udHJvbGxlci5QYXl3YXJl (25).ica</t>
  </si>
  <si>
    <t>\\acsfs\profiles$\andreapdsg\Downloads\Q29udHJvbGxlci5QYXl3YXJl (25).ica</t>
  </si>
  <si>
    <t>01/13/2020 15:24:00</t>
  </si>
  <si>
    <t>01/13/2020 15:23:54</t>
  </si>
  <si>
    <t>01/13/2020 15:27:29</t>
  </si>
  <si>
    <t>0e4e33fd-5f18-4455-b5be-e9280d349642.tmp</t>
  </si>
  <si>
    <t>\\acsfs\profiles$\lucasgpe\Downloads\0e4e33fd-5f18-4455-b5be-e9280d349642.tmp</t>
  </si>
  <si>
    <t>01/13/2020 15:22:24</t>
  </si>
  <si>
    <t>01/13/2020 15:25:47</t>
  </si>
  <si>
    <t>01/13/2020 15:28:30</t>
  </si>
  <si>
    <t>01/13/2020 15:26:07</t>
  </si>
  <si>
    <t>01/13/2020 15:26:19</t>
  </si>
  <si>
    <t>"languagecode":"pt-br";"requesttype":"background_request";"scenariotype;"timezone":"-03:00";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;ess"}};p";</t>
  </si>
  <si>
    <t>"languagecode":"pt-br","requesttype":"background_request","scenariotype,"timezone":"-03:00",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,ess"}},p"</t>
  </si>
  <si>
    <t>01/13/2020 15:26:25</t>
  </si>
  <si>
    <t>01/13/2020 15:26:31</t>
  </si>
  <si>
    <t>0]ll,13/01/2020,142961685,1578931268841,5,[],[]]],andrelpsa@algartech.com,atuima2v-l-r4mlrttnejldjmmcmtjqqdb_eo8phe2_wqj_y1ojumr1iabvw2ppblwocree42tuodgonxc9zyivd_xfpqawwfk-djhhoaw8xisktehnirbxymmss-bbe\",false,null,true]"</t>
  </si>
  <si>
    <t>01/13/2020 15:26:35</t>
  </si>
  <si>
    <t>01/13/2020 15:26:44</t>
  </si>
  <si>
    <t>01/13/2020 15:26:52</t>
  </si>
  <si>
    <t>01/13/2020 15:26:56</t>
  </si>
  <si>
    <t>01/13/2020 15:27:01</t>
  </si>
  <si>
    <t>01/13/2020 15:27:26</t>
  </si>
  <si>
    <t>01/13/2020 15:24:46</t>
  </si>
  <si>
    <t>01/13/2020 15:29:29</t>
  </si>
  <si>
    <t>01/13/2020 15:27:09</t>
  </si>
  <si>
    <t>306346fe-08bc-4abb-9dc9-56415b1fa09a.tmp</t>
  </si>
  <si>
    <t>\\acsfs\profiles$\larissaad\Downloads\306346fe-08bc-4abb-9dc9-56415b1fa09a.tmp</t>
  </si>
  <si>
    <t>01/13/2020 15:27:35</t>
  </si>
  <si>
    <t>2b65d95b-8fb3-4ddf-b263-e7ba2999614d.tmp</t>
  </si>
  <si>
    <t>\\acsfs\profiles$\larissaad\Downloads\2b65d95b-8fb3-4ddf-b263-e7ba2999614d.tmp</t>
  </si>
  <si>
    <t>01/13/2020 15:26:50</t>
  </si>
  <si>
    <t>01/13/2020 15:24:58</t>
  </si>
  <si>
    <t>01/13/2020 15:30:30</t>
  </si>
  <si>
    <t>01a516db-d1d4-4292-8a40-33475e8d4847.tmp</t>
  </si>
  <si>
    <t>\\acsfs\profiles$\LUCASNS\Downloads\01a516db-d1d4-4292-8a40-33475e8d4847.tmp</t>
  </si>
  <si>
    <t>01/13/2020 15:26:16</t>
  </si>
  <si>
    <t>01/13/2020 15:29:43</t>
  </si>
  <si>
    <t>b398363b-d211-4277-9b45-fd2de02b6085.tmp</t>
  </si>
  <si>
    <t>\\acsfs\profiles$\gabrielsma\Downloads\b398363b-d211-4277-9b45-fd2de02b6085.tmp</t>
  </si>
  <si>
    <t>01/13/2020 15:29:48</t>
  </si>
  <si>
    <t>Não confirmado 180110.crdownload</t>
  </si>
  <si>
    <t>\\acsfs\ACS\Gabriel da Silva\Contemporânea\Comissão e Incentivo\Não confirmado 180110.crdownload</t>
  </si>
  <si>
    <t>01/13/2020 15:28:43</t>
  </si>
  <si>
    <t>Nice2.xls</t>
  </si>
  <si>
    <t>\\acsfs\ACS\001 - Qualidade Lilian\PAULO\Pasta Tainara\Nice2.xls</t>
  </si>
  <si>
    <t>01/13/2020 15:28:44</t>
  </si>
  <si>
    <t>01/13/2020 15:29:34</t>
  </si>
  <si>
    <t>01/13/2020 15:26:00</t>
  </si>
  <si>
    <t>01/13/2020 15:31:29</t>
  </si>
  <si>
    <t>01/13/2020 15:28:18</t>
  </si>
  <si>
    <t>QUINDAIZA APARECIDA GUEDES DA SILVA_1_6777714914387630488_1_32.wav</t>
  </si>
  <si>
    <t>\\acsfs\Deptos\EDUCACAO EMPRESARIAL\KÉSIA\Ligações 2º ciclo - Janeiro 2020\QUINDAIZA APARECIDA GUEDES DA SILVA_1_6777714914387630488_1_32.wav</t>
  </si>
  <si>
    <t>01/13/2020 15:27:04</t>
  </si>
  <si>
    <t>24402be2-1dbc-4750-8812-39e204faf896.tmp</t>
  </si>
  <si>
    <t>\\acsfs\profiles$\andreapdsg\Downloads\24402be2-1dbc-4750-8812-39e204faf896.tmp</t>
  </si>
  <si>
    <t>01/13/2020 15:30:54</t>
  </si>
  <si>
    <t>01/13/2020 15:32:30</t>
  </si>
  <si>
    <t>01/13/2020 15:27:39</t>
  </si>
  <si>
    <t>01/13/2020 15:33:29</t>
  </si>
  <si>
    <t>01/13/2020 15:28:32</t>
  </si>
  <si>
    <t>01/13/2020 15:31:00</t>
  </si>
  <si>
    <t>alinedsdi@algartech.com;</t>
  </si>
  <si>
    <t>alinedsdi@algartech.com</t>
  </si>
  <si>
    <t>01/13/2020 15:31:06</t>
  </si>
  <si>
    <t>alinedsdi@algartech.com;robsonams@algartech.com;</t>
  </si>
  <si>
    <t>alinedsdi@algartech.com,robsonams@algartech.com</t>
  </si>
  <si>
    <t>01/13/2020 15:31:11</t>
  </si>
  <si>
    <t>"mozilla/5.0 (windows nt 6.1) applewebkit/537.36 (khtml;1;13;13700014;13700109;13700185;13700451;13700951;13701207;13701298;13701422;13701430;13701450;13701506;13701537;13701573;13701577;13701625;13701657;13701693�;13701749;13701825;13701901;13701905;13701957;13701969;13702068;13702088;1578930052848000;1578930058554000;5701393;[[13701418;adfn-ct7ciskssyu-68afh9xg7xv2c6f8dx_seofhsqerkx2bhpqslb3crfufkpjjmcd4mgjscrt;alinedsdi@algartech.com;false];fu-jjgodysoi_w";k ken=ac4w5vhljczanhxnqi1woyx0avs9x8dipw:1578930052842&amp;buildlabel=drive.web-frontend_20200101.00_p4wxkoz47bdxjb2ruaxbvt2nvcnjlbmnpyttkzxnuaxbvt2nvcnjlbmnpyts+pjs+o3q8atwznd47qdxtzwxly2lvbmuuli47qwrpy2lvbmfsie5vdhvybm87qwr2zxj0w6puy2lho0fmyxn0yw1lbnrvo0f0zxn0ywrvo0f0zxn0ywrvigvtiehvcmfzo0nvbwlzc8ojbztdb21wzw5zyconw6nviejhbmnvierpytt;k ken=ac4w5vhljczanhxnqi1woyx0avs9x8dipw:1578930052842&amp;buildlabel=drive.web-frontend_20200101.00_p4wxkoz47bdxjb2ruaxbvt2nvcnjlbmnpyttkzxnuaxbvt2nvcnjlbmnpyts+pjs+o3q8atwznd47qdxtzwxly2lvbmuuli47qwrpy2lvbmfsie5vdhvybm87qwr2zxj0</t>
  </si>
  <si>
    <t>"mozilla/5.0 (windows nt 6.1) applewebkit/537.36 (khtml,1,13,13700014,13700109,13700185,13700451,13700951,13701207,13701298,13701422,13701430,13701450,13701506,13701537,13701573,13701577,13701625,13701657,13701693�,13701749,13701825,13701901,13701905,13701957,13701969,13702068,13702088,1578930052848000,1578930058554000,5701393,[[13701418,adfn-ct7ciskssyu-68afh9xg7xv2c6f8dx_seofhsqerkx2bhpqslb3crfufkpjjmcd4mgjscrt,alinedsdi@algartech.com,false],fu-jjgodysoi_w",k ken=ac4w5vhljczanhxnqi1woyx0avs9x8dipw:1578930052842&amp;buildlabel=drive.web-frontend_20200101.00_p4wxkoz47bdxjb2ruaxbvt2nvcnjlbmnpyttkzxnuaxbvt2nvcnjlbmnpyts+pjs+o3q8atwznd47qdxtzwxly2lvbmuuli47qwrpy2lvbmfsie5vdhvybm87qwr2zxj0w6puy2lho0fmyxn0yw1lbnrvo0f0zxn0ywrvo0f0zxn0ywrvigvtiehvcmfzo0nvbwlzc8ojbztdb21wzw5zyconw6nviejhbmnvierpytt,k ken=ac4w5vhljczanhxnqi1woyx0avs9x8dipw:1578930052842&amp;buildlabel=drive.web-frontend_20200101.00_p4wxkoz47bdxjb2ruaxbvt2nvcnjlbmnpyttkzxnuaxbvt2nvcnjlbmnpyts+pjs+o3q8atwznd47qdxtzwxly2lvbmuuli47qwrpy2lvbmfsie5vdhvybm87qwr2zxj0</t>
  </si>
  <si>
    <t>01/13/2020 15:28:23</t>
  </si>
  <si>
    <t>C:\Users\edilsonrb\OneDrive - Grupo Algar\01.Particular\02.Cyrella\</t>
  </si>
  <si>
    <t>Calculo.Jan.2016.xlsx</t>
  </si>
  <si>
    <t>Cloud Storage (OneDriveForBusiness)</t>
  </si>
  <si>
    <t>Calculo.Pagto.xlsx</t>
  </si>
  <si>
    <t>Calculo.Stefan.xlsx</t>
  </si>
  <si>
    <t>01/13/2020 15:28:26</t>
  </si>
  <si>
    <t>C:\Users\edilsonrb\OneDrive - Grupo Algar\01.Particular\03.Diversos\</t>
  </si>
  <si>
    <t>Cópia de Folha-AND-2014.xlsx</t>
  </si>
  <si>
    <t>Cópia de Folha-IVO-2014.xlsx</t>
  </si>
  <si>
    <t>Despesas.Viagem.TO.Nov.2014.xlsx</t>
  </si>
  <si>
    <t>Gastos.Carnaval.2015.xlsx</t>
  </si>
  <si>
    <t>01/13/2020 15:28:38</t>
  </si>
  <si>
    <t>C:\Users\edilsonrb\OneDrive - Grupo Algar\01.Particular\04.RFP\EMS_HP_Proposta_Tecnica_Anexo_B_Outros_Documentos_v1.docx\</t>
  </si>
  <si>
    <t>Microsoft_Excel_97-2003_Worksheet1.xls</t>
  </si>
  <si>
    <t>01/13/2020 15:28:46</t>
  </si>
  <si>
    <t>C:\Users\edilsonrb\OneDrive - Grupo Algar\01.Particular\07.Estacionamento\</t>
  </si>
  <si>
    <t>Dados.Para.Boleto.xlsx</t>
  </si>
  <si>
    <t>Fluxo.Caixa.xlsx</t>
  </si>
  <si>
    <t>Fluxo.Caixa1.xlsx</t>
  </si>
  <si>
    <t>01/13/2020 15:28:49</t>
  </si>
  <si>
    <t>C:\Users\edilsonrb\OneDrive - Grupo Algar\01.Particular\08.ESOCIAL.2016\</t>
  </si>
  <si>
    <t>Folha-AND.xlsx</t>
  </si>
  <si>
    <t>01/13/2020 15:28:50</t>
  </si>
  <si>
    <t>Folha-IVO.xlsx</t>
  </si>
  <si>
    <t>01/13/2020 15:31:28</t>
  </si>
  <si>
    <t>C:\Users\edilsonrb\OneDrive - Grupo Algar\01.Particular\13.FAZENDA\</t>
  </si>
  <si>
    <t>Controle de Custo.xlsx</t>
  </si>
  <si>
    <t>C:\Users\edilsonrb\OneDrive - Grupo Algar\01.Particular\</t>
  </si>
  <si>
    <t>bradesco.xlsx</t>
  </si>
  <si>
    <t>C:\Users\edilsonrb\OneDrive - Grupo Algar\02.Trabalho\02.Estrutura.NOC\</t>
  </si>
  <si>
    <t>Associados.SD.DC.xlsx</t>
  </si>
  <si>
    <t>Business Case Migração NOC Asyst Final.xlsx</t>
  </si>
  <si>
    <t>Business Case Migração NOC Asyst.xlsx</t>
  </si>
  <si>
    <t>01/13/2020 15:31:31</t>
  </si>
  <si>
    <t>C:\Users\edilsonrb\OneDrive - Grupo Algar\02.Trabalho\03.Orçamento\01.Receita.2014.31.Dezembro\</t>
  </si>
  <si>
    <t>CONSOLIDADO SG + INFRA 2014 - 24012014.xls</t>
  </si>
  <si>
    <t>Estudo.xlsx</t>
  </si>
  <si>
    <t>01/13/2020 15:31:32</t>
  </si>
  <si>
    <t>Receita.Amanda.xls</t>
  </si>
  <si>
    <t>Receita.Andre.xls</t>
  </si>
  <si>
    <t>Receita.Fred.xls</t>
  </si>
  <si>
    <t>Receita.Infra.TI.21.01.14.xlsx</t>
  </si>
  <si>
    <t>Receita.Recorrente.SG.Infra.TI.xls</t>
  </si>
  <si>
    <t>C:\Users\edilsonrb\OneDrive - Grupo Algar\02.Trabalho\03.Orçamento\02.Validação.CRs\</t>
  </si>
  <si>
    <t>Infra.TI.xls</t>
  </si>
  <si>
    <t>Serviços.Gerenciados.xls</t>
  </si>
  <si>
    <t>C:\Users\edilsonrb\OneDrive - Grupo Algar\02.Trabalho\03.Orçamento\03.Revisão.Orçamento.2014\</t>
  </si>
  <si>
    <t>Infra.TI.2013x2014.xls</t>
  </si>
  <si>
    <t>C:\Users\edilsonrb\OneDrive - Grupo Algar\02.Trabalho\03.Orçamento\04.Trabalho.07.03.2014\</t>
  </si>
  <si>
    <t>INFRA.TI.2014.xls</t>
  </si>
  <si>
    <t>01/13/2020 15:31:33</t>
  </si>
  <si>
    <t>C:\Users\edilsonrb\OneDrive - Grupo Algar\02.Trabalho\03.Orçamento\04.Trabalho.07.03.2014\ORC-INFRA-2014.pptx\</t>
  </si>
  <si>
    <t>Planilha_do_Microsoft_Excel_97-200310.xls</t>
  </si>
  <si>
    <t>Planilha_do_Microsoft_Excel_97-20032.xls</t>
  </si>
  <si>
    <t>Planilha_do_Microsoft_Excel_97-20033.xls</t>
  </si>
  <si>
    <t>Planilha_do_Microsoft_Excel_97-20034.xls</t>
  </si>
  <si>
    <t>Planilha_do_Microsoft_Excel_97-20035.xls</t>
  </si>
  <si>
    <t>Planilha_do_Microsoft_Excel_97-20036.xls</t>
  </si>
  <si>
    <t>Planilha_do_Microsoft_Excel_97-20037.xls</t>
  </si>
  <si>
    <t>Planilha_do_Microsoft_Excel_97-20038.xls</t>
  </si>
  <si>
    <t>Planilha_do_Microsoft_Excel_97-20039.xls</t>
  </si>
  <si>
    <t>C:\Users\edilsonrb\OneDrive - Grupo Algar\02.Trabalho\03.Orçamento\05.Trabalho.24.03.2014\</t>
  </si>
  <si>
    <t>Análise PMO X Custo 2013 - TI Interna.xlsx</t>
  </si>
  <si>
    <t>META INFRA TI (3).xls</t>
  </si>
  <si>
    <t>META INFRA TI.xls</t>
  </si>
  <si>
    <t>01/13/2020 15:31:34</t>
  </si>
  <si>
    <t>C:\Users\edilsonrb\OneDrive - Grupo Algar\02.Trabalho\03.Orçamento\05.Trabalho.24.03.2014\ORC-INFRA-2014.pptx\</t>
  </si>
  <si>
    <t>Planilha_do_Microsoft_Excel_97-200311.xls</t>
  </si>
  <si>
    <t>Planilha_do_Microsoft_Excel_97-200312.xls</t>
  </si>
  <si>
    <t>C:\Users\edilsonrb\OneDrive - Grupo Algar\02.Trabalho\03.Orçamento\05.Trabalho.24.03.2014\ORC-INFRA-20141.pptx\</t>
  </si>
  <si>
    <t>01/13/2020 15:31:58</t>
  </si>
  <si>
    <t>C:\Users\edilsonrb\OneDrive - Grupo Algar\02.Trabalho\03.Orçamento\05.Trabalho.24.03.2014\ORC-INFRA-2014F.pptx\</t>
  </si>
  <si>
    <t>Planilha_do_Microsoft_Excel2.xlsx</t>
  </si>
  <si>
    <t>Planilha_do_Microsoft_Excel3.xlsx</t>
  </si>
  <si>
    <t>Planilha_do_Microsoft_Excel4.xlsx</t>
  </si>
  <si>
    <t>C:\Users\edilsonrb\OneDrive - Grupo Algar\02.Trabalho\03.Orçamento\06.Trabalho.17.12.2014\</t>
  </si>
  <si>
    <t>Detalhamento Amazon orçamento.xlsx</t>
  </si>
  <si>
    <t>01/13/2020 15:31:59</t>
  </si>
  <si>
    <t>C:\Users\edilsonrb\OneDrive - Grupo Algar\02.Trabalho\03.Orçamento\07.Rev.Orç.Mai.2015\</t>
  </si>
  <si>
    <t>CRs.Renato.Março.xlsx</t>
  </si>
  <si>
    <t>CRs.Renato.xlsx</t>
  </si>
  <si>
    <t>01/13/2020 15:32:01</t>
  </si>
  <si>
    <t>C:\Users\edilsonrb\OneDrive - Grupo Algar\02.Trabalho\03.Orçamento\08.Proj.Resul.2015\</t>
  </si>
  <si>
    <t>Cópia de RL Trimestral 22-05.xlsx</t>
  </si>
  <si>
    <t>Proj.Resultado.2015.22.05.xlsx</t>
  </si>
  <si>
    <t>01/13/2020 15:32:02</t>
  </si>
  <si>
    <t>Proj.Resultado.2015.xlsx</t>
  </si>
  <si>
    <t>C:\Users\edilsonrb\OneDrive - Grupo Algar\02.Trabalho\03.Orçamento\09.Rev.Orç.Ago.2015\</t>
  </si>
  <si>
    <t>Custo.Folha.xls</t>
  </si>
  <si>
    <t>Infraestrutura de TI 2015 v2.xlsx</t>
  </si>
  <si>
    <t>01/13/2020 15:32:04</t>
  </si>
  <si>
    <t>Revisão incremental 2 sem 2015 V11.xlsx</t>
  </si>
  <si>
    <t>01/13/2020 15:32:05</t>
  </si>
  <si>
    <t>C:\Users\edilsonrb\OneDrive - Grupo Algar\02.Trabalho\03.Orçamento\10.Orç.Set.2015\</t>
  </si>
  <si>
    <t>Template de Receita - Infra de TI - V3.xlsx</t>
  </si>
  <si>
    <t>C:\Users\edilsonrb\OneDrive - Grupo Algar\02.Trabalho\03.Orçamento\11.Rec.Out.Dez.2015\</t>
  </si>
  <si>
    <t>3ª Prévia de Novembro.xls</t>
  </si>
  <si>
    <t>Custo.xls</t>
  </si>
  <si>
    <t>01/13/2020 15:32:06</t>
  </si>
  <si>
    <t>Cópia de Template de Receita - Infra de TI - V8.xlsx</t>
  </si>
  <si>
    <t>Cópia de Template de Receita - Infra de TI v8.xlsx</t>
  </si>
  <si>
    <t>01/13/2020 15:32:07</t>
  </si>
  <si>
    <t>Projeção Resultado Infra.xls</t>
  </si>
  <si>
    <t>Template de Receita - Infra de TI - V6 - COM BRADESCO.xlsx</t>
  </si>
  <si>
    <t>C:\Users\edilsonrb\OneDrive - Grupo Algar\02.Trabalho\03.Orçamento\12.ORÇAMENTO.2017\</t>
  </si>
  <si>
    <t>Incremental 2017.xlsx</t>
  </si>
  <si>
    <t>01/13/2020 15:32:08</t>
  </si>
  <si>
    <t>Projeção.Receita.2017.xlsx</t>
  </si>
  <si>
    <t>C:\Users\edilsonrb\OneDrive - Grupo Algar\02.Trabalho\03.Orçamento\</t>
  </si>
  <si>
    <t>01/13/2020 15:32:15</t>
  </si>
  <si>
    <t>Prévia Orçado Oficial 2014 30012014.xls</t>
  </si>
  <si>
    <t>01/13/2020 15:32:16</t>
  </si>
  <si>
    <t>Prévia Outubro-14.xlsx</t>
  </si>
  <si>
    <t>C:\Users\edilsonrb\OneDrive - Grupo Algar\02.Trabalho\04.Apresentações.Diversas\01.Serviços.Gerenciados\</t>
  </si>
  <si>
    <t>Cronograma - UnimedBH.xlsx</t>
  </si>
  <si>
    <t>01/13/2020 15:32:34</t>
  </si>
  <si>
    <t>Provisão DNSG - Maio.xlsx</t>
  </si>
  <si>
    <t>01/13/2020 15:32:35</t>
  </si>
  <si>
    <t>C:\Users\edilsonrb\OneDrive - Grupo Algar\02.Trabalho\04.Apresentações.Diversas\01.Serviços.Gerenciados\Revitalização - UnimedBH.pptx\</t>
  </si>
  <si>
    <t>C:\Users\edilsonrb\OneDrive - Grupo Algar\02.Trabalho\04.Apresentações.Diversas\02.Genericas\</t>
  </si>
  <si>
    <t>Avaliação.Coletiva.2014.xlsx</t>
  </si>
  <si>
    <t>01/13/2020 15:32:36</t>
  </si>
  <si>
    <t>C:\Users\edilsonrb\OneDrive - Grupo Algar\02.Trabalho\04.Apresentações.Diversas\02.Genericas\Organograma.Coordenação.Geral.Infra.pptx\</t>
  </si>
  <si>
    <t>oleObject10.dat</t>
  </si>
  <si>
    <t>oleObject11.dat</t>
  </si>
  <si>
    <t>oleObject12.dat</t>
  </si>
  <si>
    <t>oleObject13.dat</t>
  </si>
  <si>
    <t>oleObject14.dat</t>
  </si>
  <si>
    <t>oleObject15.dat</t>
  </si>
  <si>
    <t>oleObject6.dat</t>
  </si>
  <si>
    <t>oleObject7.dat</t>
  </si>
  <si>
    <t>oleObject8.dat</t>
  </si>
  <si>
    <t>oleObject9.dat</t>
  </si>
  <si>
    <t>01/13/2020 15:32:37</t>
  </si>
  <si>
    <t>Relação.CRs.Infra.Governo.xlsx</t>
  </si>
  <si>
    <t>01/13/2020 15:32:39</t>
  </si>
  <si>
    <t>C:\Users\edilsonrb\OneDrive - Grupo Algar\02.Trabalho\04.Apresentações.Diversas\03.Infra.TI\</t>
  </si>
  <si>
    <t>Cancelamentos.Novos.2013.2014.xlsx</t>
  </si>
  <si>
    <t>01/13/2020 15:32:43</t>
  </si>
  <si>
    <t>C:\Users\edilsonrb\OneDrive - Grupo Algar\02.Trabalho\04.Apresentações.Diversas\04.Reunião.VMWare.Fechio\</t>
  </si>
  <si>
    <t>Base de clientes_Algar Tech.xlsx</t>
  </si>
  <si>
    <t>01/13/2020 15:32:44</t>
  </si>
  <si>
    <t>C:\Users\edilsonrb\OneDrive - Grupo Algar\02.Trabalho\04.Apresentações.Diversas\05.Organograma.KPMG\</t>
  </si>
  <si>
    <t>Organograma.Amanda.SG.xlsx</t>
  </si>
  <si>
    <t>Organograma.Andre.SG.xlsx</t>
  </si>
  <si>
    <t>Organograma.Fred.SG.xlsx</t>
  </si>
  <si>
    <t>Organograma.Infra.TI.xlsx</t>
  </si>
  <si>
    <t>C:\Users\edilsonrb\OneDrive - Grupo Algar\02.Trabalho\04.Apresentações.Diversas\06.TH.GCD\</t>
  </si>
  <si>
    <t>GCD(Cargos Indicadores e PDI) Coord Edilson Rodrigues.xlsx</t>
  </si>
  <si>
    <t>C:\Users\edilsonrb\OneDrive - Grupo Algar\02.Trabalho\04.Apresentações.Diversas\08.CIS\</t>
  </si>
  <si>
    <t>Analise.folha.CIS.2014.xlsx</t>
  </si>
  <si>
    <t>01/13/2020 15:32:45</t>
  </si>
  <si>
    <t>Custo.CIS.2014.xlsx</t>
  </si>
  <si>
    <t>C:\Users\edilsonrb\OneDrive - Grupo Algar\02.Trabalho\04.Apresentações.Diversas\10.Atlantic.Ativas\</t>
  </si>
  <si>
    <t>Atlantic_30.08.2013_v2-Alterado.xlsx</t>
  </si>
  <si>
    <t>01/13/2020 15:32:46</t>
  </si>
  <si>
    <t>C:\Users\edilsonrb\OneDrive - Grupo Algar\02.Trabalho\04.Apresentações.Diversas\11.ADVISIA\Bolograma Estrutura Junho-2013.pptx\</t>
  </si>
  <si>
    <t>oleObject16.dat</t>
  </si>
  <si>
    <t>oleObject17.dat</t>
  </si>
  <si>
    <t>C:\Users\edilsonrb\OneDrive - Grupo Algar\02.Trabalho\04.Apresentações.Diversas\11.ADVISIA\Bolograma Estruturas Infra TI - Advisia.pptx\</t>
  </si>
  <si>
    <t>01/13/2020 15:32:47</t>
  </si>
  <si>
    <t>01/13/2020 15:30:08</t>
  </si>
  <si>
    <t>01/13/2020 15:30:10</t>
  </si>
  <si>
    <t>01/13/2020 15:30:16</t>
  </si>
  <si>
    <t>01/13/2020 15:31:54</t>
  </si>
  <si>
    <t>01/13/2020 15:32:25</t>
  </si>
  <si>
    <t>01/13/2020 15:32:33</t>
  </si>
  <si>
    <t>01/13/2020 15:32:40</t>
  </si>
  <si>
    <t>01/13/2020 15:32:48</t>
  </si>
  <si>
    <t>01/13/2020 15:33:09</t>
  </si>
  <si>
    <t>01/13/2020 15:33:12</t>
  </si>
  <si>
    <t>01/13/2020 15:30:43</t>
  </si>
  <si>
    <t>838400c8-462a-45fb-b7a4-c67b2c1088a2.tmp</t>
  </si>
  <si>
    <t>\\acsfs\profiles$\francislayneads\Downloads\838400c8-462a-45fb-b7a4-c67b2c1088a2.tmp</t>
  </si>
  <si>
    <t>01/13/2020 15:32:54</t>
  </si>
  <si>
    <t>01/13/2020 15:34:29</t>
  </si>
  <si>
    <t>mail.google.com/mail/u/0/jserror?script=https://mail.google.com/mail/u/0/#inbox&amp;error=class$obf_1010: [/sync/u/0/i/bv] me: unsupported http status: 503&amp;line=not available&amp;txz=p</t>
  </si>
  <si>
    <t>01/13/2020 15:33:23</t>
  </si>
  <si>
    <t>mail.google.com/mail/u/0/jserror?script=https://mail.google.com/mail/u/0/#inbox&amp;error=class$obf_1010: [/sync/u/0/el2] me: unsupported http status: 503&amp;line=not available&amp;txz=p</t>
  </si>
  <si>
    <t>01/13/2020 15:29:51</t>
  </si>
  <si>
    <t>01/13/2020 15:35:29</t>
  </si>
  <si>
    <t>d6c240db-6fc8-4a85-abf0-4d23e6daeafa.tmp</t>
  </si>
  <si>
    <t>\\acsfs\profiles$\myllenardl\Downloads\d6c240db-6fc8-4a85-abf0-4d23e6daeafa.tmp</t>
  </si>
  <si>
    <t>01/13/2020 15:32:17</t>
  </si>
  <si>
    <t>61fb2c46-e594-4d11-8b45-c6defd8dc939.tmp</t>
  </si>
  <si>
    <t>\\acsfs\profiles$\myllenardl\Downloads\61fb2c46-e594-4d11-8b45-c6defd8dc939.tmp</t>
  </si>
  <si>
    <t>01/13/2020 15:32:28</t>
  </si>
  <si>
    <t>dfb074d1-35d4-4be5-85e7-9d9d613708a0.tmp</t>
  </si>
  <si>
    <t>\\acsfs\profiles$\myllenardl\Downloads\dfb074d1-35d4-4be5-85e7-9d9d613708a0.tmp</t>
  </si>
  <si>
    <t>01/13/2020 15:31:17</t>
  </si>
  <si>
    <t>Incentivo BV - CHAT_Dezembro.19.xlsx</t>
  </si>
  <si>
    <t>\\acsfs\ACS\Gabriel da Silva\Contemporânea\Comissão e Incentivo\Incentivo BV - CHAT_Dezembro.19.xlsx</t>
  </si>
  <si>
    <t>outlook.office.com/owa/service.svc?action=CreateItem&amp;app=Mail&amp;n=187</t>
  </si>
  <si>
    <t>flaviacno@algartech.com;luanaca@algartech.com;</t>
  </si>
  <si>
    <t>flaviacno@algartech.com,luanaca@algartech.com</t>
  </si>
  <si>
    <t>01/13/2020 15:35:05</t>
  </si>
  <si>
    <t>01/13/2020 15:36:29</t>
  </si>
  <si>
    <t>01/13/2020 15:32:53</t>
  </si>
  <si>
    <t>01/13/2020 15:33:01</t>
  </si>
  <si>
    <t>mail.google.com/sync/u/0/i/s?hl=pt-BR&amp;c=969</t>
  </si>
  <si>
    <t>01/13/2020 15:33:03</t>
  </si>
  <si>
    <t>mail.google.com/sync/u/0/i/s?hl=pt-BR&amp;c=971</t>
  </si>
  <si>
    <t>01/13/2020 15:33:47</t>
  </si>
  <si>
    <t>andrelpsa@algartech.com;bvservicedesk@bancovotora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bvservicedesk@bancovotora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5:33:56</t>
  </si>
  <si>
    <t>andrelpsa@algartech.com;bvservicedesk@bancovotora;bvservicedesk@bancovotorantim.com.br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bvservicedesk@bancovotora,bvservicedesk@bancovotorantim.com.br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5:34:05</t>
  </si>
  <si>
    <t>andrelpsa@algartech.com;bvservicedesk@bancovotorantim.com.br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bvservicedesk@bancovotorantim.com.br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5:34:11</t>
  </si>
  <si>
    <t>bvservicedesk@bancovotorantim.com.br;</t>
  </si>
  <si>
    <t>bvservicedesk@bancovotorantim.com.br</t>
  </si>
  <si>
    <t>01/13/2020 15:34:19</t>
  </si>
  <si>
    <t>01/13/2020 15:34:23</t>
  </si>
  <si>
    <t>01/13/2020 15:35:21</t>
  </si>
  <si>
    <t>01/13/2020 15:35:30</t>
  </si>
  <si>
    <t>01/13/2020 15:35:40</t>
  </si>
  <si>
    <t>Folha Retificadora - LUCAS.xlsx</t>
  </si>
  <si>
    <t>01/13/2020 15:33:36</t>
  </si>
  <si>
    <t>01/13/2020 15:37:29</t>
  </si>
  <si>
    <t>mail.google.com/mail/u/0/jserror?script=https://mail.google.com/mail/u/0/#inbox&amp;error=class$obf_1011: [/sync/u/0/el2] me: unsupported http status: 503&amp;line=not available&amp;txz=p</t>
  </si>
  <si>
    <t>01/13/2020 15:34:36</t>
  </si>
  <si>
    <t>01/13/2020 15:36:39</t>
  </si>
  <si>
    <t>mail.google.com/mail/u/0/jserror?script=https://mail.google.com/mail/u/0/#inbox?projector=1&amp;messagepartid=0.1.1&amp;error=class$obf_1010: [/sync/u/0/el2] me: unsupported http status: 503&amp;line=not available&amp;txz=p</t>
  </si>
  <si>
    <t>01/13/2020 15:33:24</t>
  </si>
  <si>
    <t>b621cea5-70d7-4fff-8c80-5ca6ba9c2816.tmp</t>
  </si>
  <si>
    <t>\\acsfs\profiles$\geovannasm\Downloads\b621cea5-70d7-4fff-8c80-5ca6ba9c2816.tmp</t>
  </si>
  <si>
    <t>f8bbe48a-cdff-47d7-842c-9265aaaffc18.tmp</t>
  </si>
  <si>
    <t>\\acsfs\profiles$\geovannasm\Downloads\f8bbe48a-cdff-47d7-842c-9265aaaffc18.tmp</t>
  </si>
  <si>
    <t>01/13/2020 15:33:17</t>
  </si>
  <si>
    <t>01/13/2020 15:38:29</t>
  </si>
  <si>
    <t>C:\Users\edilsonrb\OneDrive - Grupo Algar\02.Trabalho\04.Apresentações.Diversas\11.ADVISIA\Bolograma Estruturas Infra TI.pptx\</t>
  </si>
  <si>
    <t>C:\Users\edilsonrb\OneDrive - Grupo Algar\02.Trabalho\04.Apresentações.Diversas\12.PEQ.2013\PEQ Algar Tec Lean Proposta de Governanca 2013 vFinal v3.pptx\</t>
  </si>
  <si>
    <t>C:\Users\edilsonrb\OneDrive - Grupo Algar\02.Trabalho\04.Apresentações.Diversas\12.PEQ.2013\PEQ Infra.pptx\</t>
  </si>
  <si>
    <t>C:\Users\edilsonrb\OneDrive - Grupo Algar\02.Trabalho\04.Apresentações.Diversas\13.Nao.Conformidades\</t>
  </si>
  <si>
    <t>Não conformidades.Edilson.xlsx</t>
  </si>
  <si>
    <t>Não conformidades.Maschio.xlsx</t>
  </si>
  <si>
    <t>C:\Users\edilsonrb\OneDrive - Grupo Algar\02.Trabalho\04.Apresentações.Diversas\14.Escopo.Governança\</t>
  </si>
  <si>
    <t>Detalhamento de Atividades Gov TI.xlsx</t>
  </si>
  <si>
    <t>Verificação de Licenças.xlsx</t>
  </si>
  <si>
    <t>C:\Users\edilsonrb\OneDrive - Grupo Algar\02.Trabalho\04.Apresentações.Diversas\</t>
  </si>
  <si>
    <t>5w2h_White Label_12abr v2.xlsx</t>
  </si>
  <si>
    <t>01/13/2020 15:32:49</t>
  </si>
  <si>
    <t>Avaliação da Estabilidade do Service Desk 2014 - Consolidado_Tod.xlsx</t>
  </si>
  <si>
    <t>CR's Edilson (2).xlsx</t>
  </si>
  <si>
    <t>CR.LemonTech.xlsx</t>
  </si>
  <si>
    <t>01/13/2020 15:32:50</t>
  </si>
  <si>
    <t>IT-EXPO.2014.xls</t>
  </si>
  <si>
    <t>Justificativa de Horas Extras_EDILSON RODRIGUES BRAGA.xlsx</t>
  </si>
  <si>
    <t>levantamento conhecimento Chave.xlsx</t>
  </si>
  <si>
    <t>Levantamento Spam Estrutura Algar Tech.xlsx</t>
  </si>
  <si>
    <t>01/13/2020 15:32:51</t>
  </si>
  <si>
    <t>Multiplicadores - Levantamento - Treinamentos SAP, BD, SO, REDES, EXCHANGE.xlsx</t>
  </si>
  <si>
    <t>Necessidades.Backup.Storage.xlsx</t>
  </si>
  <si>
    <t>Objetivos de Contribuição_Geral Algar Tech-2S.2016.xlsx</t>
  </si>
  <si>
    <t>Objetivos de Contribuição_Geral Algar Tech.xlsx</t>
  </si>
  <si>
    <t>Objetivos de Contribuição_Silvio.ITO.xlsx</t>
  </si>
  <si>
    <t>01/13/2020 15:32:52</t>
  </si>
  <si>
    <t>C:\Users\edilsonrb\OneDrive - Grupo Algar\02.Trabalho\05.SLA\A100\</t>
  </si>
  <si>
    <t>SLA.xlsx</t>
  </si>
  <si>
    <t>C:\Users\edilsonrb\OneDrive - Grupo Algar\02.Trabalho\05.SLA\</t>
  </si>
  <si>
    <t>Central.BR.xlsx</t>
  </si>
  <si>
    <t>C:\Users\edilsonrb\OneDrive - Grupo Algar\02.Trabalho\06.Financeiro\02.Analise.2015\</t>
  </si>
  <si>
    <t>Analise.05.06.2015t.xls</t>
  </si>
  <si>
    <t>Analise.05.06.2015tf.xls</t>
  </si>
  <si>
    <t>MC Cenario Desafio_Consolidado.xlsx</t>
  </si>
  <si>
    <t>C:\Users\edilsonrb\OneDrive - Grupo Algar\02.Trabalho\07.RAO\Abril.2014\</t>
  </si>
  <si>
    <t>1º Trimestre 2014 - Infra de TI.xlsx</t>
  </si>
  <si>
    <t>1º Trimestre 2014 - Serviços Gerenciados.xlsx</t>
  </si>
  <si>
    <t>C:\Users\edilsonrb\OneDrive - Grupo Algar\02.Trabalho\07.RAO\Abril.2014\RAO 14-11 - SG-INFRA - MARÇO 2014.pptx\</t>
  </si>
  <si>
    <t>C:\Users\edilsonrb\OneDrive - Grupo Algar\02.Trabalho\07.RAO\Abril.2014\RAO 14-11 - SG-INFRA - MARÇO 2014F.pptx\</t>
  </si>
  <si>
    <t>C:\Users\edilsonrb\OneDrive - Grupo Algar\02.Trabalho\07.RAO\Abril.2014\RAO MARÇO 2014 ---- SG - INFRA.pptx\</t>
  </si>
  <si>
    <t>C:\Users\edilsonrb\OneDrive - Grupo Algar\02.Trabalho\07.RAO\Abril.2014\SG-INFRA-MAR-2014.pptx\</t>
  </si>
  <si>
    <t>Planilha_do_Microsoft_Excel5.xlsx</t>
  </si>
  <si>
    <t>01/13/2020 15:33:11</t>
  </si>
  <si>
    <t>C:\Users\edilsonrb\OneDrive - Grupo Algar\02.Trabalho\07.RAO\Agosto.2014\RAO INFRA TI SG Governo.pptx\</t>
  </si>
  <si>
    <t>01/13/2020 15:33:34</t>
  </si>
  <si>
    <t>C:\Users\edilsonrb\OneDrive - Grupo Algar\02.Trabalho\07.RAO\Agosto.2014\RAO.INFRA TI.SG.Governo.F.pptx\</t>
  </si>
  <si>
    <t>01/13/2020 15:34:30</t>
  </si>
  <si>
    <t>C:\Users\edilsonrb\OneDrive - Grupo Algar\02.Trabalho\07.RAO\Fevereiro.2014\RAO.Financeira.pptx\</t>
  </si>
  <si>
    <t>01/13/2020 15:34:31</t>
  </si>
  <si>
    <t>Planilha_do_Microsoft_Excel10.xlsx</t>
  </si>
  <si>
    <t>Planilha_do_Microsoft_Excel11.xlsx</t>
  </si>
  <si>
    <t>Planilha_do_Microsoft_Excel12.xlsx</t>
  </si>
  <si>
    <t>Planilha_do_Microsoft_Excel13.xlsx</t>
  </si>
  <si>
    <t>Planilha_do_Microsoft_Excel14.xlsx</t>
  </si>
  <si>
    <t>Planilha_do_Microsoft_Excel15.xlsx</t>
  </si>
  <si>
    <t>Planilha_do_Microsoft_Excel16.xlsx</t>
  </si>
  <si>
    <t>Planilha_do_Microsoft_Excel6.xlsx</t>
  </si>
  <si>
    <t>Planilha_do_Microsoft_Excel7.xlsx</t>
  </si>
  <si>
    <t>Planilha_do_Microsoft_Excel8.xlsx</t>
  </si>
  <si>
    <t>Planilha_do_Microsoft_Excel9.xlsx</t>
  </si>
  <si>
    <t>C:\Users\edilsonrb\OneDrive - Grupo Algar\02.Trabalho\07.RAO\Fevereiro.2014\</t>
  </si>
  <si>
    <t>RAO.Serviços.Infra.TI.Implantação..xls</t>
  </si>
  <si>
    <t>RAO.Serviços.SG.TI.Implantação..xls</t>
  </si>
  <si>
    <t>Rateio.Fixo.Infra.SG.xls</t>
  </si>
  <si>
    <t>Rateio.Fixo.Infra.TI.xls</t>
  </si>
  <si>
    <t>01/13/2020 15:34:32</t>
  </si>
  <si>
    <t>Receitas 2014 - Infra TIF - 2a Revisão.xlsx</t>
  </si>
  <si>
    <t>Resultado.Implantação.vs.Desativação.xlsx</t>
  </si>
  <si>
    <t>01/13/2020 15:34:33</t>
  </si>
  <si>
    <t>C:\Users\edilsonrb\OneDrive - Grupo Algar\02.Trabalho\07.RAO\Fevereiro.2014\SG-INFRA-FEV-2014-D.pptx\</t>
  </si>
  <si>
    <t>01/13/2020 15:34:34</t>
  </si>
  <si>
    <t>C:\Users\edilsonrb\OneDrive - Grupo Algar\02.Trabalho\07.RAO\Fevereiro.2014\SG-INFRA-FEV-2014.pptx\</t>
  </si>
  <si>
    <t>Variações.Receita.SG.Orcado.Real.xlsx</t>
  </si>
  <si>
    <t>C:\Users\edilsonrb\OneDrive - Grupo Algar\02.Trabalho\07.RAO\Janeiro.2014\</t>
  </si>
  <si>
    <t>Fechamento.SG.2013.xlsx</t>
  </si>
  <si>
    <t>C:\Users\edilsonrb\OneDrive - Grupo Algar\02.Trabalho\07.RAO\Janeiro.2014\RAO13-01-2014-FIN.pptx\</t>
  </si>
  <si>
    <t>oleObject18.dat</t>
  </si>
  <si>
    <t>oleObject19.dat</t>
  </si>
  <si>
    <t>oleObject20.dat</t>
  </si>
  <si>
    <t>oleObject21.dat</t>
  </si>
  <si>
    <t>oleObject22.dat</t>
  </si>
  <si>
    <t>oleObject23.dat</t>
  </si>
  <si>
    <t>oleObject24.dat</t>
  </si>
  <si>
    <t>C:\Users\edilsonrb\OneDrive - Grupo Algar\02.Trabalho\07.RAO\Janeiro.2014\RES-SG-2013.pptx\</t>
  </si>
  <si>
    <t>01/13/2020 15:34:37</t>
  </si>
  <si>
    <t>Resumo.Executivo.SG.2013.BH.xlsx</t>
  </si>
  <si>
    <t>Resumo.Executivo.SG.2013.xlsx</t>
  </si>
  <si>
    <t>Resumo.Infra.TI.xlsx</t>
  </si>
  <si>
    <t>01/13/2020 15:34:40</t>
  </si>
  <si>
    <t>C:\Users\edilsonrb\OneDrive - Grupo Algar\02.Trabalho\07.RAO\Janeiro.2014\SG-INFRA-JAN-2014.pptx\</t>
  </si>
  <si>
    <t>C:\Users\edilsonrb\OneDrive - Grupo Algar\02.Trabalho\07.RAO\Janeiro.2015\</t>
  </si>
  <si>
    <t>Análise.Financeira.SG.Governo.xlsx</t>
  </si>
  <si>
    <t>Cópia de Infraestrutura de TI 2015 v7.xlsx</t>
  </si>
  <si>
    <t>01/13/2020 15:34:41</t>
  </si>
  <si>
    <t>Simulação.InfraTI.1T.2015.xlsx</t>
  </si>
  <si>
    <t>01/13/2020 15:34:43</t>
  </si>
  <si>
    <t>C:\Users\edilsonrb\OneDrive - Grupo Algar\02.Trabalho\07.RAO\Junho.2014\RAO.Junho.InfraTI.SG.F.pptx\</t>
  </si>
  <si>
    <t>01/13/2020 15:34:45</t>
  </si>
  <si>
    <t>C:\Users\edilsonrb\OneDrive - Grupo Algar\02.Trabalho\07.RAO\Junho.2014\RAO.Junho.InfraTI.SG.pptx\</t>
  </si>
  <si>
    <t>C:\Users\edilsonrb\OneDrive - Grupo Algar\02.Trabalho\07.RAO\junho.2015\</t>
  </si>
  <si>
    <t>AnaliseInfra.TI.xls</t>
  </si>
  <si>
    <t>C:\Users\edilsonrb\OneDrive - Grupo Algar\02.Trabalho\07.RAO\Maio.2014\</t>
  </si>
  <si>
    <t>PRO-SG-INFRA-TI.xlsx</t>
  </si>
  <si>
    <t>01/13/2020 15:35:04</t>
  </si>
  <si>
    <t>PROV-REC-DNSG.xlsx</t>
  </si>
  <si>
    <t>C:\Users\edilsonrb\OneDrive - Grupo Algar\02.Trabalho\07.RAO\Maio.2015\</t>
  </si>
  <si>
    <t>Projeção.Infraestrutura de TI 2015.xlsx</t>
  </si>
  <si>
    <t>01/13/2020 15:35:07</t>
  </si>
  <si>
    <t>Vendas.SDM - 2015v3.xlsx</t>
  </si>
  <si>
    <t>C:\Users\edilsonrb\OneDrive - Grupo Algar\02.Trabalho\07.RAO\Março-2013\RAO SG SET.pptx\</t>
  </si>
  <si>
    <t>C:\Users\edilsonrb\OneDrive - Grupo Algar\02.Trabalho\07.RAO\Março.2014\</t>
  </si>
  <si>
    <t>Infra.TI - Resumo Executivo.xlsx</t>
  </si>
  <si>
    <t>01/13/2020 15:35:08</t>
  </si>
  <si>
    <t>C:\Users\edilsonrb\OneDrive - Grupo Algar\02.Trabalho\07.RAO\Março.2014\RES-SG - 2013 - Final.pptx\</t>
  </si>
  <si>
    <t>01/13/2020 15:35:09</t>
  </si>
  <si>
    <t>C:\Users\edilsonrb\OneDrive - Grupo Algar\02.Trabalho\07.RAO\Março.2014\RES-SG - 2013V2.pptx\</t>
  </si>
  <si>
    <t>01/13/2020 15:35:10</t>
  </si>
  <si>
    <t>C:\Users\edilsonrb\OneDrive - Grupo Algar\02.Trabalho\07.RAO\Março.2014\RES-SG - 2013V3.pptx\</t>
  </si>
  <si>
    <t>Resultado_Implantação_Infra_SG.xlsx</t>
  </si>
  <si>
    <t>SG - Resumo Executivo.xlsx</t>
  </si>
  <si>
    <t>01/13/2020 15:35:11</t>
  </si>
  <si>
    <t>C:\Users\edilsonrb\OneDrive - Grupo Algar\02.Trabalho\07.RAO\Março.2014\SG-INFRA-MAR-2014.pptx\</t>
  </si>
  <si>
    <t>01/13/2020 15:35:12</t>
  </si>
  <si>
    <t>C:\Users\edilsonrb\OneDrive - Grupo Algar\02.Trabalho\07.RAO\Março.2014\SG-INFRA-MAR-2014O.pptx\</t>
  </si>
  <si>
    <t>C:\Users\edilsonrb\OneDrive - Grupo Algar\02.Trabalho\07.RAO\Outubro.2013\</t>
  </si>
  <si>
    <t>Ind-Infra-TI.xls</t>
  </si>
  <si>
    <t>Ind-SG-1.xls</t>
  </si>
  <si>
    <t>Ind-SG.xls</t>
  </si>
  <si>
    <t>C:\Users\edilsonrb\OneDrive - Grupo Algar\02.Trabalho\07.RAO\Outubro.2014\</t>
  </si>
  <si>
    <t>Analise.Pre.Closing.xlsx</t>
  </si>
  <si>
    <t>01/13/2020 15:35:13</t>
  </si>
  <si>
    <t>Analise.SG.Empresas.xlsx</t>
  </si>
  <si>
    <t>01/13/2020 15:35:14</t>
  </si>
  <si>
    <t>C:\Users\edilsonrb\OneDrive - Grupo Algar\02.Trabalho\07.RAO\Outubro.2014\Apresentação RAO SG.INFRA.TI.pptx\</t>
  </si>
  <si>
    <t>01/13/2020 15:35:15</t>
  </si>
  <si>
    <t>C:\Users\edilsonrb\OneDrive - Grupo Algar\02.Trabalho\07.RAO\Outubro.2014\Pré-Closing 2014(F).pptx\</t>
  </si>
  <si>
    <t>01/13/2020 15:35:16</t>
  </si>
  <si>
    <t>C:\Users\edilsonrb\OneDrive - Grupo Algar\02.Trabalho\07.RAO\Outubro.2014\Pré-Closing 2014.pptx\</t>
  </si>
  <si>
    <t>C:\Users\edilsonrb\OneDrive - Grupo Algar\02.Trabalho\07.RAO\Outubro.2014\Pré-Closing.2014.pptx\</t>
  </si>
  <si>
    <t>C:\Users\edilsonrb\OneDrive - Grupo Algar\02.Trabalho\07.RAO\RAO-16-12-13\</t>
  </si>
  <si>
    <t>Comparativo Rateio SG.xls</t>
  </si>
  <si>
    <t>01/13/2020 15:35:17</t>
  </si>
  <si>
    <t>C:\Users\edilsonrb\OneDrive - Grupo Algar\02.Trabalho\07.RAO\Setembro.2014\</t>
  </si>
  <si>
    <t>Prévia.25.09.xls</t>
  </si>
  <si>
    <t>C:\Users\edilsonrb\OneDrive - Grupo Algar\02.Trabalho\08.PEQ\PEQ-2013.pptx\</t>
  </si>
  <si>
    <t>01/13/2020 15:35:18</t>
  </si>
  <si>
    <t>C:\Users\edilsonrb\OneDrive - Grupo Algar\02.Trabalho\09.Viagens\</t>
  </si>
  <si>
    <t>CUSTO EVENTO GARTNER.xls</t>
  </si>
  <si>
    <t>Cópia de Formulário - Protocolo Relatório de Despesas Capgemini.xls</t>
  </si>
  <si>
    <t>FERNANDO GARCEZ - Solicitação de Passagem Hospedagem e Locação de carro - SP 28 10 14.xlsx</t>
  </si>
  <si>
    <t>Protocolo-10051439.xls</t>
  </si>
  <si>
    <t>Protocolo-10313440.xls</t>
  </si>
  <si>
    <t>Protocolo-11866450.xls</t>
  </si>
  <si>
    <t>Protocolo-11866460.xls</t>
  </si>
  <si>
    <t>Protocolo-11915481.xls</t>
  </si>
  <si>
    <t>Protocolo-11938696.xls</t>
  </si>
  <si>
    <t>Protocolo-11938699.xls</t>
  </si>
  <si>
    <t>Protocolo-11971658.xls</t>
  </si>
  <si>
    <t>Protocolo-12074807.xls</t>
  </si>
  <si>
    <t>Protocolo-12086808.xls</t>
  </si>
  <si>
    <t>Protocolo-12134025.xls</t>
  </si>
  <si>
    <t>Protocolo-12294849.xls</t>
  </si>
  <si>
    <t>Protocolo-12536004.xls</t>
  </si>
  <si>
    <t>Protocolo-12685852.xls</t>
  </si>
  <si>
    <t>Protocolo-12738882.xls</t>
  </si>
  <si>
    <t>Protocolo-12742926.xls</t>
  </si>
  <si>
    <t>01/13/2020 15:35:19</t>
  </si>
  <si>
    <t>Protocolo-12750861.xls</t>
  </si>
  <si>
    <t>Protocolo-12759868.xls</t>
  </si>
  <si>
    <t>Protocolo-12766902.xls</t>
  </si>
  <si>
    <t>Protocolo-12776918.xls</t>
  </si>
  <si>
    <t>Protocolo-12847866.xls</t>
  </si>
  <si>
    <t>Protocolo-12997871.xls</t>
  </si>
  <si>
    <t>Protocolo-13169932.xls</t>
  </si>
  <si>
    <t>Protocolo-13305864.xls</t>
  </si>
  <si>
    <t>Protocolo-13478893.xls</t>
  </si>
  <si>
    <t>Protocolo-13914902.xls</t>
  </si>
  <si>
    <t>Protocolo-1400368.xls</t>
  </si>
  <si>
    <t>Protocolo-14274875.xls</t>
  </si>
  <si>
    <t>Protocolo-14494971.xls</t>
  </si>
  <si>
    <t>Protocolo-1802370.xls</t>
  </si>
  <si>
    <t>Protocolo-2124371.xls</t>
  </si>
  <si>
    <t>Protocolo-2126371.xls</t>
  </si>
  <si>
    <t>Protocolo-2126372.xls</t>
  </si>
  <si>
    <t>Protocolo-2404371.xls</t>
  </si>
  <si>
    <t>Protocolo-2644374.xls</t>
  </si>
  <si>
    <t>Protocolo-2644375.xls</t>
  </si>
  <si>
    <t>Protocolo-3038379.xls</t>
  </si>
  <si>
    <t>Protocolo-3280378.xls</t>
  </si>
  <si>
    <t>Protocolo-3583379.xls</t>
  </si>
  <si>
    <t>Protocolo-3749380.xls</t>
  </si>
  <si>
    <t>Protocolo-3752384.xls</t>
  </si>
  <si>
    <t>Protocolo-4168383.xls</t>
  </si>
  <si>
    <t>01/13/2020 15:35:20</t>
  </si>
  <si>
    <t>Protocolo-4221379.xls</t>
  </si>
  <si>
    <t>Protocolo-4976378.xls</t>
  </si>
  <si>
    <t>Protocolo-5122378.xls</t>
  </si>
  <si>
    <t>Protocolo-5190378.xls</t>
  </si>
  <si>
    <t>Protocolo-5534381.xls</t>
  </si>
  <si>
    <t>Protocolo-5547378.xls</t>
  </si>
  <si>
    <t>Protocolo-5801380.xls</t>
  </si>
  <si>
    <t>Protocolo-5920381.xls</t>
  </si>
  <si>
    <t>Protocolo-6029383.xls</t>
  </si>
  <si>
    <t>Protocolo-6459414.xls</t>
  </si>
  <si>
    <t>Protocolo-7398431.xls</t>
  </si>
  <si>
    <t>Protocolo-7562433.xls</t>
  </si>
  <si>
    <t>Protocolo-8189437.xls</t>
  </si>
  <si>
    <t>Protocolo-8681435.xls</t>
  </si>
  <si>
    <t>Protocolo-8849433.xls</t>
  </si>
  <si>
    <t>Protocolo-8895450.xls</t>
  </si>
  <si>
    <t>Protocolo-9410439.xls</t>
  </si>
  <si>
    <t>Solicitação de Passagem Hospedagem e Locação de carro - BH.11.04.14.xlsx</t>
  </si>
  <si>
    <t>Solicitação de Passagem Hospedagem e Locação de carro - BH.11.06.14.xlsx</t>
  </si>
  <si>
    <t>Solicitação de Passagem Hospedagem e Locação de carro - BH.26.11.14.xlsx</t>
  </si>
  <si>
    <t>Solicitação de Passagem Hospedagem e Locação de carro - BR.03.12.14.xlsx</t>
  </si>
  <si>
    <t>Solicitação de Passagem Hospedagem e Locação de carro - BR.09.09.14.xlsx</t>
  </si>
  <si>
    <t>Solicitação de Passagem Hospedagem e Locação de carro - BR.19.08.14.xlsx</t>
  </si>
  <si>
    <t>Solicitação de Passagem Hospedagem e Locação de carro - BR.25.08.14.xlsx</t>
  </si>
  <si>
    <t>Solicitação de Passagem Hospedagem e Locação de carro - Brasília.09.04.14.xlsx</t>
  </si>
  <si>
    <t>Solicitação de Passagem Hospedagem e Locação de carro - Brasília.10.06.14.xlsx</t>
  </si>
  <si>
    <t>Solicitação de Passagem Hospedagem e Locação de carro - Brasília.20.05.14.xlsx</t>
  </si>
  <si>
    <t>Solicitação de Passagem Hospedagem e Locação de carro - CU.14.01.15.xlsx</t>
  </si>
  <si>
    <t>Solicitação de Passagem Hospedagem e Locação de carro - RJ.24.06.14.xlsx</t>
  </si>
  <si>
    <t>Solicitação de Passagem Hospedagem e Locação de carro - RJ.27.05.14.xlsx</t>
  </si>
  <si>
    <t>Solicitação de Passagem Hospedagem e Locação de carro - SP.02.07.14.xlsx</t>
  </si>
  <si>
    <t>Solicitação de Passagem Hospedagem e Locação de carro - SP.04.06.14.xlsx</t>
  </si>
  <si>
    <t>Solicitação de Passagem Hospedagem e Locação de carro - SP.07.10.14.xlsx</t>
  </si>
  <si>
    <t>Solicitação de Passagem Hospedagem e Locação de carro - SP.15.07.14.xlsx</t>
  </si>
  <si>
    <t>Solicitação de Passagem Hospedagem e Locação de carro - SP.28.10.14.xlsx</t>
  </si>
  <si>
    <t>Solicitação de Passagem Hospedagem e Locação de carro.xlsx</t>
  </si>
  <si>
    <t>01/13/2020 15:35:22</t>
  </si>
  <si>
    <t>C:\Users\edilsonrb\OneDrive - Grupo Algar\02.Trabalho\11.Avaliação.Coletiva.2014\Avaliação Performance - Equipe Edilson Braga.ppt\s4\</t>
  </si>
  <si>
    <t>Planilha do Microsoft Excel1.xlsx</t>
  </si>
  <si>
    <t>Planilha do Microsoft Excel2.xlsx</t>
  </si>
  <si>
    <t>PowerPoint.OleObj.dat</t>
  </si>
  <si>
    <t>PowerPoint.OleObj1.dat</t>
  </si>
  <si>
    <t>C:\Users\edilsonrb\OneDrive - Grupo Algar\02.Trabalho\11.Avaliação.Coletiva.2014\</t>
  </si>
  <si>
    <t>Programação.Avaliação.Coletiva.Edilson.xlsx</t>
  </si>
  <si>
    <t>01/13/2020 15:35:23</t>
  </si>
  <si>
    <t>C:\Users\edilsonrb\OneDrive - Grupo Algar\02.Trabalho\11.Avaliação.Coletiva.2014\Resultado.Financeiro.pptx\</t>
  </si>
  <si>
    <t>C:\Users\edilsonrb\OneDrive - Grupo Algar\02.Trabalho\12.RAE\</t>
  </si>
  <si>
    <t>Infra de TI - Matrizes de Avaliação Eficiência Operacional(Edilson).xlsx</t>
  </si>
  <si>
    <t>01/13/2020 15:35:24</t>
  </si>
  <si>
    <t>C:\Users\edilsonrb\OneDrive - Grupo Algar\02.Trabalho\15.Departamental\02.SET.2016\</t>
  </si>
  <si>
    <t>Departamental.csv</t>
  </si>
  <si>
    <t>C:\Users\edilsonrb\OneDrive - Grupo Algar\02.Trabalho\15.Departamental\01.AGO.2016\</t>
  </si>
  <si>
    <t>C:\Users\edilsonrb\OneDrive - Grupo Algar\02.Trabalho\15.Departamental\</t>
  </si>
  <si>
    <t>Dep.27.05.16.csv</t>
  </si>
  <si>
    <t>Dep.27.05.16.REDIR.06.06.csv</t>
  </si>
  <si>
    <t>01/13/2020 15:35:27</t>
  </si>
  <si>
    <t>Edilson_RelCustos_012014.xlsx</t>
  </si>
  <si>
    <t>Edilson_RelCustos_042014.xlsx</t>
  </si>
  <si>
    <t>01/13/2020 15:35:32</t>
  </si>
  <si>
    <t>Edilson_RelCustos_042015.xlsx</t>
  </si>
  <si>
    <t>Estrutura.DEZ.2014.xlsx</t>
  </si>
  <si>
    <t>01/13/2020 15:35:33</t>
  </si>
  <si>
    <t>Lista.Associados.DEZ.2014.xlsx</t>
  </si>
  <si>
    <t>01/13/2020 15:35:35</t>
  </si>
  <si>
    <t>Lista.Associados.Enviada.xlsx</t>
  </si>
  <si>
    <t>Proposta Merito 05 2015.xlsx</t>
  </si>
  <si>
    <t>Proposta.Merito.05.2015.xlsx</t>
  </si>
  <si>
    <t>Proposta.Sup.Master.05.2015.xlsx</t>
  </si>
  <si>
    <t>01/13/2020 15:35:36</t>
  </si>
  <si>
    <t>C:\Users\edilsonrb\OneDrive - Grupo Algar\02.Trabalho\16.Clientes\03.BAND\</t>
  </si>
  <si>
    <t>Diário de bordo-Band.xlsx</t>
  </si>
  <si>
    <t>01/13/2020 15:35:37</t>
  </si>
  <si>
    <t>C:\Users\edilsonrb\OneDrive - Grupo Algar\02.Trabalho\16.Clientes\03.BAND\DossieBand\Dossie Band\Consolidado_emails_all\Band Documentos validados_Pacote Quézia.msg\s1\Entrega.rar\</t>
  </si>
  <si>
    <t>DiÃ¡rio de bordo-Band.xlsx</t>
  </si>
  <si>
    <t>01/13/2020 15:35:39</t>
  </si>
  <si>
    <t>C:\Users\edilsonrb\OneDrive - Grupo Algar\02.Trabalho\16.Clientes\03.BAND\DossieBand\Dossie Band\Consolidado_emails_all\N3_Paulo\RE Band Para validação_v03.msg\s1\</t>
  </si>
  <si>
    <t>PACOTE CA-SDM_BAND-05022013.xls</t>
  </si>
  <si>
    <t>C:\Users\edilsonrb\OneDrive - Grupo Algar\02.Trabalho\16.Clientes\03.BAND\DossieBand\Dossie Band\Consolidado_emails_all\N3_Paulo\RE Band Reunião 07-02.msg\s1\</t>
  </si>
  <si>
    <t>Plano de comunicação.xlsx</t>
  </si>
  <si>
    <t>01/13/2020 15:35:42</t>
  </si>
  <si>
    <t>C:\Users\edilsonrb\OneDrive - Grupo Algar\02.Trabalho\16.Clientes\03.BAND\DossieBand\Dossie Band\Consolidado_emails_all\RES RES Catálogo de Serviços_N3_Ely.msg\s1\</t>
  </si>
  <si>
    <t>Catalogo Desenvolvimento.xlsx</t>
  </si>
  <si>
    <t>C:\Users\edilsonrb\OneDrive - Grupo Algar\02.Trabalho\16.Clientes\03.BAND\DossieBand\Dossie Band\Consolidado_emails_all\Reuniao 07-02_paulo_pl_com.msg\s1\</t>
  </si>
  <si>
    <t>C:\Users\edilsonrb\OneDrive - Grupo Algar\02.Trabalho\16.Clientes\03.BAND\DossieBand\Dossie Band\Consolidado_emails_all\Sis_Ely\ENC Catálogo de Serviços_02.msg\s1\</t>
  </si>
  <si>
    <t>01/13/2020 15:35:43</t>
  </si>
  <si>
    <t>C:\Users\edilsonrb\OneDrive - Grupo Algar\02.Trabalho\16.Clientes\03.BAND\DossieBand\Dossie Band\</t>
  </si>
  <si>
    <t>Validacoes_consolidado.xlsx</t>
  </si>
  <si>
    <t>01/13/2020 15:35:53</t>
  </si>
  <si>
    <t>C:\Users\edilsonrb\OneDrive - Grupo Algar\02.Trabalho\16.Clientes\03.BAND\DossieBand.rar\Dossie Band\</t>
  </si>
  <si>
    <t>C:\Users\edilsonrb\OneDrive - Grupo Algar\02.Trabalho\16.Clientes\03.BAND\DossieBand.rar\Dossie Band\Consolidado_emails_all\N3_Paulo\RE Band Para validaÃ§Ã£o_v03.msg\s1\</t>
  </si>
  <si>
    <t>C:\Users\edilsonrb\OneDrive - Grupo Algar\02.Trabalho\16.Clientes\03.BAND\DossieBand.rar\Dossie Band\Consolidado_emails_all\N3_Paulo\RE Band ReuniÃ£o 07-02.msg\s1\</t>
  </si>
  <si>
    <t>C:\Users\edilsonrb\OneDrive - Grupo Algar\02.Trabalho\16.Clientes\03.BAND\DossieBand.rar\Dossie Band\Consolidado_emails_all\RES RES CatÃ¡logo de ServiÃ§os_N3_Ely.msg\s1\</t>
  </si>
  <si>
    <t>C:\Users\edilsonrb\OneDrive - Grupo Algar\02.Trabalho\16.Clientes\03.BAND\DossieBand.rar\Dossie Band\Consolidado_emails_all\Reuniao 07-02_paulo_pl_com.msg\s1\</t>
  </si>
  <si>
    <t>C:\Users\edilsonrb\OneDrive - Grupo Algar\02.Trabalho\16.Clientes\03.BAND\DossieBand.rar\Dossie Band\Consolidado_emails_all\Sis_Ely\ENC CatÃ¡logo de ServiÃ§os_02.msg\s1\</t>
  </si>
  <si>
    <t>C:\Users\edilsonrb\OneDrive - Grupo Algar\02.Trabalho\16.Clientes\03.BAND\DossieBand.rar\Dossie Band\Consolidado_emails_all\Band Documentos validados_Pacote QuÃ©zia.msg\s1\Entrega.rar\</t>
  </si>
  <si>
    <t>01/13/2020 15:35:55</t>
  </si>
  <si>
    <t>C:\Users\edilsonrb\OneDrive - Grupo Algar\02.Trabalho\16.Clientes\05.EMS\</t>
  </si>
  <si>
    <t>EMS1.xlsx</t>
  </si>
  <si>
    <t>01/13/2020 15:35:56</t>
  </si>
  <si>
    <t>C:\Users\edilsonrb\OneDrive - Grupo Algar\02.Trabalho\16.Clientes\06.Telecom\Clientes.Telecom.pptx\</t>
  </si>
  <si>
    <t>C:\Users\edilsonrb\OneDrive - Grupo Algar\02.Trabalho\16.Clientes\06.Telecom\</t>
  </si>
  <si>
    <t>FATURAMENTO PARCERIA HOSTING e CLOUD.xlsx</t>
  </si>
  <si>
    <t>01/13/2020 15:35:57</t>
  </si>
  <si>
    <t>C:\Users\edilsonrb\OneDrive - Grupo Algar\02.Trabalho\16.Clientes\07.Bradesco\</t>
  </si>
  <si>
    <t>Medição Agosto Setembro - 12 09 2016.xlsm</t>
  </si>
  <si>
    <t>01/13/2020 15:35:58</t>
  </si>
  <si>
    <t>C:\Users\edilsonrb\OneDrive - Grupo Algar\02.Trabalho\16.Clientes\09.LDC\</t>
  </si>
  <si>
    <t>Anexo IV_Planilha de RFP_Infra Nível 2_v5.xlsx</t>
  </si>
  <si>
    <t>Estratégia.3o.Nivel.xlsx</t>
  </si>
  <si>
    <t>01/13/2020 15:35:59</t>
  </si>
  <si>
    <t>Pricing FINAL - LDC Monitoramento e CIS.XLSX</t>
  </si>
  <si>
    <t>01/13/2020 15:36:02</t>
  </si>
  <si>
    <t>C:\Users\edilsonrb\OneDrive - Grupo Algar\02.Trabalho\16.Clientes\17.Unimed.Patos\</t>
  </si>
  <si>
    <t>Precificação Data Center.Legado.xlsb</t>
  </si>
  <si>
    <t>01/13/2020 15:36:03</t>
  </si>
  <si>
    <t>Precificação Data Center.Novo.xlsb</t>
  </si>
  <si>
    <t>Precificação Data Center.xlsb</t>
  </si>
  <si>
    <t>01/13/2020 15:36:04</t>
  </si>
  <si>
    <t>C:\Users\edilsonrb\OneDrive - Grupo Algar\02.Trabalho\16.Clientes\18.SUPERMIX\</t>
  </si>
  <si>
    <t>Precificação Data Center EM HOMOLOGAÇÂO V 003 25-05-2016_v3.xlsb</t>
  </si>
  <si>
    <t>01/13/2020 15:36:05</t>
  </si>
  <si>
    <t>C:\Users\edilsonrb\OneDrive - Grupo Algar\02.Trabalho\16.Clientes\</t>
  </si>
  <si>
    <t>Precificação_Cenário4-ikaro-v2(Bonsucesso).xlsb</t>
  </si>
  <si>
    <t>01/13/2020 15:36:06</t>
  </si>
  <si>
    <t>C:\Users\edilsonrb\OneDrive - Grupo Algar\02.Trabalho\17.Objetivos.2.2013\1S.2014\2014_Diretrizes Contratação Metas (1º sem.14).pptx\</t>
  </si>
  <si>
    <t>Planilha_do_Microsoft_Office_Excel2.xlsx</t>
  </si>
  <si>
    <t>C:\Users\edilsonrb\OneDrive - Grupo Algar\02.Trabalho\17.Objetivos.2.2013\</t>
  </si>
  <si>
    <t>Comprovação MB - InfraTI.SG.xls</t>
  </si>
  <si>
    <t>Indicadores.SG.BSC.xlsx</t>
  </si>
  <si>
    <t>C:\Users\edilsonrb\OneDrive - Grupo Algar\02.Trabalho\18.Integração.Asyst\</t>
  </si>
  <si>
    <t>Matriz TN Asyst - Clientes de 3N.xlsx</t>
  </si>
  <si>
    <t>Pessoas TI - Área de Negócio.xlsx</t>
  </si>
  <si>
    <t>C:\Users\edilsonrb\OneDrive - Grupo Algar\02.Trabalho\19.Incentivo.SDM\01.2S.2013\</t>
  </si>
  <si>
    <t>Memoria de Calculo Incentivo SDM 2S2013.xlsx</t>
  </si>
  <si>
    <t>PEQ TI - Acompanhamento Financiero do PEQ.xlsx</t>
  </si>
  <si>
    <t>01/13/2020 15:36:07</t>
  </si>
  <si>
    <t>C:\Users\edilsonrb\OneDrive - Grupo Algar\02.Trabalho\20.Reunião.Fechio\Cenario Desafio 1o. Tri_14.eml\Metas 1º Trim 2014.pptx\</t>
  </si>
  <si>
    <t>C:\Users\edilsonrb\OneDrive - Grupo Algar\02.Trabalho\20.Reunião.Fechio\</t>
  </si>
  <si>
    <t>Estrutura Org_Avaliação da Estabilidade do Service Desk 2014 - Consolidado_Tod (2).xlsx</t>
  </si>
  <si>
    <t>01/13/2020 15:36:09</t>
  </si>
  <si>
    <t>C:\Users\edilsonrb\OneDrive - Grupo Algar\02.Trabalho\20.Reunião.Fechio\Infra TI - Contratos.pptx\</t>
  </si>
  <si>
    <t>01/13/2020 15:36:22</t>
  </si>
  <si>
    <t>C:\Users\edilsonrb\OneDrive - Grupo Algar\02.Trabalho\20.Reunião.Fechio\ORC-INFRA-2014-16-04.pptx\</t>
  </si>
  <si>
    <t>C:\Users\edilsonrb\OneDrive - Grupo Algar\02.Trabalho\20.Reunião.Fechio\Receita - Infra TI.pptx\</t>
  </si>
  <si>
    <t>01/13/2020 15:36:27</t>
  </si>
  <si>
    <t>C:\Users\edilsonrb\OneDrive - Grupo Algar\02.Trabalho\20.Reunião.Fechio\Receita - Infra TIF V2 - Alterado.pptx\</t>
  </si>
  <si>
    <t>01/13/2020 15:36:30</t>
  </si>
  <si>
    <t>C:\Users\edilsonrb\OneDrive - Grupo Algar\02.Trabalho\20.Reunião.Fechio\Receita - Infra TIF V2.pptx\</t>
  </si>
  <si>
    <t>01/13/2020 15:36:31</t>
  </si>
  <si>
    <t>01/13/2020 15:36:32</t>
  </si>
  <si>
    <t>C:\Users\edilsonrb\OneDrive - Grupo Algar\02.Trabalho\20.Reunião.Fechio\Receita - Infra TIF.pptx\</t>
  </si>
  <si>
    <t>01/13/2020 15:36:34</t>
  </si>
  <si>
    <t>C:\Users\edilsonrb\OneDrive - Grupo Algar\02.Trabalho\21.Multa.BR\TOP BRAssessmentFinalv17.pptx\</t>
  </si>
  <si>
    <t>C:\Users\edilsonrb\OneDrive - Grupo Algar\02.Trabalho\25.Plano.Tatico.2015\</t>
  </si>
  <si>
    <t>Detalhamento. Multiplicadores.Internos.xlsx</t>
  </si>
  <si>
    <t>Planejamento 2015 - Plano de Governo Revisado.xlsx</t>
  </si>
  <si>
    <t>Planejamento 2015 - Plano de Governo.xlsx</t>
  </si>
  <si>
    <t>Planejamento 2015 - Plano de Infra TI - Revisado.xlsx</t>
  </si>
  <si>
    <t>Planejamento 2015 - Plano de Infra TI.xlsx</t>
  </si>
  <si>
    <t>Planejamento 2015 - Plano de Marketing e Táticos - Final v2.xlsx</t>
  </si>
  <si>
    <t>Plano de ação detalhamento.xlsx</t>
  </si>
  <si>
    <t>01/13/2020 15:36:35</t>
  </si>
  <si>
    <t>Plano de ação.xlsx</t>
  </si>
  <si>
    <t>Plano Tatico Infra de TI Revisado Final.xlsx</t>
  </si>
  <si>
    <t>SSGI - Infra TI 02062015.xlsx</t>
  </si>
  <si>
    <t>SSGI - Infra TI 06072015.xlsx</t>
  </si>
  <si>
    <t>C:\Users\edilsonrb\OneDrive - Grupo Algar\02.Trabalho\27.Plano.Clima.2014\Solicitação de passagens (COTAÇÃO).oft\s1\</t>
  </si>
  <si>
    <t>VIAGEM-SP-28112014.xlsx</t>
  </si>
  <si>
    <t>C:\Users\edilsonrb\OneDrive - Grupo Algar\02.Trabalho\28.CIS\01.Dreyfus\</t>
  </si>
  <si>
    <t>Anexo I_Serviços Infra Nível 2.xlsx</t>
  </si>
  <si>
    <t>Anexo II_Formulário para envio de dúvidas.xlsx</t>
  </si>
  <si>
    <t>Anexo III_SLA Infra2.xls</t>
  </si>
  <si>
    <t>Anexo IV_Planilha de RFP_Infra Nível 2.xlsx</t>
  </si>
  <si>
    <t>Anexo VI - Descritivo de Servidores e Servicos.xlsx</t>
  </si>
  <si>
    <t>01/13/2020 15:36:36</t>
  </si>
  <si>
    <t>C:\Users\edilsonrb\OneDrive - Grupo Algar\02.Trabalho\28.CIS\01.Dreyfus\LDC_ RFP Infra Nível 2_material de cotação.zip\</t>
  </si>
  <si>
    <t>Anexo II_Formul rio para envio de d£vidas.xlsx</t>
  </si>
  <si>
    <t>Anexo IV_Planilha de RFP_Infra N¡vel 2.xlsx</t>
  </si>
  <si>
    <t>Anexo I_Servi‡os Infra N¡vel 2.xlsx</t>
  </si>
  <si>
    <t>01/13/2020 15:36:37</t>
  </si>
  <si>
    <t>Orçamento Dreyfus.ETEK.e.BRUCE.xlsx</t>
  </si>
  <si>
    <t>C:\Users\edilsonrb\OneDrive - Grupo Algar\02.Trabalho\28.CIS\</t>
  </si>
  <si>
    <t>Alocação.xlsx</t>
  </si>
  <si>
    <t>01/13/2020 15:36:38</t>
  </si>
  <si>
    <t>Apropriação.CIS.Fev.15.xlsx</t>
  </si>
  <si>
    <t>Departamental.JAN.1.xlsx</t>
  </si>
  <si>
    <t>Departamental.JAN.xlsx</t>
  </si>
  <si>
    <t>Plano de ação_03032015.xlsx</t>
  </si>
  <si>
    <t>01/13/2020 15:36:40</t>
  </si>
  <si>
    <t>Qtde.Atendimento.NOC.JAN.15.xls</t>
  </si>
  <si>
    <t>Valores Recorrente CIS - Clientes Brasília.xlsx</t>
  </si>
  <si>
    <t>Visão dos Valores Recorrente CIS - CAC.xlsx</t>
  </si>
  <si>
    <t>C:\Users\edilsonrb\OneDrive - Grupo Algar\02.Trabalho\29.Acordo.Judicial.2015\</t>
  </si>
  <si>
    <t>2015_Plano de Ação_Acordo Judicial_Algar Tech (3).xlsx</t>
  </si>
  <si>
    <t>Plano.Ação.30.01.xlsx</t>
  </si>
  <si>
    <t>TH Plano de ação - Banco de Dados - 19.02.xlsx</t>
  </si>
  <si>
    <t>C:\Users\edilsonrb\OneDrive - Grupo Algar\02.Trabalho\32.ACTs\</t>
  </si>
  <si>
    <t>ACTs InfraTI Fev 15 - JR.xlsx</t>
  </si>
  <si>
    <t>ACTs InfraTI Fev 15.xlsx</t>
  </si>
  <si>
    <t>ACTs.Brasília.Jan.15.xlsx</t>
  </si>
  <si>
    <t>ACTs.InfraTI.Fev.15.xlsx</t>
  </si>
  <si>
    <t>Edilson Junho.1.xlsx</t>
  </si>
  <si>
    <t>Edilson Junho.24.06.Orçado.xlsx</t>
  </si>
  <si>
    <t>Edilson Junho.24.06.xlsx</t>
  </si>
  <si>
    <t>Edilson.Junho.xlsx</t>
  </si>
  <si>
    <t>JR.ACT.MAR.xlsx</t>
  </si>
  <si>
    <t>01/13/2020 15:36:41</t>
  </si>
  <si>
    <t>C:\Users\edilsonrb\OneDrive - Grupo Algar\02.Trabalho\33.RV.2015\</t>
  </si>
  <si>
    <t>Análise RV - Infra.F.xlsx</t>
  </si>
  <si>
    <t>Análise RV - Infra.xlsx</t>
  </si>
  <si>
    <t>01/13/2020 15:36:42</t>
  </si>
  <si>
    <t>C:\Users\edilsonrb\OneDrive - Grupo Algar\02.Trabalho\34.Avaliação.2015\Avaliação Coletiva 2015 (002).pptx\</t>
  </si>
  <si>
    <t>C:\Users\edilsonrb\OneDrive - Grupo Algar\02.Trabalho\34.Avaliação.2015\Avaliação Coletiva 2016.pptx\</t>
  </si>
  <si>
    <t>01/13/2020 15:36:43</t>
  </si>
  <si>
    <t>C:\Users\edilsonrb\OneDrive - Grupo Algar\02.Trabalho\34.Avaliação.2015\Avaliação Coletiva Edilson BragaF.pptx\</t>
  </si>
  <si>
    <t>C:\Users\edilsonrb\OneDrive - Grupo Algar\02.Trabalho\34.Avaliação.2015\</t>
  </si>
  <si>
    <t>Indicadores.Desempenho.xlsx</t>
  </si>
  <si>
    <t>C:\Users\edilsonrb\OneDrive - Grupo Algar\02.Trabalho\35.APUR.OBJ.2S.2014\</t>
  </si>
  <si>
    <t>2014_Apuração objetivos corporativos.xlsx</t>
  </si>
  <si>
    <t>CIS.Financeiro.xlsx</t>
  </si>
  <si>
    <t>01/13/2020 15:36:44</t>
  </si>
  <si>
    <t>TCO_BACKUP_2014_V2.xlsx</t>
  </si>
  <si>
    <t>TCO_Balanceador_WAF_2014_V1.xlsx</t>
  </si>
  <si>
    <t>TCO_Firewall_2014_V1_Setembro_14.xlsx</t>
  </si>
  <si>
    <t>TCO_Monitoramento_Spectrum_2014_V1.xlsx</t>
  </si>
  <si>
    <t>TCO_PlataformaNuvemHibrida_AlgarTech_Gerencia_20140912_V1.xlsx</t>
  </si>
  <si>
    <t>TCO_PlataformaNuvemHibrida_AlgarTech_Recurso_20140912_V1.xlsx</t>
  </si>
  <si>
    <t>TCO_Redes_10G_1G_2014_V1.xlsx</t>
  </si>
  <si>
    <t>TCO_SAN_2014_V1.xlsx</t>
  </si>
  <si>
    <t>TCO_STORAGE_2014_V2.xlsx</t>
  </si>
  <si>
    <t>01/13/2020 15:36:45</t>
  </si>
  <si>
    <t>C:\Users\edilsonrb\OneDrive - Grupo Algar\02.Trabalho\37.Objetivos.1S.2015\</t>
  </si>
  <si>
    <t>Evidências Objetivos 1ºsem2015.xlsx</t>
  </si>
  <si>
    <t>01/13/2020 15:36:46</t>
  </si>
  <si>
    <t>Evidências para Apuração dos Objetivos Corporativos_2ºsem2015.xlsx</t>
  </si>
  <si>
    <t>C:\Users\edilsonrb\OneDrive - Grupo Algar\02.Trabalho\39.Clima.2015\</t>
  </si>
  <si>
    <t>2014x2015.xlsx</t>
  </si>
  <si>
    <t>CODIFICAÇÃO CLIMA 2015 - Equipe Edilson Braga.xlsx</t>
  </si>
  <si>
    <t>CODIFICAÇÃO CLIMA 2015 - Equipe José Rogério.xlsx</t>
  </si>
  <si>
    <t>CODIFICAÇÃO CLIMA 2015 - Equipe Marcio.xlsx</t>
  </si>
  <si>
    <t>CODIFICAÇÃO CLIMA 2015 - Equipe Nyara.xlsx</t>
  </si>
  <si>
    <t>01/13/2020 15:36:47</t>
  </si>
  <si>
    <t>CODIFICAÇÃO CLIMA 2015 - Equipe Raimundo.xlsx</t>
  </si>
  <si>
    <t>CODIFICAÇÃO CLIMA 2015 - Equipe Renat.xlsx</t>
  </si>
  <si>
    <t>CODIFICAÇÃO CLIMA 2015 - Equipe Renato.xlsx</t>
  </si>
  <si>
    <t>01/13/2020 15:36:52</t>
  </si>
  <si>
    <t>C:\Users\edilsonrb\OneDrive - Grupo Algar\02.Trabalho\44.TOP.TI.ACCENTURE\01.CIS.BRASILIA\</t>
  </si>
  <si>
    <t>2015 06 - CIS BSB - Transferências.xlsx</t>
  </si>
  <si>
    <t>2015 07 - CIS BSB - Transferências.xlsx</t>
  </si>
  <si>
    <t>2015 08 - CIS BSB - Transferências.xlsx</t>
  </si>
  <si>
    <t>2015 09 - CIS BSB - Transferências.xlsx</t>
  </si>
  <si>
    <t>01/13/2020 15:36:53</t>
  </si>
  <si>
    <t>2015 10 - CIS BSB - Transferências e Receita.xlsx</t>
  </si>
  <si>
    <t>_Consolidado.xlsx</t>
  </si>
  <si>
    <t>C:\Users\edilsonrb\OneDrive - Grupo Algar\02.Trabalho\44.TOP.TI.ACCENTURE\02.HE.SOBREAVISO\</t>
  </si>
  <si>
    <t>CIS - BSB - Sobreaviso.xls</t>
  </si>
  <si>
    <t>CIS - SP - Sobreaviso.xls</t>
  </si>
  <si>
    <t>INFRA.TI.xls</t>
  </si>
  <si>
    <t>01/13/2020 15:36:56</t>
  </si>
  <si>
    <t>C:\Users\edilsonrb\OneDrive - Grupo Algar\02.Trabalho\44.TOP.TI.ACCENTURE\Algar Tech - TOP Infra de TI - Deck Final - 20151209 vFinal (003).pptx\</t>
  </si>
  <si>
    <t>oleObject100.dat</t>
  </si>
  <si>
    <t>oleObject101.dat</t>
  </si>
  <si>
    <t>oleObject102.dat</t>
  </si>
  <si>
    <t>01/13/2020 15:36:57</t>
  </si>
  <si>
    <t>oleObject103.dat</t>
  </si>
  <si>
    <t>oleObject104.dat</t>
  </si>
  <si>
    <t>oleObject105.dat</t>
  </si>
  <si>
    <t>oleObject106.dat</t>
  </si>
  <si>
    <t>oleObject107.dat</t>
  </si>
  <si>
    <t>oleObject108.dat</t>
  </si>
  <si>
    <t>oleObject109.dat</t>
  </si>
  <si>
    <t>oleObject110.dat</t>
  </si>
  <si>
    <t>oleObject111.dat</t>
  </si>
  <si>
    <t>oleObject112.dat</t>
  </si>
  <si>
    <t>oleObject113.dat</t>
  </si>
  <si>
    <t>oleObject114.dat</t>
  </si>
  <si>
    <t>oleObject115.dat</t>
  </si>
  <si>
    <t>oleObject116.dat</t>
  </si>
  <si>
    <t>oleObject26.dat</t>
  </si>
  <si>
    <t>oleObject27.dat</t>
  </si>
  <si>
    <t>oleObject28.dat</t>
  </si>
  <si>
    <t>oleObject29.dat</t>
  </si>
  <si>
    <t>oleObject30.dat</t>
  </si>
  <si>
    <t>oleObject31.dat</t>
  </si>
  <si>
    <t>01/13/2020 15:36:58</t>
  </si>
  <si>
    <t>oleObject32.dat</t>
  </si>
  <si>
    <t>oleObject33.dat</t>
  </si>
  <si>
    <t>oleObject34.dat</t>
  </si>
  <si>
    <t>oleObject35.dat</t>
  </si>
  <si>
    <t>oleObject36.dat</t>
  </si>
  <si>
    <t>oleObject37.dat</t>
  </si>
  <si>
    <t>oleObject38.dat</t>
  </si>
  <si>
    <t>oleObject39.dat</t>
  </si>
  <si>
    <t>oleObject40.dat</t>
  </si>
  <si>
    <t>oleObject41.dat</t>
  </si>
  <si>
    <t>oleObject42.dat</t>
  </si>
  <si>
    <t>oleObject43.dat</t>
  </si>
  <si>
    <t>oleObject44.dat</t>
  </si>
  <si>
    <t>oleObject45.dat</t>
  </si>
  <si>
    <t>oleObject46.dat</t>
  </si>
  <si>
    <t>oleObject47.dat</t>
  </si>
  <si>
    <t>oleObject48.dat</t>
  </si>
  <si>
    <t>oleObject49.dat</t>
  </si>
  <si>
    <t>oleObject50.dat</t>
  </si>
  <si>
    <t>oleObject51.dat</t>
  </si>
  <si>
    <t>oleObject52.dat</t>
  </si>
  <si>
    <t>oleObject53.dat</t>
  </si>
  <si>
    <t>oleObject54.dat</t>
  </si>
  <si>
    <t>oleObject55.dat</t>
  </si>
  <si>
    <t>oleObject56.dat</t>
  </si>
  <si>
    <t>oleObject57.dat</t>
  </si>
  <si>
    <t>oleObject58.dat</t>
  </si>
  <si>
    <t>oleObject59.dat</t>
  </si>
  <si>
    <t>oleObject60.dat</t>
  </si>
  <si>
    <t>01/13/2020 15:36:59</t>
  </si>
  <si>
    <t>oleObject67.dat</t>
  </si>
  <si>
    <t>oleObject68.dat</t>
  </si>
  <si>
    <t>oleObject69.dat</t>
  </si>
  <si>
    <t>oleObject70.dat</t>
  </si>
  <si>
    <t>oleObject71.dat</t>
  </si>
  <si>
    <t>oleObject72.dat</t>
  </si>
  <si>
    <t>oleObject74.dat</t>
  </si>
  <si>
    <t>oleObject75.dat</t>
  </si>
  <si>
    <t>oleObject76.dat</t>
  </si>
  <si>
    <t>oleObject77.dat</t>
  </si>
  <si>
    <t>oleObject78.dat</t>
  </si>
  <si>
    <t>oleObject79.dat</t>
  </si>
  <si>
    <t>oleObject80.dat</t>
  </si>
  <si>
    <t>oleObject81.dat</t>
  </si>
  <si>
    <t>oleObject82.dat</t>
  </si>
  <si>
    <t>oleObject84.dat</t>
  </si>
  <si>
    <t>oleObject85.dat</t>
  </si>
  <si>
    <t>oleObject86.dat</t>
  </si>
  <si>
    <t>oleObject88.dat</t>
  </si>
  <si>
    <t>oleObject89.dat</t>
  </si>
  <si>
    <t>oleObject90.dat</t>
  </si>
  <si>
    <t>oleObject91.dat</t>
  </si>
  <si>
    <t>oleObject93.dat</t>
  </si>
  <si>
    <t>oleObject94.dat</t>
  </si>
  <si>
    <t>oleObject95.dat</t>
  </si>
  <si>
    <t>oleObject96.dat</t>
  </si>
  <si>
    <t>oleObject97.dat</t>
  </si>
  <si>
    <t>oleObject98.dat</t>
  </si>
  <si>
    <t>oleObject99.dat</t>
  </si>
  <si>
    <t>01/13/2020 15:37:00</t>
  </si>
  <si>
    <t>C:\Users\edilsonrb\OneDrive - Grupo Algar\02.Trabalho\44.TOP.TI.ACCENTURE\Algar Tech_Apresentacao_Infra.Abril.pptx\</t>
  </si>
  <si>
    <t>01/13/2020 15:37:01</t>
  </si>
  <si>
    <t>oleObject25.dat</t>
  </si>
  <si>
    <t>C:\Users\edilsonrb\OneDrive - Grupo Algar\02.Trabalho\44.TOP.TI.ACCENTURE\</t>
  </si>
  <si>
    <t>Apoio.xlsx</t>
  </si>
  <si>
    <t>Equipes NOC BKP e Pre-SITE.xlsx</t>
  </si>
  <si>
    <t>Incremental.2016.xlsx</t>
  </si>
  <si>
    <t>01/13/2020 15:37:03</t>
  </si>
  <si>
    <t>Prévia.RB.2016 - Infra de TI.xlsx</t>
  </si>
  <si>
    <t>01/13/2020 15:37:04</t>
  </si>
  <si>
    <t>TOP.STAFF.xlsx</t>
  </si>
  <si>
    <t>01/13/2020 15:37:05</t>
  </si>
  <si>
    <t>C:\Users\edilsonrb\OneDrive - Grupo Algar\02.Trabalho\46.ACOMPANHA.2016\01.RESUL.JAN\</t>
  </si>
  <si>
    <t>Faturamento Mensal INFRA.POR.CLIENTE.REAL.ORÇADOxlsx.xlsx</t>
  </si>
  <si>
    <t>previa faturamento fevereiro 2016.xlsx</t>
  </si>
  <si>
    <t>C:\Users\edilsonrb\OneDrive - Grupo Algar\02.Trabalho\46.ACOMPANHA.2016\</t>
  </si>
  <si>
    <t>Algar Tech - 2016 - Compras - ITO - Requisitos Técnicos Incremental - Urgênte.xlsx</t>
  </si>
  <si>
    <t>01/13/2020 15:37:15</t>
  </si>
  <si>
    <t>Orçamento RB 1º Trim.Final.xlsx</t>
  </si>
  <si>
    <t>01/13/2020 15:37:24</t>
  </si>
  <si>
    <t>Orçamento RB 1º Trim.xlsx</t>
  </si>
  <si>
    <t>Orçamento.ContratosTI.2016.xlsx</t>
  </si>
  <si>
    <t>Receita.2016.Farmer.Hunter.xlsx</t>
  </si>
  <si>
    <t>01/13/2020 15:37:25</t>
  </si>
  <si>
    <t>Receita.Orçada.2016 - Infra de TI v8.SDM.xlsx</t>
  </si>
  <si>
    <t>Receita.Orçada.2016 - Infra de TI v8.xlsx</t>
  </si>
  <si>
    <t>Receita_1_Trimestre_2016.xlsx</t>
  </si>
  <si>
    <t>01/13/2020 15:37:41</t>
  </si>
  <si>
    <t>C:\Users\edilsonrb\OneDrive - Grupo Algar\02.Trabalho\48.REDIR\01.06.06.2016\</t>
  </si>
  <si>
    <t>CustodePessoal SALBA ATIVOS SENIORIDADE HE_Geral Algar Tech-Infra_TI.xlsx</t>
  </si>
  <si>
    <t>Equipe Edilson - TI(IP).xlsx</t>
  </si>
  <si>
    <t>01/13/2020 15:33:39</t>
  </si>
  <si>
    <t>01/13/2020 15:33:59</t>
  </si>
  <si>
    <t>01/13/2020 15:34:52</t>
  </si>
  <si>
    <t>01/13/2020 15:35:02</t>
  </si>
  <si>
    <t>01/13/2020 15:36:15</t>
  </si>
  <si>
    <t>01/13/2020 15:39:29</t>
  </si>
  <si>
    <t>01/13/2020 15:36:19</t>
  </si>
  <si>
    <t>01/13/2020 15:37:49</t>
  </si>
  <si>
    <t>diegorbo@algartech.com;</t>
  </si>
  <si>
    <t>Auditoria dos Processos de CIPA 2019-2020 xlsx.xlsx</t>
  </si>
  <si>
    <t>diegorbo@algartech.com</t>
  </si>
  <si>
    <t>da82e8db-e33d-4fea-89fb-b26664d774f9.tmp</t>
  </si>
  <si>
    <t>\\acsfs\profiles$\francislayneads\Downloads\da82e8db-e33d-4fea-89fb-b26664d774f9.tmp</t>
  </si>
  <si>
    <t>2a1ad376-2d22-42a4-9bd3-0fabfa6a003b.tmp</t>
  </si>
  <si>
    <t>\\acsfs\profiles$\THYAGOSP\Downloads\2a1ad376-2d22-42a4-9bd3-0fabfa6a003b.tmp</t>
  </si>
  <si>
    <t>01/13/2020 15:34:49</t>
  </si>
  <si>
    <t>01/13/2020 15:34:24</t>
  </si>
  <si>
    <t>01/13/2020 15:38:31</t>
  </si>
  <si>
    <t>01/13/2020 15:40:29</t>
  </si>
  <si>
    <t>27301bc5-1885-4f9c-942a-d0231ac69bca.tmp</t>
  </si>
  <si>
    <t>\\acsfs\profiles$\welidicdj\Downloads\27301bc5-1885-4f9c-942a-d0231ac69bca.tmp</t>
  </si>
  <si>
    <t>01/13/2020 15:36:17</t>
  </si>
  <si>
    <t>01/13/2020 15:35:46</t>
  </si>
  <si>
    <t>01/13/2020 15:36:33</t>
  </si>
  <si>
    <t>a48a500c-0a3d-476c-aa71-66e659700509.tmp</t>
  </si>
  <si>
    <t>\\acsfs\profiles$\welidicdj\Downloads\a48a500c-0a3d-476c-aa71-66e659700509.tmp</t>
  </si>
  <si>
    <t>01/13/2020 15:37:18</t>
  </si>
  <si>
    <t>01/13/2020 15:40:17</t>
  </si>
  <si>
    <t>3036e4b2-db9b-4b30-83a4-9deab6da6e73.tmp</t>
  </si>
  <si>
    <t>\\acsfs\profiles$\layonmof\Downloads\3036e4b2-db9b-4b30-83a4-9deab6da6e73.tmp</t>
  </si>
  <si>
    <t>01/13/2020 15:37:31</t>
  </si>
  <si>
    <t>mail.google.com/mail/u/0/jserror?script=https://mail.google.com/mail/u/0/#inbox/fmfcgxwgckbbfsgjmwfpjqhsbbcfdqsl?projector=1&amp;messagepartid=0.1.0&amp;error=class$obf_1011: [/sync/u/0/i/bv] me: unsupported http status: 503&amp;line=not available&amp;txz=p</t>
  </si>
  <si>
    <t>01/13/2020 15:38:09</t>
  </si>
  <si>
    <t>01/13/2020 15:41:29</t>
  </si>
  <si>
    <t>cd00aaf3-d6ab-46f0-817f-aee89d972e69.tmp</t>
  </si>
  <si>
    <t>\\acsfs\profiles$\RAFAELRF\Downloads\cd00aaf3-d6ab-46f0-817f-aee89d972e69.tmp</t>
  </si>
  <si>
    <t>01/13/2020 15:38:26</t>
  </si>
  <si>
    <t>54be9e81-1bac-4adb-afd0-1f5693c180e9.tmp</t>
  </si>
  <si>
    <t>\\acsfs\profiles$\RAFAELRF\Downloads\54be9e81-1bac-4adb-afd0-1f5693c180e9.tmp</t>
  </si>
  <si>
    <t>01/13/2020 15:38:45</t>
  </si>
  <si>
    <t>f18abff5-1630-4826-ae2c-294ae138c850.tmp</t>
  </si>
  <si>
    <t>\\acsfs\profiles$\RAFAELRF\Downloads\f18abff5-1630-4826-ae2c-294ae138c850.tmp</t>
  </si>
  <si>
    <t>01/13/2020 15:39:01</t>
  </si>
  <si>
    <t>7a4471f3-860f-48fc-ad82-901b23ad5ce4.tmp</t>
  </si>
  <si>
    <t>\\acsfs\profiles$\RAFAELRF\Downloads\7a4471f3-860f-48fc-ad82-901b23ad5ce4.tmp</t>
  </si>
  <si>
    <t>01/13/2020 15:39:37</t>
  </si>
  <si>
    <t>1b6918ff-d374-47a8-97ed-6d78ea5e02fd.tmp</t>
  </si>
  <si>
    <t>\\acsfs\profiles$\RAFAELRF\Downloads\1b6918ff-d374-47a8-97ed-6d78ea5e02fd.tmp</t>
  </si>
  <si>
    <t>abacdd8e-96ae-45d5-a385-c2200980c8af.tmp</t>
  </si>
  <si>
    <t>\\acsfs\profiles$\gabrielamdp\Downloads\abacdd8e-96ae-45d5-a385-c2200980c8af.tmp</t>
  </si>
  <si>
    <t>01/13/2020 15:36:11</t>
  </si>
  <si>
    <t>mail.google.com/sync/u/0/i/s?hl=pt-BR&amp;c=999</t>
  </si>
  <si>
    <t>bvservicedesk@bancovotorantim.com.br;ricardodfm@algartech.com.br;</t>
  </si>
  <si>
    <t>bvservicedesk@bancovotorantim.com.br,ricardodfm@algartech.com.br</t>
  </si>
  <si>
    <t>01/13/2020 15:36:13</t>
  </si>
  <si>
    <t>01/13/2020 15:36:20</t>
  </si>
  <si>
    <t>mail.google.com/sync/u/0/i/s?hl=pt-BR&amp;c=1015</t>
  </si>
  <si>
    <t>01/13/2020 15:38:10</t>
  </si>
  <si>
    <t>01/13/2020 15:38:16</t>
  </si>
  <si>
    <t>01/13/2020 15:38:33</t>
  </si>
  <si>
    <t>01/13/2020 15:38:37</t>
  </si>
  <si>
    <t>mail.google.com/sync/u/0/i/s?hl=pt-BR&amp;c=1026</t>
  </si>
  <si>
    <t>01/13/2020 15:39:17</t>
  </si>
  <si>
    <t>mail.google.com/sync/u/0/i/s?hl=pt-BR&amp;c=1028</t>
  </si>
  <si>
    <t>01/13/2020 15:39:27</t>
  </si>
  <si>
    <t>01/13/2020 15:39:50</t>
  </si>
  <si>
    <t>01/13/2020 15:40:14</t>
  </si>
  <si>
    <t>01/13/2020 15:40:39</t>
  </si>
  <si>
    <t>01/13/2020 15:40:46</t>
  </si>
  <si>
    <t>01/13/2020 15:40:47</t>
  </si>
  <si>
    <t>01/13/2020 15:38:54</t>
  </si>
  <si>
    <t>MARCELLE WENDY DE LIMA_1_6777304504492688279_1_32.wav</t>
  </si>
  <si>
    <t>\\acsfs\Deptos\EDUCACAO EMPRESARIAL\KÉSIA\Ligações 2º ciclo - Janeiro 2020\MARCELLE WENDY DE LIMA_1_6777304504492688279_1_32.wav</t>
  </si>
  <si>
    <t>01/13/2020 15:40:13</t>
  </si>
  <si>
    <t>01/13/2020 15:39:44</t>
  </si>
  <si>
    <t>01/13/2020 15:42:29</t>
  </si>
  <si>
    <t>mail.google.com/mail/u/0/jserror?script=https://mail.google.com/mail/u/0/#inbox&amp;error=class$obf_1008: [/sync/u/0/i/s] me: unsupported http status: 503&amp;line=not available&amp;txz=p</t>
  </si>
  <si>
    <t>01/13/2020 15:39:46</t>
  </si>
  <si>
    <t>01/13/2020 15:39:55</t>
  </si>
  <si>
    <t>01/13/2020 15:40:02</t>
  </si>
  <si>
    <t>e299133e-2f75-4c20-b712-6051771c8d78;</t>
  </si>
  <si>
    <t>01/13/2020 15:40:03</t>
  </si>
  <si>
    <t>01/13/2020 15:40:05</t>
  </si>
  <si>
    <t>01/13/2020 15:40:16</t>
  </si>
  <si>
    <t>01/13/2020 15:40:20</t>
  </si>
  <si>
    <t>01/13/2020 15:40:32</t>
  </si>
  <si>
    <t>01/13/2020 15:40:35</t>
  </si>
  <si>
    <t>01/13/2020 15:40:51</t>
  </si>
  <si>
    <t>01/13/2020 15:40:57</t>
  </si>
  <si>
    <t>01/13/2020 15:40:59</t>
  </si>
  <si>
    <t>01/13/2020 15:41:16</t>
  </si>
  <si>
    <t>01/13/2020 15:38:05</t>
  </si>
  <si>
    <t>122c5ad5-0fa9-47fc-95c4-5448407a4d53.tmp</t>
  </si>
  <si>
    <t>\\acsfs\profiles$\adelvinsonle\Downloads\122c5ad5-0fa9-47fc-95c4-5448407a4d53.tmp</t>
  </si>
  <si>
    <t>01/13/2020 15:40:33</t>
  </si>
  <si>
    <t>740fb891-2dd6-48a5-8040-d205589b125e.tmp</t>
  </si>
  <si>
    <t>\\acsfs\profiles$\geovannasm\Downloads\740fb891-2dd6-48a5-8040-d205589b125e.tmp</t>
  </si>
  <si>
    <t>01/13/2020 15:41:24</t>
  </si>
  <si>
    <t>01/13/2020 15:43:29</t>
  </si>
  <si>
    <t>"languagecode":"pt-br";"requesttype":"background_request";"scenariotype;"timezone":"-03:00";#bco-inspetoria@bancovotorantim.com.br;0]l;142961685;1578940297233;35;[];[]]];ancestorhasaugmentedpermissions;atuima2v-l-r4mlrttnejldjmmcmtjqqdb_eo8phe2_wqj_y1ojumr1iabvw2ppblwocree42tuodgonxc9zyrpd_xfoykjevtevtwhy7y59ndrbaejlegewajwiplmm\";containsunsubscribedchildren;displayname;domain;emailaddress;ess"}}�;false;file(kind;fileid;filesize;hasthumbnail;hasvisitorpermissions;id;id);items(deleted;ken;kind;lastmodifyinguser(kind;lastviewedbymedate;modifiedbymedate;modifieddate;null;ontainsunsubscribedchildren;owners(kind;p";per;permissionid;picture;shared;sharedwithmedate;thumbnailversion;title;true]";userpermission(role);workspaceids;</t>
  </si>
  <si>
    <t>"languagecode":"pt-br","requesttype":"background_request","scenariotype,"timezone":"-03:00",#bco-inspetoria@bancovotorantim.com.br,0]l,142961685,1578940297233,35,[],[]]],ancestorhasaugmentedpermissions,atuima2v-l-r4mlrttnejldjmmcmtjqqdb_eo8phe2_wqj_y1ojumr1iabvw2ppblwocree42tuodgonxc9zyrpd_xfoykjevtevtwhy7y59ndrbaejlegewajwiplmm\",containsunsubscribedchildren,displayname,domain,emailaddress,ess"}}�,false,file(kind,fileid,filesize,hasthumbnail,hasvisitorpermissions,id,id),items(deleted,ken,kind,lastmodifyinguser(kind,lastviewedbymedate,modifiedbymedate,modifieddate,null,ontainsunsubscribedchildren,owners(kind,p",per,permissionid,picture,shared,sharedwithmedate,thumbnailversion,title,true]",userpermission(role),workspaceids</t>
  </si>
  <si>
    <t>01/13/2020 15:41:39</t>
  </si>
  <si>
    <t>#bco-inspetoria@bancovotorantim.com.br;flaviacno@algartech.com;gustavodsil@algartech.com;maristelavodq@bv.algartech.com;</t>
  </si>
  <si>
    <t>#bco-inspetoria@bancovotorantim.com.br,flaviacno@algartech.com,gustavodsil@algartech.com,maristelavodq@bv.algartech.com</t>
  </si>
  <si>
    <t>01/13/2020 15:41:51</t>
  </si>
  <si>
    <t>#bco-inspetoria@bancovotorantim.com.br;4repet0scaaaa4liaaaanmqf2kz44sg1npvhrp5ya-eah9mzpvg6kl9izriwjk97h6v_kcjh4sw2rf_itsulvo-3l6-wytsybqsmi4xv23fkeay8qmocdpcm6u6mkhgpg1ycp4mktrb_yi4ruhaswq2li4w3ybymavyxxvltnranpmk;</t>
  </si>
  <si>
    <t>#bco-inspetoria@bancovotorantim.com.br,4repet0scaaaa4liaaaanmqf2kz44sg1npvhrp5ya-eah9mzpvg6kl9izriwjk97h6v_kcjh4sw2rf_itsulvo-3l6-wytsybqsmi4xv23fkeay8qmocdpcm6u6mkhgpg1ycp4mktrb_yi4ruhaswq2li4w3ybymavyxxvltnranpmk</t>
  </si>
  <si>
    <t>01/13/2020 15:41:58</t>
  </si>
  <si>
    <t>01/13/2020 15:42:03</t>
  </si>
  <si>
    <t>mail.google.com/sync/u/0/i/s?hl=pt-BR&amp;c=1023</t>
  </si>
  <si>
    <t>01/13/2020 15:42:05</t>
  </si>
  <si>
    <t>01/13/2020 15:42:14</t>
  </si>
  <si>
    <t>0]rializab'i� pp;0]�&gt; 39;142961685;1578932472947;1578940899286;37;9;[];[]]];andrelpsa@algartech.com;atuima2v-l-r4mlrttnejldjmmcmtjqqdb_eo8phe2_wqj_y1ojumr1iabvw2ppblwocree42tuodgonxc9zyhvd_xfobdqaohtd6nhrws-0tlvuhqmo_hq2bynvqmoi\";atuima2v-l-r4mlrttnejldjmmcmtjqqdb_eo8phe2_wqj_y1ojumr1iabvw2ppblwocree42tuodgonxc9zyqvd_xfmxskzzowyihtcd9n55i4agig3jz4oqjptu1m8\";false;null;supervisaobancovotorantim@algartech.com;true]";</t>
  </si>
  <si>
    <t>0]rializab'i� pp,0]�&gt; 39,142961685,1578932472947,1578940899286,37,9,[],[]]],andrelpsa@algartech.com,atuima2v-l-r4mlrttnejldjmmcmtjqqdb_eo8phe2_wqj_y1ojumr1iabvw2ppblwocree42tuodgonxc9zyhvd_xfobdqaohtd6nhrws-0tlvuhqmo_hq2bynvqmoi\",atuima2v-l-r4mlrttnejldjmmcmtjqqdb_eo8phe2_wqj_y1ojumr1iabvw2ppblwocree42tuodgonxc9zyqvd_xfmxskzzowyihtcd9n55i4agig3jz4oqjptu1m8\",false,null,supervisaobancovotorantim@algartech.com,true]"</t>
  </si>
  <si>
    <t>01/13/2020 15:42:21</t>
  </si>
  <si>
    <t>#bco-inspetoria@bancovotorantim.com.br;andrelpsa@algartech.com;flaviacno@algartech.com;gustavodsil@algartech.com;maristelavodq@bv.algartech.com;supervisaobancovotorantim@algartech.com;</t>
  </si>
  <si>
    <t>#bco-inspetoria@bancovotorantim.com.br,andrelpsa@algartech.com,flaviacno@algartech.com,gustavodsil@algartech.com,maristelavodq@bv.algartech.com,supervisaobancovotorantim@algartech.com</t>
  </si>
  <si>
    <t>01/13/2020 15:38:18</t>
  </si>
  <si>
    <t>C:\Users\edilsonrb\OneDrive - Grupo Algar\02.Trabalho\48.REDIR\Infra.TI.Conversao.Final.pptx\</t>
  </si>
  <si>
    <t>01/13/2020 15:38:19</t>
  </si>
  <si>
    <t>C:\Users\edilsonrb\OneDrive - Grupo Algar\02.Trabalho\50.HE.2016\</t>
  </si>
  <si>
    <t>HE.JAN.2016.xls</t>
  </si>
  <si>
    <t>C:\Users\edilsonrb\OneDrive - Grupo Algar\02.Trabalho\51.PPT.SILVIO\01.RAO\01.MAIO.2016\</t>
  </si>
  <si>
    <t>FORECAST DA RECEITA - Banco de Dados v6.xlsx</t>
  </si>
  <si>
    <t>01/13/2020 15:38:20</t>
  </si>
  <si>
    <t>C:\Users\edilsonrb\OneDrive - Grupo Algar\02.Trabalho\51.PPT.SILVIO\01.RAO\01.MAIO.2016\Modelo para RAO (002).pptx\</t>
  </si>
  <si>
    <t>OFICIAL.F.xlsx</t>
  </si>
  <si>
    <t>01/13/2020 15:38:21</t>
  </si>
  <si>
    <t>OFICIAL.xlsx</t>
  </si>
  <si>
    <t>01/13/2020 15:38:22</t>
  </si>
  <si>
    <t>C:\Users\edilsonrb\OneDrive - Grupo Algar\02.Trabalho\51.PPT.SILVIO\01.RAO\02.JUNHO.2016\</t>
  </si>
  <si>
    <t>Avos de Férias.Nay.xlsx</t>
  </si>
  <si>
    <t>01/13/2020 15:38:23</t>
  </si>
  <si>
    <t>Avos de Férias.xlsx</t>
  </si>
  <si>
    <t>Avos.30.06.xlsx</t>
  </si>
  <si>
    <t>IP.Edilson.Braga.07.07.xlsx</t>
  </si>
  <si>
    <t>IP.Edilson.Braga.xlsx</t>
  </si>
  <si>
    <t>Razão.Maio.xls</t>
  </si>
  <si>
    <t>01/13/2020 15:38:24</t>
  </si>
  <si>
    <t>Redir.20.06.xlsx</t>
  </si>
  <si>
    <t>C:\Users\edilsonrb\OneDrive - Grupo Algar\02.Trabalho\51.PPT.SILVIO\01.RAO\03.AGOSTO.2016\</t>
  </si>
  <si>
    <t>Analise.xls</t>
  </si>
  <si>
    <t>C:\Users\edilsonrb\OneDrive - Grupo Algar\02.Trabalho\51.PPT.SILVIO\01.RAO\04.SETEMBRO.2016\</t>
  </si>
  <si>
    <t>Proj.C.2.Projeção.xlsx</t>
  </si>
  <si>
    <t>01/13/2020 15:38:25</t>
  </si>
  <si>
    <t>C:\Users\edilsonrb\OneDrive - Grupo Algar\02.Trabalho\51.PPT.SILVIO\02.ROADMAP.2016\</t>
  </si>
  <si>
    <t>BP Infra de TI 2016 a 2020 - v5.xlsb</t>
  </si>
  <si>
    <t>BP Infra de TI 2016 a 2020 - v5F.xlsb</t>
  </si>
  <si>
    <t>Resumo.xlsx</t>
  </si>
  <si>
    <t>C:\Users\edilsonrb\OneDrive - Grupo Algar\02.Trabalho\51.PPT.SILVIO\05.ESTOQUE.RECEITA\</t>
  </si>
  <si>
    <t>Governança do Estoque de Receita PMO 07 03 16 (003).xlsx</t>
  </si>
  <si>
    <t>C:\Users\edilsonrb\OneDrive - Grupo Algar\02.Trabalho\51.PPT.SILVIO\06.PROJEÇÃO.RECEITA\01.MAIO.2016\</t>
  </si>
  <si>
    <t>FORECAST DA RECEITA - Banco de Dados v5.xlsx</t>
  </si>
  <si>
    <t>C:\Users\edilsonrb\OneDrive - Grupo Algar\02.Trabalho\51.PPT.SILVIO\06.PROJEÇÃO.RECEITA\02.JUNHO.2016\</t>
  </si>
  <si>
    <t>FORECAST DA RECEITA - Banco de Dados ITO.xlsx</t>
  </si>
  <si>
    <t>FORECAST DA RECEITA - Banco de Dados v11 - NAYANNE.xlsx</t>
  </si>
  <si>
    <t>01/13/2020 15:38:34</t>
  </si>
  <si>
    <t>FORECAST DA RECEITA - Banco de Dados v11.xlsx</t>
  </si>
  <si>
    <t>FORECAST DA RECEITA - Banco de Dados v14.xlsx</t>
  </si>
  <si>
    <t>FORECAST ITO Maio 2016 09 06 v3.xlsx</t>
  </si>
  <si>
    <t>Modelo RAO 10 06 v2.xlsx</t>
  </si>
  <si>
    <t>Modelo.xlsx</t>
  </si>
  <si>
    <t>C:\Users\edilsonrb\OneDrive - Grupo Algar\02.Trabalho\51.PPT.SILVIO\06.PROJEÇÃO.RECEITA\</t>
  </si>
  <si>
    <t>JAN.FEV.xls</t>
  </si>
  <si>
    <t>01/13/2020 15:38:35</t>
  </si>
  <si>
    <t>Projeção Abr-Dez 2016.F.xlsx</t>
  </si>
  <si>
    <t>Projeção Abr-Dez 2016.xlsx</t>
  </si>
  <si>
    <t>Projeção Mar-Dez 2016.xlsx</t>
  </si>
  <si>
    <t>Projeção.12.05.2016.xlsx</t>
  </si>
  <si>
    <t>Projeção.13.05.2016.xlsx</t>
  </si>
  <si>
    <t>Resultado por Custo_Mar-2016.xlsx</t>
  </si>
  <si>
    <t>C:\Users\edilsonrb\OneDrive - Grupo Algar\02.Trabalho\51.PPT.SILVIO\07.CLIENTE\01.AMAZON\</t>
  </si>
  <si>
    <t>Análise do Lucro Econômico Amazon.xlsx</t>
  </si>
  <si>
    <t>BP Amazon Consolidado as is+20.xlsb</t>
  </si>
  <si>
    <t>01/13/2020 15:38:36</t>
  </si>
  <si>
    <t>BP Amazon Consolidado as is.xlsb</t>
  </si>
  <si>
    <t>BP Amazon Consolidado cenário AS IS Mais 20.xlsb</t>
  </si>
  <si>
    <t>BP Amazon Consolidado cenário Holding.xlsb</t>
  </si>
  <si>
    <t>BP Amazon Consolidado cenário Silvio.xlsb</t>
  </si>
  <si>
    <t>BP Amazon Consolidado com desconto.xlsb</t>
  </si>
  <si>
    <t>BP Amazon Consolidado target do cliente.xlsb</t>
  </si>
  <si>
    <t>C:\Users\edilsonrb\OneDrive - Grupo Algar\02.Trabalho\51.PPT.SILVIO\09.GERENCIAL\01.ABR.2016\</t>
  </si>
  <si>
    <t>DCs.xlsx</t>
  </si>
  <si>
    <t>DRE.1T.2016.xls</t>
  </si>
  <si>
    <t>C:\Users\edilsonrb\OneDrive - Grupo Algar\02.Trabalho\51.PPT.SILVIO\10.DIVERSOS\01.FEV.25\Desafios.ITO.F.pptx\</t>
  </si>
  <si>
    <t>C:\Users\edilsonrb\OneDrive - Grupo Algar\02.Trabalho\51.PPT.SILVIO\10.DIVERSOS\01.FEV.25\Desafios.ITO.pptx\</t>
  </si>
  <si>
    <t>C:\Users\edilsonrb\OneDrive - Grupo Algar\02.Trabalho\51.PPT.SILVIO\10.DIVERSOS\01.FEV.25\</t>
  </si>
  <si>
    <t>Detalhado de Contas 2016.F.xls</t>
  </si>
  <si>
    <t>01/13/2020 15:38:38</t>
  </si>
  <si>
    <t>Detalhado de Contas 2016.xls</t>
  </si>
  <si>
    <t>01/13/2020 15:38:46</t>
  </si>
  <si>
    <t>C:\Users\edilsonrb\OneDrive - Grupo Algar\02.Trabalho\51.PPT.SILVIO\10.DIVERSOS\01.FEV.25\ITO.F.pptx\</t>
  </si>
  <si>
    <t>Microsoft_Excel_97-2003_Worksheet2.xls</t>
  </si>
  <si>
    <t>Microsoft_Excel_97-2003_Worksheet3.xls</t>
  </si>
  <si>
    <t>01/13/2020 15:38:59</t>
  </si>
  <si>
    <t>C:\Users\edilsonrb\OneDrive - Grupo Algar\02.Trabalho\51.PPT.SILVIO\10.DIVERSOS\01.FEV.25\ITO.pptx\</t>
  </si>
  <si>
    <t>Pontes Edilson.F.1.xlsx</t>
  </si>
  <si>
    <t>Pontes Edilson.F.2.xlsx</t>
  </si>
  <si>
    <t>Pontes Edilson.F.xlsx</t>
  </si>
  <si>
    <t>Pontes Edilson.xlsx</t>
  </si>
  <si>
    <t>01/13/2020 15:39:02</t>
  </si>
  <si>
    <t>RL Trimestral 13-15.xlsx</t>
  </si>
  <si>
    <t>C:\Users\edilsonrb\OneDrive - Grupo Algar\02.Trabalho\51.PPT.SILVIO\10.DIVERSOS\02.MAR.03\Infra-TI.pptx\</t>
  </si>
  <si>
    <t>01/13/2020 15:39:05</t>
  </si>
  <si>
    <t>C:\Users\edilsonrb\OneDrive - Grupo Algar\02.Trabalho\51.PPT.SILVIO\10.DIVERSOS\03.REDIR.07.03\</t>
  </si>
  <si>
    <t>ORÇADO X FATURADO 2016v2.xlsx</t>
  </si>
  <si>
    <t>01/13/2020 15:39:06</t>
  </si>
  <si>
    <t>C:\Users\edilsonrb\OneDrive - Grupo Algar\02.Trabalho\51.PPT.SILVIO\10.DIVERSOS\03.REDIR.07.03\Pontes Receita.pptx\</t>
  </si>
  <si>
    <t>RB.xlsx</t>
  </si>
  <si>
    <t>RL.4T.2015.xls</t>
  </si>
  <si>
    <t>C:\Users\edilsonrb\OneDrive - Grupo Algar\02.Trabalho\51.PPT.SILVIO\10.DIVERSOS\04.MAR.08\Desafios.ITO.F.pptx\</t>
  </si>
  <si>
    <t>01/13/2020 15:39:07</t>
  </si>
  <si>
    <t>C:\Users\edilsonrb\OneDrive - Grupo Algar\02.Trabalho\51.PPT.SILVIO\10.DIVERSOS\04.MAR.08\Levantamento DataCenter-v2.pptx\</t>
  </si>
  <si>
    <t>C:\Users\edilsonrb\OneDrive - Grupo Algar\02.Trabalho\51.PPT.SILVIO\10.DIVERSOS\04.MAR.08\</t>
  </si>
  <si>
    <t>C:\Users\edilsonrb\OneDrive - Grupo Algar\02.Trabalho\51.PPT.SILVIO\10.DIVERSOS\05.JULHO.2016\</t>
  </si>
  <si>
    <t>Análise RV.xlsx</t>
  </si>
  <si>
    <t>Infra TI HE.xlsx</t>
  </si>
  <si>
    <t>C:\Users\edilsonrb\OneDrive - Grupo Algar\02.Trabalho\51.PPT.SILVIO\10.DIVERSOS\06.AGOSTO.2016\</t>
  </si>
  <si>
    <t>Histórico Reajustes 2016 e Novos Negocios com MCs abaixo 2016 v2.xlsx</t>
  </si>
  <si>
    <t>01/13/2020 15:39:39</t>
  </si>
  <si>
    <t>Renovações.xlsx</t>
  </si>
  <si>
    <t>C:\Users\edilsonrb\OneDrive - Grupo Algar\02.Trabalho\51.PPT.SILVIO\10.DIVERSOS\07.SETEMBRO.2016\</t>
  </si>
  <si>
    <t>Ações Integração TI Interna.Executiva.xlsx</t>
  </si>
  <si>
    <t>Ações Integração TI Interna.xlsx</t>
  </si>
  <si>
    <t>01/13/2020 15:39:40</t>
  </si>
  <si>
    <t>C:\Users\edilsonrb\OneDrive - Grupo Algar\02.Trabalho\51.PPT.SILVIO\10.DIVERSOS\07.SETEMBRO.2016\Capex ITO.Storage.pptx\</t>
  </si>
  <si>
    <t>oleObject1.xlsx</t>
  </si>
  <si>
    <t>01/13/2020 15:39:41</t>
  </si>
  <si>
    <t>INCREMENTAL.2017.V1.xlsx</t>
  </si>
  <si>
    <t>01/13/2020 15:39:42</t>
  </si>
  <si>
    <t>INCREMENTAL.2017.V2.xlsx</t>
  </si>
  <si>
    <t>01/13/2020 15:39:43</t>
  </si>
  <si>
    <t>INCREMENTAL.2017.xlsx</t>
  </si>
  <si>
    <t>C:\Users\edilsonrb\OneDrive - Grupo Algar\02.Trabalho\51.PPT.SILVIO\10.DIVERSOS\07.SETEMBRO.2016\PMO Algar Tech - TAP - Incremental Storage 2016.pptx\</t>
  </si>
  <si>
    <t>C:\Users\edilsonrb\OneDrive - Grupo Algar\02.Trabalho\51.PPT.SILVIO\10.DIVERSOS\07.SETEMBRO.2016\Resumo Capex ITO 2016.pptx\</t>
  </si>
  <si>
    <t>01/13/2020 15:39:45</t>
  </si>
  <si>
    <t>C:\Users\edilsonrb\OneDrive - Grupo Algar\02.Trabalho\51.PPT.SILVIO\10.DIVERSOS\07.SETEMBRO.2016\Resumo-Necessidade-Storage-Setembro-2016.pptx\</t>
  </si>
  <si>
    <t>oleObject2.xlsx</t>
  </si>
  <si>
    <t>C:\Users\edilsonrb\OneDrive - Grupo Algar\02.Trabalho\51.PPT.SILVIO\10.DIVERSOS\11.MAIO.2016\</t>
  </si>
  <si>
    <t>Dep.ABR.2015.csv</t>
  </si>
  <si>
    <t>Dep.ABR.2016.csv</t>
  </si>
  <si>
    <t>Solicitações de Férias Irregulares.xls</t>
  </si>
  <si>
    <t>Template para Levantar Processos e ajudar Simplifica los v1.xlsx</t>
  </si>
  <si>
    <t>C:\Users\edilsonrb\OneDrive - Grupo Algar\02.Trabalho\51.PPT.SILVIO\11.EFICIENCIA.OPERACIONAL\</t>
  </si>
  <si>
    <t>Governança de Iniciativas COO_v23.xlsx</t>
  </si>
  <si>
    <t>C:\Users\edilsonrb\OneDrive - Grupo Algar\02.Trabalho\51.PPT.SILVIO\12.RMO\01.MAR.2016\</t>
  </si>
  <si>
    <t>2016_levantamento datacenter-v2.xlsx</t>
  </si>
  <si>
    <t>Cópia de Resultado por Custo_Fev2016 (ITO).xlsx</t>
  </si>
  <si>
    <t>Resultado por Custo_Fev2016 (ITO).xlsx</t>
  </si>
  <si>
    <t>C:\Users\edilsonrb\OneDrive - Grupo Algar\02.Trabalho\51.PPT.SILVIO\12.RMO\02.ABR.2016\</t>
  </si>
  <si>
    <t>Agrupamento.xls</t>
  </si>
  <si>
    <t>01/13/2020 15:39:47</t>
  </si>
  <si>
    <t>C:\Users\edilsonrb\OneDrive - Grupo Algar\02.Trabalho\51.PPT.SILVIO\12.RMO\02.ABR.2016\Infraestrutura de TI - RMOv2.pptx\</t>
  </si>
  <si>
    <t>Microsoft_Excel_Worksheet30.xlsx</t>
  </si>
  <si>
    <t>Microsoft_Excel_Worksheet31.xlsx</t>
  </si>
  <si>
    <t>Microsoft_Excel_Worksheet32.xlsx</t>
  </si>
  <si>
    <t>Microsoft_Excel_Worksheet33.xlsx</t>
  </si>
  <si>
    <t>Projeção.Abr.Mai.xlsx</t>
  </si>
  <si>
    <t>01/13/2020 15:39:48</t>
  </si>
  <si>
    <t>Projeção.Abril.xls</t>
  </si>
  <si>
    <t>Projeção.Maio.xls</t>
  </si>
  <si>
    <t>Resultado por Custo_Mar-2016 (002).xlsx</t>
  </si>
  <si>
    <t>Resultado por Custo_Mar-2016 (FINAL).xlsx</t>
  </si>
  <si>
    <t>Resultado por Custo_Mar-2016.F1.xlsx</t>
  </si>
  <si>
    <t>C:\Users\edilsonrb\OneDrive - Grupo Algar\02.Trabalho\51.PPT.SILVIO\12.RMO\02.ABR.2016\RMO Consolidada.pptx\</t>
  </si>
  <si>
    <t>Microsoft_Excel_Worksheet34.xlsx</t>
  </si>
  <si>
    <t>Microsoft_Excel_Worksheet35.xlsx</t>
  </si>
  <si>
    <t>Microsoft_Excel_Worksheet36.xlsx</t>
  </si>
  <si>
    <t>C:\Users\edilsonrb\OneDrive - Grupo Algar\02.Trabalho\51.PPT.SILVIO\12.RMO\03.MAI.2016\</t>
  </si>
  <si>
    <t>Gráfico no Microsoft PowerPoint.xlsx</t>
  </si>
  <si>
    <t>01/13/2020 15:39:52</t>
  </si>
  <si>
    <t>C:\Users\edilsonrb\OneDrive - Grupo Algar\02.Trabalho\51.PPT.SILVIO\12.RMO\03.MAI.2016\Infraestrutura de TI - RMOv2.pptx\</t>
  </si>
  <si>
    <t>01/13/2020 15:39:53</t>
  </si>
  <si>
    <t>C:\Users\edilsonrb\OneDrive - Grupo Algar\02.Trabalho\51.PPT.SILVIO\12.RMO\03.MAI.2016\Modelo Infra- RMO v6 (003).pptx\</t>
  </si>
  <si>
    <t>C:\Users\edilsonrb\OneDrive - Grupo Algar\02.Trabalho\51.PPT.SILVIO\12.RMO\04.JUN.2016\</t>
  </si>
  <si>
    <t>Cenario e Capturas - Onda 1 - Ate Maio-2016.xlsx</t>
  </si>
  <si>
    <t>01/13/2020 15:39:54</t>
  </si>
  <si>
    <t>C:\Users\edilsonrb\OneDrive - Grupo Algar\02.Trabalho\51.PPT.SILVIO\12.RMO\04.JUN.2016\Modelo Infra- RMO v7 (17 06) (003).pptx\</t>
  </si>
  <si>
    <t>C:\Users\edilsonrb\OneDrive - Grupo Algar\02.Trabalho\51.PPT.SILVIO\12.RMO\04.JUN.2016\Modelo Infra- RMO v7 (17 06).pptx\</t>
  </si>
  <si>
    <t>Resultado por Custo_MAI-2016 v8 ROM 17 06.xlsx</t>
  </si>
  <si>
    <t>C:\Users\edilsonrb\OneDrive - Grupo Algar\02.Trabalho\51.PPT.SILVIO\12.RMO\05.JUL.2016\</t>
  </si>
  <si>
    <t>Cenario e Capturas.xlsx</t>
  </si>
  <si>
    <t>01/13/2020 15:40:12</t>
  </si>
  <si>
    <t>Forecast Operacional_Julho v15.xlsb</t>
  </si>
  <si>
    <t>C:\Users\edilsonrb\OneDrive - Grupo Algar\02.Trabalho\51.PPT.SILVIO\12.RMO\05.JUL.2016\Modelo Infra- RMO Julho.pptx\</t>
  </si>
  <si>
    <t>Modelo.E.xlsx</t>
  </si>
  <si>
    <t>C:\Users\edilsonrb\OneDrive - Grupo Algar\02.Trabalho\51.PPT.SILVIO\12.RMO\05.JUL.2016\RAO - Infra.Jul.pptx\</t>
  </si>
  <si>
    <t>C:\Users\edilsonrb\OneDrive - Grupo Algar\02.Trabalho\51.PPT.SILVIO\12.RMO\06.AGO.2016\</t>
  </si>
  <si>
    <t>Depreciação.xls</t>
  </si>
  <si>
    <t>Estudo 238 - Energia Eletrica_V2.xlsx</t>
  </si>
  <si>
    <t>Governança de Iniciativas COO_v24.xlsx</t>
  </si>
  <si>
    <t>C:\Users\edilsonrb\OneDrive - Grupo Algar\02.Trabalho\51.PPT.SILVIO\12.RMO\06.AGO.2016\RAO - Infra.Ago.pptx\</t>
  </si>
  <si>
    <t>01/13/2020 15:40:18</t>
  </si>
  <si>
    <t>C:\Users\edilsonrb\OneDrive - Grupo Algar\02.Trabalho\51.PPT.SILVIO\12.RMO\06.AGO.2016\ROM 08 08 FINAL.pptx\</t>
  </si>
  <si>
    <t>01/13/2020 15:41:22</t>
  </si>
  <si>
    <t>C:\Users\edilsonrb\OneDrive - Grupo Algar\02.Trabalho\51.PPT.SILVIO\12.RMO\06.AGO.2016\ROM 09 08 FINAL.pptx\</t>
  </si>
  <si>
    <t>01/13/2020 15:38:48</t>
  </si>
  <si>
    <t>http://browser.pipe.aria.microsoft.com/collector/3.0/?qsp=true&amp;content-type=application/bond-compact-binary&amp;client-id=no_auth&amp;sdk-version=awt-web-js-1.8.1&amp;x-apikey=a387cfcf60114a43a7699f9fbb49289e-9bceb9fe-1c06-460f-96c5-6a0b247358bc-7238,708a9eb9fe2646fe8f4c37b7eee2e3da-9b97485a-57b9-43a8-8177-07ca7a653a30-6706,8025e5036b77483783612070662d3127-d2fcc34c-3b1d-4fdd-8759-7d2b573371c8-6859&amp;client-time-epoch-millis=1578899994065&amp;time-delta-to-apply-millis=-17</t>
  </si>
  <si>
    <t>http:///batch?%24ct=multipart%2Fmixed%3B%20boundary%3D%22%3D%3D%3D%3D%3Dwxfejawzjcd3%3D%3D%3D%3D%3D%22&amp;key=AIzaSyAy9VVXHSpS2IJpptzYtGbLP3-3_l0aBk4</t>
  </si>
  <si>
    <t>containsunsubscribedchildren;displayname;domain;emailaddress;filesize;hasvisitorpermissions;id);items(kind;ken;lastmodifyinguser(kind;lastviewedbymedate;modifiedbymedate;modifieddate;ontainsunsubscribedchildren;owners(kind;permissionid;picture;picture�;workspaceids;</t>
  </si>
  <si>
    <t>http://containsunsubscribedchildren,displayname,domain,emailaddress,filesize,hasvisitorpermissions,id),items(kind,ken,lastmodifyinguser(kind,lastviewedbymedate,modifiedbymedate,modifieddate,ontainsunsubscribedchildren,owners(kind,permissionid,picture,picture�,workspaceids</t>
  </si>
  <si>
    <t>01/13/2020 15:40:21</t>
  </si>
  <si>
    <t>C:\Users\edilsonrb\OneDrive - Grupo Algar\02.Trabalho\51.PPT.SILVIO\12.RMO\07.SET.2016\ROM 201608 CONSOLIDADO vfinal.pptx\</t>
  </si>
  <si>
    <t>01/13/2020 15:44:30</t>
  </si>
  <si>
    <t>01/13/2020 15:38:55</t>
  </si>
  <si>
    <t>http:///batch?%24ct=multipart%2Fmixed%3B%20boundary%3D%22%3D%3D%3D%3D%3D5n1kd12123mh%3D%3D%3D%3D%3D%22&amp;key=AIzaSyAy9VVXHSpS2IJpptzYtGbLP3-3_l0aBk4</t>
  </si>
  <si>
    <t>containsunsubscribedchildren;displayname;domain;emailaddress;filesize;hasvisitorpermissions;id);items(kind;ken;lastmodifyinguser(kind;lastviewedbymedate;modifiedbymedate;modifieddate;ontainsunsubscribedchildren;owners(kind;permiss;permissionid;picture;picture�;rpermissions;workspaceids;</t>
  </si>
  <si>
    <t>http://containsunsubscribedchildren,displayname,domain,emailaddress,filesize,hasvisitorpermissions,id),items(kind,ken,lastmodifyinguser(kind,lastviewedbymedate,modifiedbymedate,modifieddate,ontainsunsubscribedchildren,owners(kind,permiss,permissionid,picture,picture�,rpermissions,workspaceids</t>
  </si>
  <si>
    <t>http:///batch?%24ct=multipart%2Fmixed%3B%20boundary%3D%22%3D%3D%3D%3D%3Dqnowypcrb43l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id;picture;picture�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id,picture,picture�,rpermissions,shared,sharedwithmedate,thumbnailversion,title,userpermission(role),workspaceids</t>
  </si>
  <si>
    <t>C:\Users\edilsonrb\OneDrive - Grupo Algar\02.Trabalho\51.PPT.SILVIO\13.RMN\01.ABRIL.2016\</t>
  </si>
  <si>
    <t>Cópia de Template preenchimento RNM v2-1 (004).xlsx</t>
  </si>
  <si>
    <t>Cópia de Template preenchimento RNM v2-1 (005).xlsx</t>
  </si>
  <si>
    <t>01/13/2020 15:39:14</t>
  </si>
  <si>
    <t>http:///batch?%24ct=multipart%2Fmixed%3B%20boundary%3D%22%3D%3D%3D%3D%3Dau2ordnlwjv8%3D%3D%3D%3D%3D%22&amp;key=AIzaSyAy9VVXHSpS2IJpptzYtGbLP3-3_l0aBk4</t>
  </si>
  <si>
    <t>01/13/2020 15:40:22</t>
  </si>
  <si>
    <t>Cópia de Template preenchimento RNM v2-1.xlsx</t>
  </si>
  <si>
    <t>C:\Users\edilsonrb\OneDrive - Grupo Algar\02.Trabalho\51.PPT.SILVIO\13.RMN\01.ABRIL.2016\Modelo - RMN v3.pptx\</t>
  </si>
  <si>
    <t>01/13/2020 15:39:15</t>
  </si>
  <si>
    <t>http:///batch?%24ct=multipart%2Fmixed%3B%20boundary%3D%22%3D%3D%3D%3D%3Drxxggis8feut%3D%3D%3D%3D%3D%22&amp;key=AIzaSyAy9VVXHSpS2IJpptzYtGbLP3-3_l0aBk4</t>
  </si>
  <si>
    <t>Projeção Abr-Dez 2016 (002).xlsx</t>
  </si>
  <si>
    <t>Projeção.2016.ITO.xlsx</t>
  </si>
  <si>
    <t>Template preenchimento RNM v2-1 (002).xlsx</t>
  </si>
  <si>
    <t>Template preenchimento RNM v2.xlsx</t>
  </si>
  <si>
    <t>01/13/2020 15:40:23</t>
  </si>
  <si>
    <t>C:\Users\edilsonrb\OneDrive - Grupo Algar\02.Trabalho\51.PPT.SILVIO\13.RMN\03.JUNHO.2016\</t>
  </si>
  <si>
    <t>MAIO RMN TEMPLATE.xlsx</t>
  </si>
  <si>
    <t>01/13/2020 15:39:16</t>
  </si>
  <si>
    <t>http:///batch?%24ct=multipart%2Fmixed%3B%20boundary%3D%22%3D%3D%3D%3D%3D78ovihl62ux7%3D%3D%3D%3D%3D%22&amp;key=AIzaSyAy9VVXHSpS2IJpptzYtGbLP3-3_l0aBk4</t>
  </si>
  <si>
    <t>01/13/2020 15:40:27</t>
  </si>
  <si>
    <t>C:\Users\edilsonrb\OneDrive - Grupo Algar\02.Trabalho\51.PPT.SILVIO\</t>
  </si>
  <si>
    <t>RoadMap Plataforma Digital v1.xlsx</t>
  </si>
  <si>
    <t>RoadMap Plataforma Digital v2.xlsx</t>
  </si>
  <si>
    <t>01/13/2020 15:40:28</t>
  </si>
  <si>
    <t>C:\Users\edilsonrb\OneDrive - Grupo Algar\02.Trabalho\52.DESLIGAMENTO.NEGRISOLI\</t>
  </si>
  <si>
    <t>Formulário - Entrevista de Desligamento.xls</t>
  </si>
  <si>
    <t>01/13/2020 15:41:36</t>
  </si>
  <si>
    <t>http:///batch?%24ct=multipart%2Fmixed%3B%20boundary%3D%22%3D%3D%3D%3D%3Dted72rv72cy5%3D%3D%3D%3D%3D%22&amp;key=AIzaSyAy9VVXHSpS2IJpptzYtGbLP3-3_l0aBk4</t>
  </si>
  <si>
    <t>C:\Users\edilsonrb\OneDrive - Grupo Algar\02.Trabalho\53.INVENTARIO\</t>
  </si>
  <si>
    <t>PLANILHA DE INVENTÁRIO PADRAO.xlsx</t>
  </si>
  <si>
    <t>C:\Users\edilsonrb\OneDrive - Grupo Algar\02.Trabalho\55.TANGARA.FOODS\Ativas\</t>
  </si>
  <si>
    <t>Planilha TCO-TANGARÁ.XLSX</t>
  </si>
  <si>
    <t>Questionário Completo de Levantamento de Dados - ATIVAS - TANGARÁ.xlsx</t>
  </si>
  <si>
    <t>C:\Users\edilsonrb\OneDrive - Grupo Algar\02.Trabalho\55.TANGARA.FOODS\g0rbag3.zip\pr0ps.7z\Ativas\</t>
  </si>
  <si>
    <t>Planilha TCO-TANGARÃ.XLSX</t>
  </si>
  <si>
    <t>QuestionÃ¡rio Completo de Levantamento de Dados - ATIVAS - TANGARÃ.xlsx</t>
  </si>
  <si>
    <t>01/13/2020 15:40:36</t>
  </si>
  <si>
    <t>C:\Users\edilsonrb\OneDrive - Grupo Algar\02.Trabalho\55.TANGARA.FOODS\pr0ps.7z\Ativas\</t>
  </si>
  <si>
    <t>01/13/2020 15:41:37</t>
  </si>
  <si>
    <t>http:///batch?%24ct=multipart%2Fmixed%3B%20boundary%3D%22%3D%3D%3D%3D%3Dpvcieu6fb7bq%3D%3D%3D%3D%3D%22&amp;key=AIzaSyAy9VVXHSpS2IJpptzYtGbLP3-3_l0aBk4</t>
  </si>
  <si>
    <t>01/13/2020 15:40:37</t>
  </si>
  <si>
    <t>C:\Users\edilsonrb\OneDrive - Grupo Algar\02.Trabalho\56.LPUs\</t>
  </si>
  <si>
    <t>LPU_CA_Cervelo.xlsx</t>
  </si>
  <si>
    <t>C:\Users\edilsonrb\OneDrive - Grupo Algar\02.Trabalho\57.CLIMA.2016\</t>
  </si>
  <si>
    <t>Estrutura Edilson.xlsx</t>
  </si>
  <si>
    <t>ESTRUTURA PESQUISA DE CLIMA - EDILSON BRAGA.xlsx</t>
  </si>
  <si>
    <t>C:\Users\edilsonrb\OneDrive - Grupo Algar\02.Trabalho\59.DEMANDAS.FLAVIO\</t>
  </si>
  <si>
    <t>Novos Negocios com MCs 2016v3.xlsx</t>
  </si>
  <si>
    <t>01/13/2020 15:40:44</t>
  </si>
  <si>
    <t>C:\Users\edilsonrb\OneDrive - Grupo Algar\02.Trabalho\59.DEMANDAS.FLAVIO\Performance Farming x Hunting 2017 v1.pptx\</t>
  </si>
  <si>
    <t>01/13/2020 15:41:38</t>
  </si>
  <si>
    <t>http:///batch?%24ct=multipart%2Fmixed%3B%20boundary%3D%22%3D%3D%3D%3D%3Dyg5vpv7s8tp3%3D%3D%3D%3D%3D%22&amp;key=AIzaSyAy9VVXHSpS2IJpptzYtGbLP3-3_l0aBk4</t>
  </si>
  <si>
    <t>Projeção_Captura.xlsx</t>
  </si>
  <si>
    <t>01/13/2020 15:41:08</t>
  </si>
  <si>
    <t>C:\Users\edilsonrb\OneDrive - Grupo Algar\02.Trabalho\60.FORECAST\01.set.15.2016\</t>
  </si>
  <si>
    <t>Forecast Operacional Oficial.xlsx</t>
  </si>
  <si>
    <t>C:\Users\edilsonrb\OneDrive - Grupo Algar\02.Trabalho\61.OBJETIVO.CONTRIBUIÇÃO\</t>
  </si>
  <si>
    <t>Objetivos de Contribuição Algar Tech 2ºsem2016_redir 0509.xlsx</t>
  </si>
  <si>
    <t>C:\Users\edilsonrb\OneDrive - Grupo Algar\02.Trabalho\</t>
  </si>
  <si>
    <t>Edilson Out 2015.xlsx</t>
  </si>
  <si>
    <t>C:\Users\edilsonrb\OneDrive - Grupo Algar\02.Trabalho\HE.2016\</t>
  </si>
  <si>
    <t>Edilson Dez 2015.xlsx</t>
  </si>
  <si>
    <t>Edilson Fev 2016.xlsx</t>
  </si>
  <si>
    <t>01/13/2020 15:41:09</t>
  </si>
  <si>
    <t>Edilson Jan 2016.xlsx</t>
  </si>
  <si>
    <t>Edilson Nov 2015.xlsx</t>
  </si>
  <si>
    <t>Relatorio.Clientes.xlsx</t>
  </si>
  <si>
    <t>01/13/2020 15:41:10</t>
  </si>
  <si>
    <t>TEMPLATE ORÇAMENTÁRIO - 2017 - V2 (002).xlsb</t>
  </si>
  <si>
    <t>C:\Users\edilsonrb\OneDrive - Grupo Algar\</t>
  </si>
  <si>
    <t>Pasta de trabalho.xlsx</t>
  </si>
  <si>
    <t>01/13/2020 15:39:12</t>
  </si>
  <si>
    <t>01/13/2020 15:40:52</t>
  </si>
  <si>
    <t>01/13/2020 15:40:53</t>
  </si>
  <si>
    <t>01/13/2020 15:40:54</t>
  </si>
  <si>
    <t>01/13/2020 15:40:55</t>
  </si>
  <si>
    <t>01/13/2020 15:45:29</t>
  </si>
  <si>
    <t>01/13/2020 15:45:07</t>
  </si>
  <si>
    <t>01/13/2020 15:46:29</t>
  </si>
  <si>
    <t>01/13/2020 15:40:56</t>
  </si>
  <si>
    <t>46c31d13-0896-468a-b754-3a1043c187dc.tmp</t>
  </si>
  <si>
    <t>\\acsfs\profiles$\RAFAELRF\Downloads\46c31d13-0896-468a-b754-3a1043c187dc.tmp</t>
  </si>
  <si>
    <t>01/13/2020 15:44:31</t>
  </si>
  <si>
    <t>308c16e3-338b-47d3-abe6-b0aec8ac6cde.tmp</t>
  </si>
  <si>
    <t>\\acsfs\profiles$\RAFAELRF\Downloads\308c16e3-338b-47d3-abe6-b0aec8ac6cde.tmp</t>
  </si>
  <si>
    <t>01/13/2020 15:41:49</t>
  </si>
  <si>
    <t>01/13/2020 15:47:30</t>
  </si>
  <si>
    <t>01/13/2020 15:41:53</t>
  </si>
  <si>
    <t>01/13/2020 15:42:18</t>
  </si>
  <si>
    <t>01/13/2020 15:42:37</t>
  </si>
  <si>
    <t>01/13/2020 15:43:36</t>
  </si>
  <si>
    <t>01/13/2020 15:43:43</t>
  </si>
  <si>
    <t>01/13/2020 15:43:50</t>
  </si>
  <si>
    <t>01/13/2020 15:44:03</t>
  </si>
  <si>
    <t>mail.google.com/mail/u/0/jserror?script=https://mail.google.com/mail/u/0/#inbox&amp;error=class$obf_1008: [/sync/u/0/el2] jq: unauthorized&amp;line=not available&amp;txz=p</t>
  </si>
  <si>
    <t>01/13/2020 15:46:11</t>
  </si>
  <si>
    <t>01/13/2020 15:42:44</t>
  </si>
  <si>
    <t>01/13/2020 15:45:36</t>
  </si>
  <si>
    <t>01/13/2020 15:45:37</t>
  </si>
  <si>
    <t>01/13/2020 15:48:29</t>
  </si>
  <si>
    <t>01/13/2020 15:42:39</t>
  </si>
  <si>
    <t>"languagecode":"pt-br";"requesttype":"background_request";"scenariotype;"timezone":"-03:00";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;andrelpsa@algartech.com;ess"}};p";supervisaobancovotorantim@algartech.com;</t>
  </si>
  <si>
    <t>"languagecode":"pt-br","requesttype":"background_request","scenariotype,"timezone":"-03:00",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,andrelpsa@algartech.com,ess"}},p",supervisaobancovotorantim@algartech.com</t>
  </si>
  <si>
    <t>01/13/2020 15:43:00</t>
  </si>
  <si>
    <t>mail.google.com/sync/u/0/i/s?hl=pt-BR&amp;c=1071</t>
  </si>
  <si>
    <t>0]ll;13/01/2020;142961685;1578931268841;5;[];[]]];andrelpsa@algartech.com;atuima2v-l-r4mlrttnejldjmmcmtjqqdb_eo8phe2_wqj_y1ojumr1iabvw2ppblwocree42tuodgonxc9zyivd_xfpqawwfk-djhhoaw8xisktehnirbxymmss-bbe\";false;null;supervisaobancovotorantim@algartech.com;true]";</t>
  </si>
  <si>
    <t>0]ll,13/01/2020,142961685,1578931268841,5,[],[]]],andrelpsa@algartech.com,atuima2v-l-r4mlrttnejldjmmcmtjqqdb_eo8phe2_wqj_y1ojumr1iabvw2ppblwocree42tuodgonxc9zyivd_xfpqawwfk-djhhoaw8xisktehnirbxymmss-bbe\",false,null,supervisaobancovotorantim@algartech.com,true]"</t>
  </si>
  <si>
    <t>01/13/2020 15:43:01</t>
  </si>
  <si>
    <t>01/13/2020 15:45:39</t>
  </si>
  <si>
    <t>0]_x0003_8_x0007_1833�o� 99;13;142961685;1578933676053;4repet0scaaaa4liaaaajmqf2kz44sg1npvhrp5ya-eah9mzpvg6kl9izriwjk97h6v_kcjh4sw2rf_itsulvo-3l6-wytsybqsmi4xv23fkeay8qmocdpcm6u6mkhgpg1ycp4mktrb_yi4ruhaswq2li4w3ybymavyxxvltnranpmk;5rlbr5=====;[];[]]];ancestorhasaugmentedpermissions;andrelpsa@algartech.com;atuima2v-l-r4mlrttnejldjmmcmtjqqdb_eo8phe2_wqj_y1ojumr1iabvw2ppblwocree42tuodgonxc9zygvd_xfo4jjb0ynwwbgvglbfambcnxjxja8z9tfhl5ay\";cc5rlbr5===;containsunsubscribedchildren;displayname;domain;emailaddress;false;file(kind;fileid;filesize;hasthumbnail;hasvisitorpermissions;id;id);items(deleted;items(kind;ken;kind;lastmodifyinguser(kind;lastviewedbymedate;modifiedbymedate;modifieddate;null;ontainsunsubscribedchildren;owners(kind;per;permiss;permission;permissionid;picture;rpermissions;shared;sharedwithmedate;supervisaobancovotorantim@algartech.com;thumbnailversion;title;true]";userpermission(role);workspaceids;</t>
  </si>
  <si>
    <t>0]_x0003_8_x0007_1833�o� 99,13,142961685,1578933676053,4repet0scaaaa4liaaaajmqf2kz44sg1npvhrp5ya-eah9mzpvg6kl9izriwjk97h6v_kcjh4sw2rf_itsulvo-3l6-wytsybqsmi4xv23fkeay8qmocdpcm6u6mkhgpg1ycp4mktrb_yi4ruhaswq2li4w3ybymavyxxvltnranpmk,5rlbr5===== ,[],[]]],ancestorhasaugmentedpermissions,andrelpsa@algartech.com,atuima2v-l-r4mlrttnejldjmmcmtjqqdb_eo8phe2_wqj_y1ojumr1iabvw2ppblwocree42tuodgonxc9zygvd_xfo4jjb0ynwwbgvglbfambcnxjxja8z9tfhl5ay\",cc5rlbr5===,containsunsubscribedchildren,displayname,domain,emailaddress,false,file(kind,fileid,filesize,hasthumbnail,hasvisitorpermissions,id,id),items(deleted,items(kind,ken,kind,lastmodifyinguser(kind,lastviewedbymedate,modifiedbymedate,modifieddate,null,ontainsunsubscribedchildren,owners(kind,per,permiss,permission,permissionid,picture,rpermissions,shared,sharedwithmedate,supervisaobancovotorantim@algartech.com,thumbnailversion,title,true]",userpermission(role),workspaceids</t>
  </si>
  <si>
    <t>01/13/2020 15:44:14</t>
  </si>
  <si>
    <t>984a1062-b1d4-4e6c-b258-ffb3b7a33a3d.tmp</t>
  </si>
  <si>
    <t>\\acsfs\profiles$\francislayneads\Downloads\984a1062-b1d4-4e6c-b258-ffb3b7a33a3d.tmp</t>
  </si>
  <si>
    <t>01/13/2020 15:43:49</t>
  </si>
  <si>
    <t>01/13/2020 15:49:30</t>
  </si>
  <si>
    <t>01/13/2020 15:48:49</t>
  </si>
  <si>
    <t>01/13/2020 15:44:58</t>
  </si>
  <si>
    <t>01/13/2020 15:44:40</t>
  </si>
  <si>
    <t>01/13/2020 15:48:43</t>
  </si>
  <si>
    <t>27c862d1-f9ba-421e-a5fa-5d8aa0a8547a.tmp</t>
  </si>
  <si>
    <t>\\acsfs\profiles$\andressamf\Downloads\27c862d1-f9ba-421e-a5fa-5d8aa0a8547a.tmp</t>
  </si>
  <si>
    <t>01/13/2020 15:43:13</t>
  </si>
  <si>
    <t>XLOG_vanessacgs_13012020_081555.log</t>
  </si>
  <si>
    <t>\\acsfs\profiles$\vanessacgs\My Documents\xworkcenter\logs\XLOG_vanessacgs_13012020_081555.log</t>
  </si>
  <si>
    <t>01/13/2020 15:43:14</t>
  </si>
  <si>
    <t>01/13/2020 15:47:25</t>
  </si>
  <si>
    <t>01/13/2020 15:50:30</t>
  </si>
  <si>
    <t>mail.google.com/mail/u/0/jserror?script=https://mail.google.com/mail/u/0/#inbox&amp;error=class$obf_1011: [/sync/u/0/i/bv] me: unsupported http status: 503&amp;line=not available&amp;txz=p</t>
  </si>
  <si>
    <t>01/13/2020 15:48:10</t>
  </si>
  <si>
    <t>01/13/2020 15:51:29</t>
  </si>
  <si>
    <t>PEDRO HENRIQUE ALMEIDA BATISTA_1_6777351706183281793_1_32.wav</t>
  </si>
  <si>
    <t>\\acsfs\Deptos\EDUCACAO EMPRESARIAL\KÉSIA\Ligações 2º ciclo - Janeiro 2020\PEDRO HENRIQUE ALMEIDA BATISTA_1_6777351706183281793_1_32.wav</t>
  </si>
  <si>
    <t>01/13/2020 15:46:17</t>
  </si>
  <si>
    <t>7d3b8b9b-ee99-4764-9641-e7231dcc02d0.tmp</t>
  </si>
  <si>
    <t>\\acsfs\profiles$\fabianafv\Downloads\7d3b8b9b-ee99-4764-9641-e7231dcc02d0.tmp</t>
  </si>
  <si>
    <t>01/13/2020 15:47:31</t>
  </si>
  <si>
    <t>paulohfg@algartech.com</t>
  </si>
  <si>
    <t>mail.google.com/_/upload?authuser=0&amp;dcp=asu-n&amp;upload_id=AEnB2UqYSnkrNzgbDfZGY6xeAPupS_Bfk6SSwV4KjLUEUYjcFDweZIxEjoYHW_NzbqhRKsOrppiT5badN4390GZz-IW7jyAXLw&amp;upload_protocol=resumable</t>
  </si>
  <si>
    <t>C:\Users\paulohfg\Downloads\</t>
  </si>
  <si>
    <t>Curadoria Yudi.xlsx</t>
  </si>
  <si>
    <t>01/13/2020 15:47:13</t>
  </si>
  <si>
    <t>01/13/2020 15:52:30</t>
  </si>
  <si>
    <t>\\acsfs\deptos\CAS - Coordenação de Arquitetura de Soluções\Negócios\B.O.P.E\OKRs\</t>
  </si>
  <si>
    <t>Lista de Vendas.xlsx</t>
  </si>
  <si>
    <t>01/13/2020 15:51:14</t>
  </si>
  <si>
    <t>23441445-21dd-4650-b25f-7c7013e07f83.tmp</t>
  </si>
  <si>
    <t>\\acsfs\profiles$\brunalas\Downloads\23441445-21dd-4650-b25f-7c7013e07f83.tmp</t>
  </si>
  <si>
    <t>01/13/2020 15:51:02</t>
  </si>
  <si>
    <t>01/13/2020 15:53:29</t>
  </si>
  <si>
    <t>mail.google.com/sync/u/0/i/s?hl=pt-BR&amp;c=1123</t>
  </si>
  <si>
    <t>0]gc606;0]ll;142961685;1578932171927;1578941200313;38;8;[];[]]];andrelpsa@algartech.com;atuima2v-l-r4mlrttnejldjmmcmtjqqdb_eo8phe2_wqj_y1ojumr1iabvw2ppblwocree42tuodgonxc9zyh_d_xfps-jqqezf1j4drdoqy4aopcsgislg3yr1m0xs\";atuima2v-l-r4mlrttnejldjmmcmtjqqdb_eo8phe2_wqj_y1ojumr1iabvw2ppblwocree42tuodgonxc9zyqfd_xfodknqqomxix3tbfvik1pqdclfjshtlhqkvquq\";false;null;true]";</t>
  </si>
  <si>
    <t>0]gc606,0]ll,142961685,1578932171927,1578941200313,38,8,[],[]]],andrelpsa@algartech.com,atuima2v-l-r4mlrttnejldjmmcmtjqqdb_eo8phe2_wqj_y1ojumr1iabvw2ppblwocree42tuodgonxc9zyh_d_xfps-jqqezf1j4drdoqy4aopcsgislg3yr1m0xs\",atuima2v-l-r4mlrttnejldjmmcmtjqqdb_eo8phe2_wqj_y1ojumr1iabvw2ppblwocree42tuodgonxc9zyqfd_xfodknqqomxix3tbfvik1pqdclfjshtlhqkvquq\",false,null,true]"</t>
  </si>
  <si>
    <t>01/13/2020 15:48:06</t>
  </si>
  <si>
    <t>01/13/2020 15:53:02</t>
  </si>
  <si>
    <t>http:///batch?%24ct=multipart%2Fmixed%3B%20boundary%3D%22%3D%3D%3D%3D%3Dcxm0pgzcwqig%3D%3D%3D%3D%3D%22&amp;key=AIzaSyAy9VVXHSpS2IJpptzYtGbLP3-3_l0aBk4</t>
  </si>
  <si>
    <t>0]0]0];0]l;1;1578940729873;708385187;[];[]]];ancestorhasaugmentedpermissions;containsunsubscribedchildren;displayname;domain;emailaddress;false;file(kind;fileid;filesize;hasthumbnail;hasvisitorpermissions;id;id);items(deleted;iwagbqyq5_cmqlzbanwpacqolgbymbrky1hyw9wzwbrqebiph8iqz-_-nea8ajk3cl1u6dhazrweuy4acpn1lbxov-fxfxs7u6fxlrrmewru5fr4fy8cuk8t73sxehkspjr8dpf1-v_6eyefdj_s5ctm3pd-_i4y3cnuoucl3oesbl-jzrepmlegk3fjkfotz9m38lw8caruuoynsmx2_wbarbdq-7cd4qo\";ken;kind;lastmodifyinguser(kind;lastviewedbymedate;modifiedbymedate;modifieddate;null;ontainsunsubscribedchildren;owners(kind;per;permissionid;picture;shared;sharedwithmedate;thumbnailversion;title;true]";userpermission(role);workspaceids;</t>
  </si>
  <si>
    <t>http://0]0]0],0]l,1,1578940729873,708385187,[],[]]],ancestorhasaugmentedpermissions,containsunsubscribedchildren,displayname,domain,emailaddress,false,file(kind,fileid,filesize,hasthumbnail,hasvisitorpermissions,id,id),items(deleted,iwagbqyq5_cmqlzbanwpacqolgbymbrky1hyw9wzwbrqebiph8iqz-_-nea8ajk3cl1u6dhazrweuy4acpn1lbxov-fxfxs7u6fxlrrmewru5fr4fy8cuk8t73sxehkspjr8dpf1-v_6eyefdj_s5ctm3pd-_i4y3cnuoucl3oesbl-jzrepmlegk3fjkfotz9m38lw8caruuoynsmx2_wbarbdq-7cd4qo\",ken,kind,lastmodifyinguser(kind,lastviewedbymedate,modifiedbymedate,modifieddate,null,ontainsunsubscribedchildren,owners(kind,per,permissionid,picture,shared,sharedwithmedate,thumbnailversion,title,true]",userpermission(role),workspaceids</t>
  </si>
  <si>
    <t>01/13/2020 15:53:03</t>
  </si>
  <si>
    <t>http:///batch?%24ct=multipart%2Fmixed%3B%20boundary%3D%22%3D%3D%3D%3D%3Drjhecavn6icq%3D%3D%3D%3D%3D%22&amp;key=AIzaSyAy9VVXHSpS2IJpptzYtGbLP3-3_l0aBk4</t>
  </si>
  <si>
    <t>01/13/2020 15:53:04</t>
  </si>
  <si>
    <t>http:///batch?%24ct=multipart%2Fmixed%3B%20boundary%3D%22%3D%3D%3D%3D%3D1mc8lyps02vv%3D%3D%3D%3D%3D%22&amp;key=AIzaSyAy9VVXHSpS2IJpptzYtGbLP3-3_l0aBk4</t>
  </si>
  <si>
    <t>01/13/2020 15:52:11</t>
  </si>
  <si>
    <t>65c1fe71-c689-422c-a469-e168c5f5324e.tmp</t>
  </si>
  <si>
    <t>\\acsfs\profiles$\regisedsj\Downloads\65c1fe71-c689-422c-a469-e168c5f5324e.tmp</t>
  </si>
  <si>
    <t>01/13/2020 15:52:25</t>
  </si>
  <si>
    <t>23c2cc78-d909-4061-b666-c304e7cabebe.tmp</t>
  </si>
  <si>
    <t>\\acsfs\profiles$\regisedsj\Downloads\23c2cc78-d909-4061-b666-c304e7cabebe.tmp</t>
  </si>
  <si>
    <t>01/13/2020 15:49:05</t>
  </si>
  <si>
    <t>01/13/2020 15:54:30</t>
  </si>
  <si>
    <t>01/13/2020 15:49:34</t>
  </si>
  <si>
    <t>01/13/2020 15:49:39</t>
  </si>
  <si>
    <t>01/13/2020 15:50:07</t>
  </si>
  <si>
    <t>01/13/2020 15:50:13</t>
  </si>
  <si>
    <t>01/13/2020 15:50:52</t>
  </si>
  <si>
    <t>01/13/2020 15:50:06</t>
  </si>
  <si>
    <t>dadc5e74-4817-4d02-a36c-5b92a47b93a3.tmp</t>
  </si>
  <si>
    <t>\\acsfs\profiles$\andressamf\Downloads\dadc5e74-4817-4d02-a36c-5b92a47b93a3.tmp</t>
  </si>
  <si>
    <t>01/13/2020 15:49:57</t>
  </si>
  <si>
    <t>01/13/2020 15:55:30</t>
  </si>
  <si>
    <t>a0778d7c-0344-4857-b757-4ac3af25441b.tmp</t>
  </si>
  <si>
    <t>\\acsfs\profiles$\myllenardl\Downloads\a0778d7c-0344-4857-b757-4ac3af25441b.tmp</t>
  </si>
  <si>
    <t>01/13/2020 15:50:20</t>
  </si>
  <si>
    <t>7a3465fd-d749-4599-b866-9b57d521596b.tmp</t>
  </si>
  <si>
    <t>\\acsfs\profiles$\henriqueco\Downloads\7a3465fd-d749-4599-b866-9b57d521596b.tmp</t>
  </si>
  <si>
    <t>01/13/2020 15:50:34</t>
  </si>
  <si>
    <t>01/13/2020 15:56:29</t>
  </si>
  <si>
    <t>cf32c7d4-2b54-4385-ac95-866108515772.tmp</t>
  </si>
  <si>
    <t>\\acsfs\profiles$\taylaedoa\Downloads\cf32c7d4-2b54-4385-ac95-866108515772.tmp</t>
  </si>
  <si>
    <t>01/13/2020 15:52:08</t>
  </si>
  <si>
    <t>ea4edad5-fe22-46f4-90cc-79024df4168f.tmp</t>
  </si>
  <si>
    <t>\\acsfs\profiles$\brendadsl\Downloads\ea4edad5-fe22-46f4-90cc-79024df4168f.tmp</t>
  </si>
  <si>
    <t>01/13/2020 15:53:24</t>
  </si>
  <si>
    <t>e3f68702-4a9a-4da0-877d-6969801ecf1c.tmp</t>
  </si>
  <si>
    <t>\\acsfs\profiles$\brendadsl\Downloads\e3f68702-4a9a-4da0-877d-6969801ecf1c.tmp</t>
  </si>
  <si>
    <t>01/13/2020 15:54:51</t>
  </si>
  <si>
    <t>74bbff78-417b-45fd-aa24-962d8d65e4f1.tmp</t>
  </si>
  <si>
    <t>\\acsfs\profiles$\brendadsl\Downloads\74bbff78-417b-45fd-aa24-962d8d65e4f1.tmp</t>
  </si>
  <si>
    <t>01/13/2020 15:52:16</t>
  </si>
  <si>
    <t>01/13/2020 15:52:26</t>
  </si>
  <si>
    <t>mail.google.com/sync/u/0/i/s?hl=pt-BR&amp;c=1058</t>
  </si>
  <si>
    <t>01/13/2020 15:53:05</t>
  </si>
  <si>
    <t>01/13/2020 15:53:09</t>
  </si>
  <si>
    <t>bvservicedesk@bancovotorantim.com.br;cpc-controldeskavon@algartech.com;joseasn@algartech.com;ricardodfm@algartech.com.br;viniciussg@algartech.com;</t>
  </si>
  <si>
    <t>bvservicedesk@bancovotorantim.com.br,cpc-controldeskavon@algartech.com,joseasn@algartech.com,ricardodfm@algartech.com.br,viniciussg@algartech.com</t>
  </si>
  <si>
    <t>01/13/2020 15:53:12</t>
  </si>
  <si>
    <t>01/13/2020 15:53:17</t>
  </si>
  <si>
    <t>01/13/2020 15:54:24</t>
  </si>
  <si>
    <t>01/13/2020 15:53:08</t>
  </si>
  <si>
    <t>01/13/2020 15:57:30</t>
  </si>
  <si>
    <t>lu16208215ihh.tmp</t>
  </si>
  <si>
    <t>\\acsfs\profiles$\victoriaksr\My Documents\lu16208215ihh.tmp</t>
  </si>
  <si>
    <t>01/13/2020 15:55:23</t>
  </si>
  <si>
    <t>a45f73fb-a766-4174-8cd1-e5dd411bb3e3.tmp</t>
  </si>
  <si>
    <t>\\acsfs\profiles$\brunalas\Downloads\a45f73fb-a766-4174-8cd1-e5dd411bb3e3.tmp</t>
  </si>
  <si>
    <t>01/13/2020 15:56:26</t>
  </si>
  <si>
    <t>0cc35a88-ab15-4233-90e0-78a696529ec1.tmp</t>
  </si>
  <si>
    <t>\\acsfs\profiles$\ayalabfi\Downloads\0cc35a88-ab15-4233-90e0-78a696529ec1.tmp</t>
  </si>
  <si>
    <t>01/13/2020 15:53:18</t>
  </si>
  <si>
    <t>01/13/2020 15:58:29</t>
  </si>
  <si>
    <t>0]gc606;0]ll;142961685;1578932171927;1578941200313;1578941501336;38;39;8;[];[]]];andrelpsa@algartech.com;atuima2v-l-r4mlrttnejldjmmcmtjqqdb_eo8phe2_wqj_y1ojumr1iabvw2ppblwocree42tuodgonxc9zyh_d_xfps-jqqezf1j4drdoqy4aopcsgislg3yr1m0xs\";atuima2v-l-r4mlrttnejldjmmcmtjqqdb_eo8phe2_wqj_y1ojumr1iabvw2ppblwocree42tuodgonxc9zyqfd_xfodknqqomxix3tbfvik1pqdclfjshtlhqkvquq\";atuima2v-l-r4mlrttnejldjmmcmtjqqdb_eo8phe2_wqj_y1ojumr1iabvw2ppblwocree42tuodgonxc9zyqpd_xfnlmnetjjmyemkeg_xx_9cdgewsn9zyqph26fk\";false;null;true]";</t>
  </si>
  <si>
    <t>0]gc606,0]ll,142961685,1578932171927,1578941200313,1578941501336,38,39,8,[],[]]],andrelpsa@algartech.com,atuima2v-l-r4mlrttnejldjmmcmtjqqdb_eo8phe2_wqj_y1ojumr1iabvw2ppblwocree42tuodgonxc9zyh_d_xfps-jqqezf1j4drdoqy4aopcsgislg3yr1m0xs\",atuima2v-l-r4mlrttnejldjmmcmtjqqdb_eo8phe2_wqj_y1ojumr1iabvw2ppblwocree42tuodgonxc9zyqfd_xfodknqqomxix3tbfvik1pqdclfjshtlhqkvquq\",atuima2v-l-r4mlrttnejldjmmcmtjqqdb_eo8phe2_wqj_y1ojumr1iabvw2ppblwocree42tuodgonxc9zyqpd_xfnlmnetjjmyemkeg_xx_9cdgewsn9zyqph26fk\",false,null,true]"</t>
  </si>
  <si>
    <t>01/13/2020 15:53:43</t>
  </si>
  <si>
    <t>01/13/2020 15:53:51</t>
  </si>
  <si>
    <t>"mozilla/5.0 (windows nt 6.1) applewebkit/537.36 (khtml;0;0]22] �_x0003_�_x0006_(�?_x0007_�=�_x0006_9995;0]ll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7;3;36;4;4100];5701393;6.1;6450];79;["mozilla/5.0 (windows nt 6.1) applewebkit/537.36 (khtml;[1;[[13701418;[[13701573;[[null;[];[]]];[false;[null;adfn-ct7ciskssyu-68afh9xg7xv2c6f8dx_seofhsqerkx2bhpqslb3crfufkpjjmcd4mgjscrt;adfn-cuic5g8_16whytgiekdf3jxrbjnjvixuvd0lznttt2taf-j5</t>
  </si>
  <si>
    <t>"mozilla/5.0 (windows nt 6.1) applewebkit/537.36 (khtml,0,0]22] �_x0003_�_x0006_(�?_x0007_�=�_x0006_9995,0]ll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7,3,36,4,4100],5701393,6.1,6450],79,["mozilla/5.0 (windows nt 6.1) applewebkit/537.36 (khtml,[1,[[13701418,[[13701573,[[null,[],[]]],[false,[null,adfn-ct7ciskssyu-68afh9xg7xv2c6f8dx_seofhsqerkx2bhpqslb3crfufkpjjmcd4mgjscrt,adfn-cuic5g8_16whytgiekdf3jxrbjnjvixuvd0lznttt2taf-j5</t>
  </si>
  <si>
    <t>01/13/2020 15:54:01</t>
  </si>
  <si>
    <t>"mozilla/5.0 (windows nt 6.1) applewebkit/537.36 (khtml;(�d_x0011_n_x001A_si��lp�ߓv���ׁqa�[_x0016_�_x001A_�;)�i~a�_x001A_���qa�u�4-g�?�_x0008_���h֙_x0012_�g�_x0015__x0016__x001A_)_x001F_�d��`_x0007_�a_x0015__x0016__x0012_w[���n�w-_ txg"լn�t�����w��֖�j� jɑ_x0016_*;0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578930052848000;1578930058554000;17;4;4100];5701393;6.1;79;["mozilla/5.0 (windows nt 6.1) applewebkit/537.36 (khtml;[1;[[13701418;[[null;[];[false;[null;adfn-ct7ciskssyu-68afh9xg7xv2c6f8dx_seofhsqerkx2bhpqslb3crfufkpjjmcd4mgjscrt;drive.web-frontend_20200101.00_p4;false;false];false]];fu-jjgodysoi_w";https://lh3.google.com/u/0/d/11c5m9yc</t>
  </si>
  <si>
    <t>"mozilla/5.0 (windows nt 6.1) applewebkit/537.36 (khtml,(�d_x0011_n_x001A_si��lp�ߓv���ׁqa�[_x0016_�_x001A_�,)�i~a�_x001A_���qa�u�4-g�?�_x0008_���h֙_x0012_�g�_x0015__x0016__x001A_)_x001F_�d��`_x0007_�a_x0015__x0016__x0012_w[���n�w-_ txg"լn�t�����w��֖�j� jɑ_x0016_*,0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578930052848000,1578930058554000,17,4,4100],5701393,6.1,79,["mozilla/5.0 (windows nt 6.1) applewebkit/537.36 (khtml,[1,[[13701418,[[null,[],[false,[null,adfn-ct7ciskssyu-68afh9xg7xv2c6f8dx_seofhsqerkx2bhpqslb3crfufkpjjmcd4mgjscrt,drive.web-frontend_20200101.00_p4,false,false],false]],fu-jjgodysoi_w",https://lh3.google.com/u/0/d/11c5m9yc</t>
  </si>
  <si>
    <t>01/13/2020 15:54:08</t>
  </si>
  <si>
    <t>01/13/2020 15:54:31</t>
  </si>
  <si>
    <t>01/13/2020 15:54:44</t>
  </si>
  <si>
    <t>mail.google.com/sync/u/0/i/s?hl=pt-BR&amp;c=1162</t>
  </si>
  <si>
    <t>01/13/2020 15:54:54</t>
  </si>
  <si>
    <t>01/13/2020 15:55:07</t>
  </si>
  <si>
    <t>mail.google.com/sync/u/0/i/s?hl=pt-BR&amp;c=1166</t>
  </si>
  <si>
    <t>01/13/2020 15:55:34</t>
  </si>
  <si>
    <t>mail.google.com/sync/u/0/i/s?hl=pt-BR&amp;c=1168</t>
  </si>
  <si>
    <t>01/13/2020 15:55:57</t>
  </si>
  <si>
    <t>"mozilla/5.0 (windows nt 6.1) applewebkit/537.36 (khtml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];13701949;13701953;13701957;13701969;13702064;13702068;13702088;1578930052848000;1578930058554000;17;4repet0scaaaa4liaaaammqf2kz44sg1npvhrp5ya-eah9mzpvg6kl9izriwjk97h6v_kcjh4sw2rf_itsulvo-3l6-wytsybqsmi4xv23fkeay8qmocdpcm6u6mkhgpg1ycp4mktrb_yi4ruhaswq2li4w3ybymavyxxvltnranpmk;4repet0scaaaa4liaaaanmqf2kz44sg1npvhrp5ya-eah9mzpvg6kl9izriwjk97h6v_kcjh4sw2rf_itsulvo-3l6-wytsybqsmi4xv23fkeay8qmocdpcm6u6mkhgpg1ycp4mktrb_yi4ruhaswq2li4w3ybymavyxxvltnranpmk;5701393;79;[[13701418;[[null;[false;adfn-ct7ciskssyu-68afh9xg7xv2c6f8dx_seof</t>
  </si>
  <si>
    <t>"mozilla/5.0 (windows nt 6.1) applewebkit/537.36 (khtml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],13701949,13701953,13701957,13701969,13702064,13702068,13702088,1578930052848000,1578930058554000,17,4repet0scaaaa4liaaaammqf2kz44sg1npvhrp5ya-eah9mzpvg6kl9izriwjk97h6v_kcjh4sw2rf_itsulvo-3l6-wytsybqsmi4xv23fkeay8qmocdpcm6u6mkhgpg1ycp4mktrb_yi4ruhaswq2li4w3ybymavyxxvltnranpmk,4repet0scaaaa4liaaaanmqf2kz44sg1npvhrp5ya-eah9mzpvg6kl9izriwjk97h6v_kcjh4sw2rf_itsulvo-3l6-wytsybqsmi4xv23fkeay8qmocdpcm6u6mkhgpg1ycp4mktrb_yi4ruhaswq2li4w3ybymavyxxvltnranpmk,5701393,79,[[13701418,[[null,[false,adfn-ct7ciskssyu-68afh9xg7xv2c6f8dx_seof</t>
  </si>
  <si>
    <t>01/13/2020 15:56:05</t>
  </si>
  <si>
    <t>01/13/2020 15:56:12</t>
  </si>
  <si>
    <t>01/13/2020 15:56:15</t>
  </si>
  <si>
    <t>01/13/2020 15:57:09</t>
  </si>
  <si>
    <t>mail.google.com/sync/u/0/i/s?hl=pt-BR&amp;c=1180</t>
  </si>
  <si>
    <t>01/13/2020 15:57:16</t>
  </si>
  <si>
    <t>mail.google.com/sync/u/0/i/s?hl=pt-BR&amp;c=1183</t>
  </si>
  <si>
    <t>01/13/2020 15:57:24</t>
  </si>
  <si>
    <t>73bc6c27-9aa0-47df-adca-305901425652.tmp</t>
  </si>
  <si>
    <t>\\acsfs\profiles$\paulohaf\Downloads\73bc6c27-9aa0-47df-adca-305901425652.tmp</t>
  </si>
  <si>
    <t>01/13/2020 15:54:27</t>
  </si>
  <si>
    <t>377b4c69-0391-4ccd-adc5-801e72fe0caf.tmp</t>
  </si>
  <si>
    <t>\\acsfs\profiles$\paulohaf\Downloads\377b4c69-0391-4ccd-adc5-801e72fe0caf.tmp</t>
  </si>
  <si>
    <t>01/13/2020 15:56:02</t>
  </si>
  <si>
    <t>e7d1d68a-ea46-4dba-ab74-56cc7e993e88.tmp</t>
  </si>
  <si>
    <t>\\acsfs\profiles$\paulohaf\Downloads\e7d1d68a-ea46-4dba-ab74-56cc7e993e88.tmp</t>
  </si>
  <si>
    <t>01/13/2020 15:59:30</t>
  </si>
  <si>
    <t>01/13/2020 15:55:24</t>
  </si>
  <si>
    <t>01/13/2020 15:57:47</t>
  </si>
  <si>
    <t>01/13/2020 15:57:49</t>
  </si>
  <si>
    <t>01/13/2020 15:58:43</t>
  </si>
  <si>
    <t>01/13/2020 15:57:31</t>
  </si>
  <si>
    <t>01/13/2020 15:58:03</t>
  </si>
  <si>
    <t>01/13/2020 15:58:07</t>
  </si>
  <si>
    <t>01/13/2020 15:58:10</t>
  </si>
  <si>
    <t>01/13/2020 15:58:35</t>
  </si>
  <si>
    <t>01/13/2020 15:58:39</t>
  </si>
  <si>
    <t>01/13/2020 16:00:30</t>
  </si>
  <si>
    <t>b397631c-c21a-4333-8436-145302b2291c.tmp</t>
  </si>
  <si>
    <t>\\acsfs\profiles$\erichds\Downloads\b397631c-c21a-4333-8436-145302b2291c.tmp</t>
  </si>
  <si>
    <t>01/13/2020 15:59:06</t>
  </si>
  <si>
    <t>01/13/2020 15:58:59</t>
  </si>
  <si>
    <t>01/13/2020 15:59:08</t>
  </si>
  <si>
    <t>10.201.30.77</t>
  </si>
  <si>
    <t>\\cppfs\cpdeptos\Publico\André Mesquita\</t>
  </si>
  <si>
    <t>DADOS 2 VIA.xlsx</t>
  </si>
  <si>
    <t>01/13/2020 15:56:40</t>
  </si>
  <si>
    <t>01/13/2020 16:01:30</t>
  </si>
  <si>
    <t>470e22a7-bdce-4275-8286-931886b10ea7.tmp</t>
  </si>
  <si>
    <t>\\acsfs\profiles$\taylaedoa\Downloads\470e22a7-bdce-4275-8286-931886b10ea7.tmp</t>
  </si>
  <si>
    <t>150e614c-9782-4591-a610-167c9d1767f9.tmp</t>
  </si>
  <si>
    <t>\\acsfs\profiles$\brendadsl\Downloads\150e614c-9782-4591-a610-167c9d1767f9.tmp</t>
  </si>
  <si>
    <t>01/13/2020 15:56:09</t>
  </si>
  <si>
    <t>\\udpavonfs01\AVON\00 - ACOMPANHAMENTO AVON\04 - BACKOFFICE CORNERSTONE\2020\01.2020\RELATORIO\11.01.2020\</t>
  </si>
  <si>
    <t>01/13/2020 15:56:47</t>
  </si>
  <si>
    <t>01/13/2020 16:01:07</t>
  </si>
  <si>
    <t>01/13/2020 16:02:30</t>
  </si>
  <si>
    <t>4931c929-a72c-4eb2-8e26-ae6e6d4ecf69.tmp</t>
  </si>
  <si>
    <t>\\acsfs\profiles$\geovannasm\Downloads\4931c929-a72c-4eb2-8e26-ae6e6d4ecf69.tmp</t>
  </si>
  <si>
    <t>01/13/2020 16:00:13</t>
  </si>
  <si>
    <t>01/13/2020 16:03:30</t>
  </si>
  <si>
    <t>holerite_122019_2110621.pdf</t>
  </si>
  <si>
    <t>01/13/2020 16:02:02</t>
  </si>
  <si>
    <t>01/13/2020 16:02:09</t>
  </si>
  <si>
    <t>01/13/2020 16:02:26</t>
  </si>
  <si>
    <t>01/13/2020 15:58:05</t>
  </si>
  <si>
    <t>mail.google.com/sync/u/0/i/s?hl=pt-BR&amp;c=1188</t>
  </si>
  <si>
    <t>01/13/2020 15:58:19</t>
  </si>
  <si>
    <t>mail.google.com/sync/u/0/i/s?hl=pt-BR&amp;c=1190</t>
  </si>
  <si>
    <t>01/13/2020 15:58:27</t>
  </si>
  <si>
    <t>01/13/2020 15:58:31</t>
  </si>
  <si>
    <t>01/13/2020 15:58:45</t>
  </si>
  <si>
    <t>01/13/2020 15:58:48</t>
  </si>
  <si>
    <t>01/13/2020 16:01:16</t>
  </si>
  <si>
    <t>e3a12b1f-7dcf-4283-8c5d-87cb5976c79c.tmp</t>
  </si>
  <si>
    <t>\\acsfs\profiles$\brunalas\Downloads\e3a12b1f-7dcf-4283-8c5d-87cb5976c79c.tmp</t>
  </si>
  <si>
    <t>01/13/2020 16:00:39</t>
  </si>
  <si>
    <t>http:///batch?%24ct=multipart%2Fmixed%3B%20boundary%3D%22%3D%3D%3D%3D%3D7vu9a93lprn8%3D%3D%3D%3D%3D%22&amp;key=AIzaSyAy9VVXHSpS2IJpptzYtGbLP3-3_l0aBk4</t>
  </si>
  <si>
    <t>01/13/2020 16:00:40</t>
  </si>
  <si>
    <t>http:///batch?%24ct=multipart%2Fmixed%3B%20boundary%3D%22%3D%3D%3D%3D%3D36dtooea5dz5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ea5dz5=====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ea5dz5=====,ontainsunsubscribedchildren,owners(kind,per,permissionid,picture,shared,sharedwithmedate,thumbnailversion,title,userpermission(role),workspaceids</t>
  </si>
  <si>
    <t>01/13/2020 16:00:41</t>
  </si>
  <si>
    <t>http:///batch?%24ct=multipart%2Fmixed%3B%20boundary%3D%22%3D%3D%3D%3D%3Dk3ifdroyqsi0%3D%3D%3D%3D%3D%22&amp;key=AIzaSyAy9VVXHSpS2IJpptzYtGbLP3-3_l0aBk4</t>
  </si>
  <si>
    <t>01/13/2020 15:58:42</t>
  </si>
  <si>
    <t>01/13/2020 15:59:25</t>
  </si>
  <si>
    <t>01/13/2020 16:04:30</t>
  </si>
  <si>
    <t>01/13/2020 16:03:10</t>
  </si>
  <si>
    <t>01/13/2020 15:59:00</t>
  </si>
  <si>
    <t>01/13/2020 15:59:13</t>
  </si>
  <si>
    <t>01/13/2020 15:59:39</t>
  </si>
  <si>
    <t>01/13/2020 15:59:42</t>
  </si>
  <si>
    <t>01/13/2020 15:59:43</t>
  </si>
  <si>
    <t>01/13/2020 16:03:00</t>
  </si>
  <si>
    <t>01/13/2020 16:03:06</t>
  </si>
  <si>
    <t>01/13/2020 16:03:48</t>
  </si>
  <si>
    <t>01/13/2020 16:03:53</t>
  </si>
  <si>
    <t>01/13/2020 16:03:59</t>
  </si>
  <si>
    <t>01/13/2020 16:01:43</t>
  </si>
  <si>
    <t>01/13/2020 16:04:14</t>
  </si>
  <si>
    <t>01/13/2020 16:05:29</t>
  </si>
  <si>
    <t>01/13/2020 16:03:50</t>
  </si>
  <si>
    <t>4d417a85-8a9e-48a9-964e-785927699ee4.tmp</t>
  </si>
  <si>
    <t>\\acsfs\profiles$\myllenardl\Downloads\4d417a85-8a9e-48a9-964e-785927699ee4.tmp</t>
  </si>
  <si>
    <t>01/13/2020 16:01:32</t>
  </si>
  <si>
    <t>ENC: RES: FILAS DE RETORNO</t>
  </si>
  <si>
    <t>01/13/2020 16:05:23</t>
  </si>
  <si>
    <t>01/13/2020 16:06:30</t>
  </si>
  <si>
    <t>10.200.35.182</t>
  </si>
  <si>
    <t>54-BF-64-F4-AD-68</t>
  </si>
  <si>
    <t>NB-RODRIGO</t>
  </si>
  <si>
    <t>rodrigolima</t>
  </si>
  <si>
    <t>C:\Users\rodrigolima\Downloads\</t>
  </si>
  <si>
    <t>a4e93d39-66e6-48bf-9431-00d56e648692.csv</t>
  </si>
  <si>
    <t>ance,ancestorhasaugmentedpermissions,containsunsubscribedchildren,dis,displayname,domain,emailaddress,file(kind,fileid,filesize,hasthumbnail,hasvisitorpermissions,id,id),items(deleted,items(kind,ken,kind,lastmodifyi,lastmodifyinguser(kind,lastviewedbymedate,modifiedbymedate,modifieddate,ontainsunsubscribedchildren,owners(kind,perm,permission,permissionid,pic,picture,rpermissions,shared,sharedwithmedate,thumbnailversion,title,userpermission(role),workspaceids</t>
  </si>
  <si>
    <t>01/13/2020 16:01:58</t>
  </si>
  <si>
    <t>01/13/2020 16:05:28</t>
  </si>
  <si>
    <t>01/13/2020 16:05:27</t>
  </si>
  <si>
    <t>01/13/2020 16:07:29</t>
  </si>
  <si>
    <t>lu16208215iho.tmp</t>
  </si>
  <si>
    <t>\\acsfs\profiles$\victoriaksr\My Documents\lu16208215iho.tmp</t>
  </si>
  <si>
    <t>01/13/2020 16:05:49</t>
  </si>
  <si>
    <t>01/13/2020 16:05:54</t>
  </si>
  <si>
    <t>ceffbad3-411c-485e-a855-25784baf91d7.tmp</t>
  </si>
  <si>
    <t>\\acsfs\profiles$\ayalabfi\Downloads\ceffbad3-411c-485e-a855-25784baf91d7.tmp</t>
  </si>
  <si>
    <t>01/13/2020 16:02:47</t>
  </si>
  <si>
    <t>01/13/2020 16:08:30</t>
  </si>
  <si>
    <t>01/13/2020 16:03:07</t>
  </si>
  <si>
    <t>01/13/2020 16:03:26</t>
  </si>
  <si>
    <t>01/13/2020 16:04:23</t>
  </si>
  <si>
    <t>01/13/2020 16:04:43</t>
  </si>
  <si>
    <t>01/13/2020 16:04:53</t>
  </si>
  <si>
    <t>01/13/2020 16:07:30</t>
  </si>
  <si>
    <t>01/13/2020 16:04:19</t>
  </si>
  <si>
    <t>9e110ce3-6d03-4c98-92ca-fcd120562168.tmp</t>
  </si>
  <si>
    <t>\\acsfs\profiles$\brunalas\Downloads\9e110ce3-6d03-4c98-92ca-fcd120562168.tmp</t>
  </si>
  <si>
    <t>01/13/2020 16:03:47</t>
  </si>
  <si>
    <t>http:///batch?%24ct=multipart%2Fmixed%3B%20boundary%3D%22%3D%3D%3D%3D%3Dy9kbpugspfgv%3D%3D%3D%3D%3D%22&amp;key=AIzaSyAy9VVXHSpS2IJpptzYtGbLP3-3_l0aBk4</t>
  </si>
  <si>
    <t>http:///batch?%24ct=multipart%2Fmixed%3B%20boundary%3D%22%3D%3D%3D%3D%3Dww3v8do69vpe%3D%3D%3D%3D%3D%22&amp;key=AIzaSyAy9VVXHSpS2IJpptzYtGbLP3-3_l0aBk4</t>
  </si>
  <si>
    <t>01/13/2020 16:03:49</t>
  </si>
  <si>
    <t>http:///batch?%24ct=multipart%2Fmixed%3B%20boundary%3D%22%3D%3D%3D%3D%3Du3v22kqw305%3D%3D%3D%3D%3D%22&amp;key=AIzaSyAy9VVXHSpS2IJpptzYtGbLP3-3_l0aBk4</t>
  </si>
  <si>
    <t>01/13/2020 16:04:07</t>
  </si>
  <si>
    <t>01/13/2020 16:09:30</t>
  </si>
  <si>
    <t>01/13/2020 16:04:08</t>
  </si>
  <si>
    <t>01/13/2020 16:04:04</t>
  </si>
  <si>
    <t>01/13/2020 16:04:24</t>
  </si>
  <si>
    <t>01/13/2020 16:06:25</t>
  </si>
  <si>
    <t>01/13/2020 16:05:24</t>
  </si>
  <si>
    <t>01/13/2020 16:10:30</t>
  </si>
  <si>
    <t>ca3c26fa-4474-48d2-b0a4-3334fe20829a.tmp</t>
  </si>
  <si>
    <t>\\acsfs\profiles$\nycolleemdj\Downloads\ca3c26fa-4474-48d2-b0a4-3334fe20829a.tmp</t>
  </si>
  <si>
    <t>01/13/2020 16:10:06</t>
  </si>
  <si>
    <t>b253bd5f-3260-4f84-952f-6cdb1eebd3cd.tmp</t>
  </si>
  <si>
    <t>\\acsfs\profiles$\layonmof\Downloads\b253bd5f-3260-4f84-952f-6cdb1eebd3cd.tmp</t>
  </si>
  <si>
    <t>01/13/2020 16:05:51</t>
  </si>
  <si>
    <t>01/13/2020 16:11:30</t>
  </si>
  <si>
    <t>eb7dbd17-be31-4cf5-8302-ec9351fac6bb.csv</t>
  </si>
  <si>
    <t>01/13/2020 16:06:03</t>
  </si>
  <si>
    <t>01/13/2020 16:06:13</t>
  </si>
  <si>
    <t>mail.google.com/sync/u/0/i/s?hl=pt-BR&amp;c=1125</t>
  </si>
  <si>
    <t>bvservicedesk@bancovotorantim.com.br;catianalv@algartech.com;cpc-controldeskavon@algartech.com;joseasn@algartech.com;lucianarsantos@algartech.com;marianadjc@algartech.com;ricardodfm@algartech.com.br;senildapdo@algartecnologia.com.br;viniciussg@algartech.com;</t>
  </si>
  <si>
    <t>bvservicedesk@bancovotorantim.com.br,catianalv@algartech.com,cpc-controldeskavon@algartech.com,joseasn@algartech.com,lucianarsantos@algartech.com,marianadjc@algartech.com,ricardodfm@algartech.com.br,senildapdo@algartecnologia.com.br,viniciussg@algartech.com</t>
  </si>
  <si>
    <t>01/13/2020 16:06:56</t>
  </si>
  <si>
    <t>01/13/2020 16:07:57</t>
  </si>
  <si>
    <t>mail.google.com/sync/u/0/i/s?hl=pt-BR&amp;c=1131</t>
  </si>
  <si>
    <t>01/13/2020 16:08:02</t>
  </si>
  <si>
    <t>01/13/2020 16:08:37</t>
  </si>
  <si>
    <t>01/13/2020 16:08:59</t>
  </si>
  <si>
    <t>bvservicedesk@bancovotorantim.com.br;catianalv@algartech.com;cpc-controldeskavon@algartech.com;joseasn@algartech.com;lucianarsantos@algartech.com;marianadjc@algartech.com;ricardodfm@algartech.com.br;senildapdo@algartecnologia.com.br;</t>
  </si>
  <si>
    <t>bvservicedesk@bancovotorantim.com.br,catianalv@algartech.com,cpc-controldeskavon@algartech.com,joseasn@algartech.com,lucianarsantos@algartech.com,marianadjc@algartech.com,ricardodfm@algartech.com.br,senildapdo@algartecnologia.com.br</t>
  </si>
  <si>
    <t>01/13/2020 16:09:04</t>
  </si>
  <si>
    <t>01/13/2020 16:09:05</t>
  </si>
  <si>
    <t>01/13/2020 16:09:08</t>
  </si>
  <si>
    <t>mail.google.com/sync/u/0/i/s?hl=pt-BR&amp;c=1140</t>
  </si>
  <si>
    <t>01/13/2020 16:09:25</t>
  </si>
  <si>
    <t>01/13/2020 16:09:29</t>
  </si>
  <si>
    <t>mail.google.com/sync/u/0/i/s?hl=pt-BR&amp;c=1145</t>
  </si>
  <si>
    <t>01/13/2020 16:09:58</t>
  </si>
  <si>
    <t>mail.google.com/sync/u/0/i/s?hl=pt-BR&amp;c=1147</t>
  </si>
  <si>
    <t>01/13/2020 16:10:13</t>
  </si>
  <si>
    <t>01/13/2020 16:10:18</t>
  </si>
  <si>
    <t>01/13/2020 16:10:32</t>
  </si>
  <si>
    <t>01/13/2020 16:10:42</t>
  </si>
  <si>
    <t>01/13/2020 16:07:26</t>
  </si>
  <si>
    <t>KAMILLA CAROLINA RORIGUES_1_6777706083934873885_1_32.wav</t>
  </si>
  <si>
    <t>\\acsfs\Deptos\EDUCACAO EMPRESARIAL\KÉSIA\Ligações 2º ciclo - Janeiro 2020\KAMILLA CAROLINA RORIGUES_1_6777706083934873885_1_32.wav</t>
  </si>
  <si>
    <t>01/13/2020 16:11:36</t>
  </si>
  <si>
    <t>01/13/2020 16:13:30</t>
  </si>
  <si>
    <t>1dc40ea8-184c-4774-ae56-e436d3cdeb66.tmp</t>
  </si>
  <si>
    <t>\\acsfs\profiles$\lorrainerdl\Downloads\1dc40ea8-184c-4774-ae56-e436d3cdeb66.tmp</t>
  </si>
  <si>
    <t>01/13/2020 16:11:01</t>
  </si>
  <si>
    <t>01/13/2020 16:11:25</t>
  </si>
  <si>
    <t>01/13/2020 16:11:28</t>
  </si>
  <si>
    <t>01/13/2020 16:11:32</t>
  </si>
  <si>
    <t>01/13/2020 16:11:43</t>
  </si>
  <si>
    <t>01/13/2020 16:11:40</t>
  </si>
  <si>
    <t>01/13/2020 16:08:31</t>
  </si>
  <si>
    <t>http:///batch?%24ct=multipart%2Fmixed%3B%20boundary%3D%22%3D%3D%3D%3D%3Dfsug4wnl1pjk%3D%3D%3D%3D%3D%22&amp;key=AIzaSyAy9VVXHSpS2IJpptzYtGbLP3-3_l0aBk4</t>
  </si>
  <si>
    <t>01/13/2020 16:08:32</t>
  </si>
  <si>
    <t>http:///batch?%24ct=multipart%2Fmixed%3B%20boundary%3D%22%3D%3D%3D%3D%3Dvgnnuuus5hxy%3D%3D%3D%3D%3D%22&amp;key=AIzaSyAy9VVXHSpS2IJpptzYtGbLP3-3_l0aBk4</t>
  </si>
  <si>
    <t>4c86677da005a94a36_u x-goog-authuser: 0 --=====vgnnuuus5hxy=====-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4c86677da005a94a36_u x-goog-authuser: 0 --=====vgnnuuus5hxy=====-- 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1/13/2020 16:08:33</t>
  </si>
  <si>
    <t>http:///batch?%24ct=multipart%2Fmixed%3B%20boundary%3D%22%3D%3D%3D%3D%3D562yp8ul20s%3D%3D%3D%3D%3D%22&amp;key=AIzaSyAy9VVXHSpS2IJpptzYtGbLP3-3_l0aBk4</t>
  </si>
  <si>
    <t>01/13/2020 16:09:40</t>
  </si>
  <si>
    <t>01/13/2020 16:14:30</t>
  </si>
  <si>
    <t>a498a0d3-86c0-472f-a224-bb33f02d2334.tmp</t>
  </si>
  <si>
    <t>\\acsfs\profiles$\brendadsl\Downloads\a498a0d3-86c0-472f-a224-bb33f02d2334.tmp</t>
  </si>
  <si>
    <t>01/13/2020 16:10:11</t>
  </si>
  <si>
    <t>846f3037-a5d6-49e4-9fba-a04b35d4a3cf.tmp</t>
  </si>
  <si>
    <t>\\acsfs\profiles$\brendadsl\Downloads\846f3037-a5d6-49e4-9fba-a04b35d4a3cf.tmp</t>
  </si>
  <si>
    <t>92d91f38-cdbd-4f36-b353-cc642a9739d0.tmp</t>
  </si>
  <si>
    <t>\\acsfs\profiles$\brendadsl\Downloads\92d91f38-cdbd-4f36-b353-cc642a9739d0.tmp</t>
  </si>
  <si>
    <t>01/13/2020 16:10:14</t>
  </si>
  <si>
    <t>fbfed683-d1fb-4b3d-8bd9-3a0e5101a560.tmp</t>
  </si>
  <si>
    <t>\\acsfs\profiles$\brendadsl\Downloads\fbfed683-d1fb-4b3d-8bd9-3a0e5101a560.tmp</t>
  </si>
  <si>
    <t>01/13/2020 16:10:15</t>
  </si>
  <si>
    <t>23f38ded-1681-41d5-aa06-f099372f0245.tmp</t>
  </si>
  <si>
    <t>\\acsfs\profiles$\brendadsl\Downloads\23f38ded-1681-41d5-aa06-f099372f0245.tmp</t>
  </si>
  <si>
    <t>01/13/2020 16:10:54</t>
  </si>
  <si>
    <t>01/13/2020 16:15:30</t>
  </si>
  <si>
    <t>01/13/2020 16:12:11</t>
  </si>
  <si>
    <t>01/13/2020 16:15:03</t>
  </si>
  <si>
    <t>01/13/2020 16:16:30</t>
  </si>
  <si>
    <t>01/13/2020 16:15:04</t>
  </si>
  <si>
    <t>lu2733221pjol.tmp</t>
  </si>
  <si>
    <t>\\acsfs\profiles$\RAFAELRF\meu\lu2733221pjol.tmp</t>
  </si>
  <si>
    <t>\\acsfs\profiles$\RAFAELRF\meu\lu2733221pjol.tmp\</t>
  </si>
  <si>
    <t>\\acsfs\profiles$\RAFAELRF\meu\lu2733221pjol.tmp\META-INF\</t>
  </si>
  <si>
    <t>\\acsfs\profiles$\RAFAELRF\meu\lu2733221pjol.tmp\Thumbnails\</t>
  </si>
  <si>
    <t>01/13/2020 16:11:04</t>
  </si>
  <si>
    <t>01/13/2020 16:11:05</t>
  </si>
  <si>
    <t>01/13/2020 16:11:26</t>
  </si>
  <si>
    <t>01/13/2020 16:11:42</t>
  </si>
  <si>
    <t>01/13/2020 16:13:14</t>
  </si>
  <si>
    <t>10-01 RELATORIO DE LOGIN AVON - - Cópia.xlsm</t>
  </si>
  <si>
    <t>\\acsfs\deptos\Operacao\PCP\5 - Comum\CONTROL DESK\2 - DAC2\Control Desk AVON\Relatorios\Status de login\2020\10-01 RELATORIO DE LOGIN AVON - - Cópia.xlsm</t>
  </si>
  <si>
    <t>01/13/2020 16:11:45</t>
  </si>
  <si>
    <t>mail.google.com/_/upload?authuser=0&amp;dcp=asu-n&amp;upload_id=AEnB2UoNNQaE8EFXWlr1PFYKAv5gklVS3Mk1JTfb5yEzg7SEyfWIky75iVZzzl-GZmElFc21GfoJQe-ktKf6PbxNNSWDy6SOqgUx8AaRXq_FksRkF53HTk4&amp;upload_protocol=resumable</t>
  </si>
  <si>
    <t>01/13/2020 16:11:53</t>
  </si>
  <si>
    <t>01/13/2020 16:15:10</t>
  </si>
  <si>
    <t>ISABELLE GOMES TEIXEIRA DOS SANTOS_1_6778052138039836910_1_32.wav</t>
  </si>
  <si>
    <t>\\acsfs\Deptos\EDUCACAO EMPRESARIAL\KÉSIA\Ligações 2º ciclo - Janeiro 2020\ISABELLE GOMES TEIXEIRA DOS SANTOS_1_6778052138039836910_1_32.wav</t>
  </si>
  <si>
    <t>01/13/2020 16:12:18</t>
  </si>
  <si>
    <t>01/13/2020 16:17:30</t>
  </si>
  <si>
    <t>f4fb7c33-62f1-4b3e-9470-ffa9e2366ae1.tmp</t>
  </si>
  <si>
    <t>\\acsfs\profiles$\adelvinsonle\Downloads\f4fb7c33-62f1-4b3e-9470-ffa9e2366ae1.tmp</t>
  </si>
  <si>
    <t>01/13/2020 16:13:17</t>
  </si>
  <si>
    <t>c50c467c-4d18-4c69-805f-6242b2e81411.tmp</t>
  </si>
  <si>
    <t>\\acsfs\profiles$\adelvinsonle\Downloads\c50c467c-4d18-4c69-805f-6242b2e81411.tmp</t>
  </si>
  <si>
    <t>01/13/2020 16:13:46</t>
  </si>
  <si>
    <t>c4f971fe-48b1-4979-8a08-1eaf1ed1af15.tmp</t>
  </si>
  <si>
    <t>\\acsfs\profiles$\adelvinsonle\Downloads\c4f971fe-48b1-4979-8a08-1eaf1ed1af15.tmp</t>
  </si>
  <si>
    <t>01/13/2020 16:16:47</t>
  </si>
  <si>
    <t>01/13/2020 16:18:30</t>
  </si>
  <si>
    <t>01/13/2020 16:13:59</t>
  </si>
  <si>
    <t>01/13/2020 16:14:05</t>
  </si>
  <si>
    <t>01/13/2020 16:14:10</t>
  </si>
  <si>
    <t>01/13/2020 16:14:20</t>
  </si>
  <si>
    <t>01/13/2020 16:14:27</t>
  </si>
  <si>
    <t>01/13/2020 16:14:28</t>
  </si>
  <si>
    <t>01/13/2020 16:13:58</t>
  </si>
  <si>
    <t>01/13/2020 16:19:30</t>
  </si>
  <si>
    <t>01/13/2020 16:18:32</t>
  </si>
  <si>
    <t>01/13/2020 16:20:30</t>
  </si>
  <si>
    <t>01/13/2020 16:17:17</t>
  </si>
  <si>
    <t>01/13/2020 16:17:57</t>
  </si>
  <si>
    <t>01/13/2020 16:16:59</t>
  </si>
  <si>
    <t>\\acsfs\ACS\Gabriel da Silva\Contemporânea\BDBV\162BC657.tmp\</t>
  </si>
  <si>
    <t>\\acsfs\ACS\Gabriel da Silva\Contemporânea\BDBV\162BC657.tmp\:Zone.Identifier:$DATA</t>
  </si>
  <si>
    <t>01/13/2020 16:19:55</t>
  </si>
  <si>
    <t>\\acsfs\ACS\Gabriel da Silva\Contemporânea\BDBV\BC5A995A.tmp\</t>
  </si>
  <si>
    <t>\\acsfs\ACS\Gabriel da Silva\Contemporânea\BDBV\BC5A995A.tmp\:Zone.Identifier:$DATA</t>
  </si>
  <si>
    <t>01/13/2020 16:19:05</t>
  </si>
  <si>
    <t>6c8a65ba-b9c9-4e5c-9022-ce8b2c7777c8.tmp</t>
  </si>
  <si>
    <t>\\acsfs\profiles$\layonmof\Downloads\6c8a65ba-b9c9-4e5c-9022-ce8b2c7777c8.tmp</t>
  </si>
  <si>
    <t>01/13/2020 16:17:40</t>
  </si>
  <si>
    <t>01/13/2020 16:22:30</t>
  </si>
  <si>
    <t>7ed05249-156e-4781-9e3c-7fab98b1833c.tmp</t>
  </si>
  <si>
    <t>\\acsfs\profiles$\geovannasm\Downloads\7ed05249-156e-4781-9e3c-7fab98b1833c.tmp</t>
  </si>
  <si>
    <t>01/13/2020 16:20:34</t>
  </si>
  <si>
    <t>01/13/2020 16:17:50</t>
  </si>
  <si>
    <t>01/13/2020 16:23:29</t>
  </si>
  <si>
    <t>"languagecode":"pt-br";"requesttype":"background_request";"scenariotype;"timezone":"-03:00";#bco-inspetoria@bancovotorantim.com.br;0]l;142961685;1578940297233;35;[];[]]];ancestorhasaugmentedpermissions;andrelps@algartech.com;atuima2v-l-r4mlrttnejldjmmcmtjqqdb_eo8phe2_wqj_y1ojumr1iabvw2ppblwocree42tuodgonxc9zyrpd_xfoykjevtevtwhy7y59ndrbaejlegewajwiplmm\";containsunsubscribedchildren;displayname;domain;emailaddress;ess"}}�;false;file(kind;fileid;filesize;hasthumbnail;hasvisitorpermissions;id;id);items(deleted;ken;kind;lastmodifyinguser(kind;lastviewedbymedate;modifiedbymedate;modifieddate;null;ontainsunsubscribedchildren;ouvidoria@algar.com.br;owners(kind;p";per;permissionid;picture;shared;sharedwithmedate;thumbnailversion;title;true]";userpermission(role);workspaceids;</t>
  </si>
  <si>
    <t>"languagecode":"pt-br","requesttype":"background_request","scenariotype,"timezone":"-03:00",#bco-inspetoria@bancovotorantim.com.br,0]l,142961685,1578940297233,35,[],[]]],ancestorhasaugmentedpermissions,andrelps@algartech.com,atuima2v-l-r4mlrttnejldjmmcmtjqqdb_eo8phe2_wqj_y1ojumr1iabvw2ppblwocree42tuodgonxc9zyrpd_xfoykjevtevtwhy7y59ndrbaejlegewajwiplmm\",containsunsubscribedchildren,displayname,domain,emailaddress,ess"}}�,false,file(kind,fileid,filesize,hasthumbnail,hasvisitorpermissions,id,id),items(deleted,ken,kind,lastmodifyinguser(kind,lastviewedbymedate,modifiedbymedate,modifieddate,null,ontainsunsubscribedchildren,ouvidoria@algar.com.br,owners(kind,p",per,permissionid,picture,shared,sharedwithmedate,thumbnailversion,title,true]",userpermission(role),workspaceids</t>
  </si>
  <si>
    <t>01/13/2020 16:17:55</t>
  </si>
  <si>
    <t>01/13/2020 16:21:42</t>
  </si>
  <si>
    <t>188c311f-e834-44a6-928b-3169dbcb791b.tmp</t>
  </si>
  <si>
    <t>\\acsfs\profiles$\anafaes\Downloads\188c311f-e834-44a6-928b-3169dbcb791b.tmp</t>
  </si>
  <si>
    <t>23144935-259c-4d4b-986a-806e5888b862.tmp</t>
  </si>
  <si>
    <t>\\acsfs\profiles$\anafaes\Downloads\23144935-259c-4d4b-986a-806e5888b862.tmp</t>
  </si>
  <si>
    <t>01/13/2020 16:21:45</t>
  </si>
  <si>
    <t>abcf0a03-d01b-4c88-a269-fff164bd84f3.tmp</t>
  </si>
  <si>
    <t>\\acsfs\profiles$\anafaes\Downloads\abcf0a03-d01b-4c88-a269-fff164bd84f3.tmp</t>
  </si>
  <si>
    <t>01/13/2020 16:24:30</t>
  </si>
  <si>
    <t>01/13/2020 16:23:07</t>
  </si>
  <si>
    <t>01/13/2020 16:23:36</t>
  </si>
  <si>
    <t>01/13/2020 16:21:58</t>
  </si>
  <si>
    <t>9599ec9f-8341-4533-a5b9-730a381ad183.tmp</t>
  </si>
  <si>
    <t>\\acsfs\profiles$\KARENDSR\Downloads\9599ec9f-8341-4533-a5b9-730a381ad183.tmp</t>
  </si>
  <si>
    <t>01/13/2020 16:19:32</t>
  </si>
  <si>
    <t>01/13/2020 16:22:40</t>
  </si>
  <si>
    <t>\\acsfs\profiles$\quindaizaagds\My Documents\My Pictures\$RECYCLE.BIN\</t>
  </si>
  <si>
    <t>$IB7RXUI.txt</t>
  </si>
  <si>
    <t>\\acsfs\profiles$\quindaizaagds\My Documents\My Pictures\$RECYCLE.BIN\$IB7RXUI.txt</t>
  </si>
  <si>
    <t>01/13/2020 16:22:46</t>
  </si>
  <si>
    <t>$I5VMVL7.txt</t>
  </si>
  <si>
    <t>\\acsfs\profiles$\quindaizaagds\My Documents\My Pictures\$RECYCLE.BIN\$I5VMVL7.txt</t>
  </si>
  <si>
    <t>01/13/2020 16:22:55</t>
  </si>
  <si>
    <t>$IN764UX.txt</t>
  </si>
  <si>
    <t>\\acsfs\profiles$\quindaizaagds\My Documents\My Pictures\$RECYCLE.BIN\$IN764UX.txt</t>
  </si>
  <si>
    <t>01/13/2020 16:23:44</t>
  </si>
  <si>
    <t>01/13/2020 16:25:29</t>
  </si>
  <si>
    <t>c65d4364-c741-4638-a28b-19c40b7df625.tmp</t>
  </si>
  <si>
    <t>\\acsfs\profiles$\leonardocb\Downloads\c65d4364-c741-4638-a28b-19c40b7df625.tmp</t>
  </si>
  <si>
    <t>01/13/2020 16:23:48</t>
  </si>
  <si>
    <t>Q29udHJvbGxlci5JbmZvQlYtTm9pdGU- (16).ica</t>
  </si>
  <si>
    <t>\\acsfs\profiles$\leonardocb\Downloads\Q29udHJvbGxlci5JbmZvQlYtTm9pdGU- (16).ica</t>
  </si>
  <si>
    <t>01/13/2020 16:24:44</t>
  </si>
  <si>
    <t>4516a134-5832-4a1c-9e5b-5969d5761bba.tmp</t>
  </si>
  <si>
    <t>\\acsfs\profiles$\leonardocb\Downloads\4516a134-5832-4a1c-9e5b-5969d5761bba.tmp</t>
  </si>
  <si>
    <t>01/13/2020 16:20:15</t>
  </si>
  <si>
    <t>f43fe5a4-1ca5-4186-8315-d111b5fed918.tmp</t>
  </si>
  <si>
    <t>\\acsfs\profiles$\henriqueco\Downloads\f43fe5a4-1ca5-4186-8315-d111b5fed918.tmp</t>
  </si>
  <si>
    <t>01/13/2020 16:20:36</t>
  </si>
  <si>
    <t>01/13/2020 16:25:46</t>
  </si>
  <si>
    <t>01/13/2020 16:26:30</t>
  </si>
  <si>
    <t>01/13/2020 16:26:21</t>
  </si>
  <si>
    <t>g:\meu drive\storage\fusion\2020\</t>
  </si>
  <si>
    <t>gabriel storti (2).xlsx</t>
  </si>
  <si>
    <t>01/13/2020 16:23:04</t>
  </si>
  <si>
    <t>01/13/2020 16:27:29</t>
  </si>
  <si>
    <t>relatorio_atendimento_analitico__exportacao_5e1cc34aea877.csv</t>
  </si>
  <si>
    <t>01/13/2020 16:26:20</t>
  </si>
  <si>
    <t>6dc47566-ec4f-4d83-8d1f-b42d243fe77f.tmp</t>
  </si>
  <si>
    <t>\\acsfs\profiles$\fernandofs\Downloads\6dc47566-ec4f-4d83-8d1f-b42d243fe77f.tmp</t>
  </si>
  <si>
    <t>01/13/2020 16:26:17</t>
  </si>
  <si>
    <t>mail.google.com/_/upload?authuser=1&amp;dcp=asu-n&amp;upload_id=AEnB2UolGo0VITmBEbFHC422up58gGdNMaepfF8BlHBfAiDdwZ7X_bu7tueoaLQ25CZhmZVZwkpHDWdJH_7LV2EupPoaolgrmvVfuHsJsegbjJkDqRkKO3E&amp;upload_protocol=resumable</t>
  </si>
  <si>
    <t>01/13/2020 16:26:23</t>
  </si>
  <si>
    <t>01/13/2020 16:28:29</t>
  </si>
  <si>
    <t>andrelpsa@algartech.com;fabianacscg@algartech.com;luizffn@algartech.com;mirianppb@algartech.com;talmaiardo@algartech.com;taysdss@algartech.com;</t>
  </si>
  <si>
    <t>andrelpsa@algartech.com,fabianacscg@algartech.com,luizffn@algartech.com,mirianppb@algartech.com,talmaiardo@algartech.com,taysdss@algartech.com</t>
  </si>
  <si>
    <t>01/13/2020 16:26:28</t>
  </si>
  <si>
    <t>mail.google.com/sync/u/0/i/s?hl=pt-BR&amp;c=1336</t>
  </si>
  <si>
    <t>01/13/2020 16:23:02</t>
  </si>
  <si>
    <t>5d994756-df78-42e4-9426-39ef5ae354b6.tmp</t>
  </si>
  <si>
    <t>\\acsfs\profiles$\anafaes\Downloads\5d994756-df78-42e4-9426-39ef5ae354b6.tmp</t>
  </si>
  <si>
    <t>01/13/2020 16:24:59</t>
  </si>
  <si>
    <t>01/13/2020 16:29:29</t>
  </si>
  <si>
    <t>01/13/2020 16:26:11</t>
  </si>
  <si>
    <t>2ae70cb0-cecd-4391-b8cc-816047e438c4.tmp</t>
  </si>
  <si>
    <t>\\acsfs\profiles$\larissaad\Downloads\2ae70cb0-cecd-4391-b8cc-816047e438c4.tmp</t>
  </si>
  <si>
    <t>01/13/2020 16:29:15</t>
  </si>
  <si>
    <t>01/13/2020 16:30:29</t>
  </si>
  <si>
    <t>01/13/2020 16:27:05</t>
  </si>
  <si>
    <t>01/13/2020 16:29:37</t>
  </si>
  <si>
    <t>01/13/2020 16:30:11</t>
  </si>
  <si>
    <t>7403f21c-1408-4c4b-81ce-e4c453ce341d.tmp</t>
  </si>
  <si>
    <t>\\acsfs\profiles$\gabrielsma\Downloads\7403f21c-1408-4c4b-81ce-e4c453ce341d.tmp</t>
  </si>
  <si>
    <t>01/13/2020 16:28:15</t>
  </si>
  <si>
    <t>01/13/2020 16:27:32</t>
  </si>
  <si>
    <t>01/13/2020 16:31:30</t>
  </si>
  <si>
    <t>9f24a939-2ff9-4456-8e88-31e6e7e4ac18.tmp</t>
  </si>
  <si>
    <t>\\acsfs\profiles$\ingridsm\Downloads\9f24a939-2ff9-4456-8e88-31e6e7e4ac18.tmp</t>
  </si>
  <si>
    <t>01/13/2020 16:29:56</t>
  </si>
  <si>
    <t>mail.google.com/_/upload?authuser=0&amp;dcp=asu-n&amp;upload_id=AEnB2Uq5MZx4BtWW1hgWUV94ot6rkERUkrP26VvBaab31xRbDnhldLfN40npHdvtel1xKLik-VpAB_cZlG1UuOk_ox5FR5Q8g1lfiZmcL13RfWqcN0tg8LQ&amp;upload_protocol=resumable</t>
  </si>
  <si>
    <t>\\acsfs\ACS\Consultoria de Qualidade\Uberlândia\0. Supervisão Qualidade\2. Mapa de Férias\</t>
  </si>
  <si>
    <t>Mapa de Férias - Equipe Fernando.xlsx</t>
  </si>
  <si>
    <t>REGIS EZAIAS DA SILVA JUNIOR_1_6777446899838425824_1_32.wav</t>
  </si>
  <si>
    <t>\\acsfs\Deptos\EDUCACAO EMPRESARIAL\KÉSIA\Ligações 2º ciclo - Janeiro 2020\REGIS EZAIAS DA SILVA JUNIOR_1_6777446899838425824_1_32.wav</t>
  </si>
  <si>
    <t>01/13/2020 16:28:36</t>
  </si>
  <si>
    <t>01/13/2020 16:33:30</t>
  </si>
  <si>
    <t>01/13/2020 16:28:41</t>
  </si>
  <si>
    <t>01/13/2020 16:30:26</t>
  </si>
  <si>
    <t>5ead4c8f-d076-42a4-9f02-234ed206d98d.tmp</t>
  </si>
  <si>
    <t>\\acsfs\profiles$\brunalas\Downloads\5ead4c8f-d076-42a4-9f02-234ed206d98d.tmp</t>
  </si>
  <si>
    <t>01/13/2020 16:31:14</t>
  </si>
  <si>
    <t>34cd0f18-da9e-4c69-a909-efbf59e81b59.tmp</t>
  </si>
  <si>
    <t>\\acsfs\profiles$\alinepp\Downloads\34cd0f18-da9e-4c69-a909-efbf59e81b59.tmp</t>
  </si>
  <si>
    <t>01/13/2020 16:30:12</t>
  </si>
  <si>
    <t>dbd226be-64cd-46d9-888d-ae9f7daf5728.tmp</t>
  </si>
  <si>
    <t>\\acsfs\profiles$\regisedsj\Downloads\dbd226be-64cd-46d9-888d-ae9f7daf5728.tmp</t>
  </si>
  <si>
    <t>01/13/2020 16:30:30</t>
  </si>
  <si>
    <t>01/13/2020 16:34:29</t>
  </si>
  <si>
    <t>0458f9be-d32d-4f93-ad26-9af1afc9b779.tmp</t>
  </si>
  <si>
    <t>\\acsfs\profiles$\larissaad\Downloads\0458f9be-d32d-4f93-ad26-9af1afc9b779.tmp</t>
  </si>
  <si>
    <t>01/13/2020 16:30:35</t>
  </si>
  <si>
    <t>01/13/2020 16:30:52</t>
  </si>
  <si>
    <t>01/13/2020 16:31:15</t>
  </si>
  <si>
    <t>01/13/2020 16:33:54</t>
  </si>
  <si>
    <t>01/13/2020 16:29:02</t>
  </si>
  <si>
    <t>60814bc1-b003-4afa-a116-7c5b7ea3cf99.tmp</t>
  </si>
  <si>
    <t>\\acsfs\profiles$\leticiala\Downloads\60814bc1-b003-4afa-a116-7c5b7ea3cf99.tmp</t>
  </si>
  <si>
    <t>01/13/2020 16:34:06</t>
  </si>
  <si>
    <t>01/13/2020 16:35:30</t>
  </si>
  <si>
    <t>XLOG_marcosvnds_13012020_135835.log</t>
  </si>
  <si>
    <t>\\acsfs\profiles$\marcosvnds\My Documents\xworkcenter\logs\XLOG_marcosvnds_13012020_135835.log</t>
  </si>
  <si>
    <t>01/13/2020 16:30:27</t>
  </si>
  <si>
    <t>Não confirmado 203133.crdownload</t>
  </si>
  <si>
    <t>\\acsfs\ACS\Gabriel da Silva\Contemporânea\Acessos\Não confirmado 203133.crdownload</t>
  </si>
  <si>
    <t>01/13/2020 16:31:55</t>
  </si>
  <si>
    <t>8976d7ce-5951-453a-9367-5054b53ee1a8.tmp</t>
  </si>
  <si>
    <t>\\acsfs\profiles$\gabrielsma\Downloads\8976d7ce-5951-453a-9367-5054b53ee1a8.tmp</t>
  </si>
  <si>
    <t>01/13/2020 16:31:57</t>
  </si>
  <si>
    <t>01/13/2020 16:32:14</t>
  </si>
  <si>
    <t>01/13/2020 16:32:58</t>
  </si>
  <si>
    <t>01/13/2020 16:33:08</t>
  </si>
  <si>
    <t>01/13/2020 16:33:15</t>
  </si>
  <si>
    <t>01/13/2020 16:33:17</t>
  </si>
  <si>
    <t>01/13/2020 16:33:24</t>
  </si>
  <si>
    <t>01/13/2020 16:33:29</t>
  </si>
  <si>
    <t>01/13/2020 16:33:37</t>
  </si>
  <si>
    <t>01/13/2020 16:33:41</t>
  </si>
  <si>
    <t>01/13/2020 16:33:50</t>
  </si>
  <si>
    <t>01/13/2020 16:33:56</t>
  </si>
  <si>
    <t>01/13/2020 16:34:12</t>
  </si>
  <si>
    <t>01/13/2020 16:34:18</t>
  </si>
  <si>
    <t>01/13/2020 16:34:24</t>
  </si>
  <si>
    <t>01/13/2020 16:34:35</t>
  </si>
  <si>
    <t>01/13/2020 16:34:41</t>
  </si>
  <si>
    <t>01/13/2020 16:34:42</t>
  </si>
  <si>
    <t>01/13/2020 16:34:46</t>
  </si>
  <si>
    <t>01/13/2020 16:34:51</t>
  </si>
  <si>
    <t>01/13/2020 16:35:05</t>
  </si>
  <si>
    <t>01/13/2020 16:36:29</t>
  </si>
  <si>
    <t>01/13/2020 16:35:09</t>
  </si>
  <si>
    <t>01/13/2020 16:34:13</t>
  </si>
  <si>
    <t>mail.google.com/_/upload?authuser=0&amp;dcp=asu-n&amp;upload_id=AEnB2UqDMwITW5yTQnZp0N3QpKx17XDwmvbJXqqJdhUlNjhXw4hxoa1V1LCpREVjP9mZe9p3KFyTfFfdh5QPaf2JdrsgJTaDWg&amp;upload_protocol=resumable</t>
  </si>
  <si>
    <t>Caixa - Acompanhamento Produtividade Oficial - JAN.xlsx</t>
  </si>
  <si>
    <t>01/13/2020 16:32:23</t>
  </si>
  <si>
    <t>01/13/2020 16:37:30</t>
  </si>
  <si>
    <t>01/13/2020 16:35:11</t>
  </si>
  <si>
    <t>10.200.67.69</t>
  </si>
  <si>
    <t>654d58cb-dd70-43f5-bf41-ac45aca336d7.tmp</t>
  </si>
  <si>
    <t>\\acsfs\profiles$\marcosvnds\Downloads\654d58cb-dd70-43f5-bf41-ac45aca336d7.tmp</t>
  </si>
  <si>
    <t>01/13/2020 16:35:27</t>
  </si>
  <si>
    <t>d49217bf-4796-412c-9380-0c58e0c302e3.tmp</t>
  </si>
  <si>
    <t>\\acsfs\profiles$\marcosvnds\Downloads\d49217bf-4796-412c-9380-0c58e0c302e3.tmp</t>
  </si>
  <si>
    <t>01/13/2020 16:34:52</t>
  </si>
  <si>
    <t>01/13/2020 16:32:52</t>
  </si>
  <si>
    <t>01/13/2020 16:38:30</t>
  </si>
  <si>
    <t>10.200.58.134</t>
  </si>
  <si>
    <t>D8-9C-67-4D-78-E7</t>
  </si>
  <si>
    <t>mail.google.com/_/upload?authuser=0&amp;dcp=asu-n&amp;upload_id=AEnB2UqDswPgAVbHVDRtmoJzdCqTWR6DlCau3lV69hD3j_2Bm3XChrS20k-Qf5cfR1Ffn0-Jz1_BeBM2OmgfvRqQONeJ46dQxScL48TEB0jsPvEpDfCd5g8&amp;upload_protocol=resumable</t>
  </si>
  <si>
    <t>01/13/2020 16:33:19</t>
  </si>
  <si>
    <t>01/13/2020 16:36:10</t>
  </si>
  <si>
    <t>0f9df741-cc49-436c-81d0-a7c9ffec7e43.tmp</t>
  </si>
  <si>
    <t>\\acsfs\profiles$\alinepp\Downloads\0f9df741-cc49-436c-81d0-a7c9ffec7e43.tmp</t>
  </si>
  <si>
    <t>01/13/2020 16:37:23</t>
  </si>
  <si>
    <t>10.200.251.47</t>
  </si>
  <si>
    <t>64-1C-67-9C-32-49</t>
  </si>
  <si>
    <t>NB-HEITORFET</t>
  </si>
  <si>
    <t>heitorfet</t>
  </si>
  <si>
    <t>heitorft@algartech.com</t>
  </si>
  <si>
    <t>C:\Users\heitorfet\Desktop\</t>
  </si>
  <si>
    <t>Sobreaviso_Redes.xlsx</t>
  </si>
  <si>
    <t>01/13/2020 16:35:52</t>
  </si>
  <si>
    <t>01/13/2020 16:39:30</t>
  </si>
  <si>
    <t>01/13/2020 16:34:26</t>
  </si>
  <si>
    <t>1ef8319f-c1d8-4db4-9a62-75f15d76234f.tmp</t>
  </si>
  <si>
    <t>\\acsfs\profiles$\LUISPLS\Downloads\1ef8319f-c1d8-4db4-9a62-75f15d76234f.tmp</t>
  </si>
  <si>
    <t>01/13/2020 16:35:47</t>
  </si>
  <si>
    <t>d6502bbc-e34c-465e-9b2f-f4d2200f5648.tmp</t>
  </si>
  <si>
    <t>\\acsfs\profiles$\lorraynevam\Downloads\d6502bbc-e34c-465e-9b2f-f4d2200f5648.tmp</t>
  </si>
  <si>
    <t>01/13/2020 16:39:31</t>
  </si>
  <si>
    <t>01/13/2020 16:41:30</t>
  </si>
  <si>
    <t>mail.google.com/_/upload?authuser=0&amp;dcp=asu-n&amp;upload_id=AEnB2UoNYoB1JKkMFuid1E27MY0u58lln_-feWrJ--hGVYMT-Rwtz2Y28SAMv7c27tbUfnluOybRcifa5r7fAICs-Gh6UHdvlcDAYN9mfoKaY79lNQRpFkg&amp;upload_protocol=resumable</t>
  </si>
  <si>
    <t>2º CICLO.txt</t>
  </si>
  <si>
    <t>01/13/2020 16:36:42</t>
  </si>
  <si>
    <t>01/13/2020 16:42:30</t>
  </si>
  <si>
    <t>lu16208215ii0.tmp</t>
  </si>
  <si>
    <t>\\acsfs\profiles$\victoriaksr\My Documents\lu16208215ii0.tmp</t>
  </si>
  <si>
    <t>01/13/2020 16:41:29</t>
  </si>
  <si>
    <t>01/13/2020 16:36:56</t>
  </si>
  <si>
    <t>lu3856188eoe.tmp</t>
  </si>
  <si>
    <t>\\acsfs\profiles$\lucasgpe\Desktop\lu3856188eoe.tmp</t>
  </si>
  <si>
    <t>\\acsfs\profiles$\lucasgpe\Desktop\lu3856188eoe.tmp\</t>
  </si>
  <si>
    <t>\\acsfs\profiles$\lucasgpe\Desktop\lu3856188eoe.tmp\META-INF\</t>
  </si>
  <si>
    <t>\\acsfs\profiles$\lucasgpe\Desktop\lu3856188eoe.tmp\Thumbnails\</t>
  </si>
  <si>
    <t>01/13/2020 16:37:34</t>
  </si>
  <si>
    <t>01/13/2020 16:37:35</t>
  </si>
  <si>
    <t>01/13/2020 16:37:36</t>
  </si>
  <si>
    <t>01/13/2020 16:37:37</t>
  </si>
  <si>
    <t>01/13/2020 16:37:38</t>
  </si>
  <si>
    <t>01/13/2020 16:37:39</t>
  </si>
  <si>
    <t>01/13/2020 16:37:40</t>
  </si>
  <si>
    <t>01/13/2020 16:37:41</t>
  </si>
  <si>
    <t>01/13/2020 16:37:42</t>
  </si>
  <si>
    <t>01/13/2020 16:37:43</t>
  </si>
  <si>
    <t>01/13/2020 16:37:44</t>
  </si>
  <si>
    <t>01/13/2020 16:37:45</t>
  </si>
  <si>
    <t>01/13/2020 16:37:46</t>
  </si>
  <si>
    <t>01/13/2020 16:37:47</t>
  </si>
  <si>
    <t>01/13/2020 16:37:48</t>
  </si>
  <si>
    <t>01/13/2020 16:37:49</t>
  </si>
  <si>
    <t>01/13/2020 16:37:50</t>
  </si>
  <si>
    <t>01/13/2020 16:37:51</t>
  </si>
  <si>
    <t>01/13/2020 16:37:52</t>
  </si>
  <si>
    <t>01/13/2020 16:37:53</t>
  </si>
  <si>
    <t>01/13/2020 16:37:54</t>
  </si>
  <si>
    <t>01/13/2020 16:37:55</t>
  </si>
  <si>
    <t>01/13/2020 16:37:56</t>
  </si>
  <si>
    <t>01/13/2020 16:37:57</t>
  </si>
  <si>
    <t>01/13/2020 16:37:58</t>
  </si>
  <si>
    <t>01/13/2020 16:37:59</t>
  </si>
  <si>
    <t>01/13/2020 16:38:00</t>
  </si>
  <si>
    <t>01/13/2020 16:38:01</t>
  </si>
  <si>
    <t>01/13/2020 16:38:02</t>
  </si>
  <si>
    <t>01/13/2020 16:38:03</t>
  </si>
  <si>
    <t>01/13/2020 16:38:04</t>
  </si>
  <si>
    <t>01/13/2020 16:38:05</t>
  </si>
  <si>
    <t>01/13/2020 16:38:06</t>
  </si>
  <si>
    <t>01/13/2020 16:38:07</t>
  </si>
  <si>
    <t>01/13/2020 16:38:08</t>
  </si>
  <si>
    <t>01/13/2020 16:38:09</t>
  </si>
  <si>
    <t>01/13/2020 16:40:25</t>
  </si>
  <si>
    <t>01/13/2020 16:43:29</t>
  </si>
  <si>
    <t>01/13/2020 16:39:56</t>
  </si>
  <si>
    <t>01/13/2020 16:44:30</t>
  </si>
  <si>
    <t>01/13/2020 16:43:19</t>
  </si>
  <si>
    <t>lu16756236otp.tmp</t>
  </si>
  <si>
    <t>\\acsfs\profiles$\lorraynevam\lu16756236otp.tmp</t>
  </si>
  <si>
    <t>\\acsfs\profiles$\lorraynevam\lu16756236otp.tmp\</t>
  </si>
  <si>
    <t>\\acsfs\profiles$\lorraynevam\lu16756236otp.tmp\META-INF\</t>
  </si>
  <si>
    <t>\\acsfs\profiles$\lorraynevam\lu16756236otp.tmp\Thumbnails\</t>
  </si>
  <si>
    <t>01/13/2020 16:43:36</t>
  </si>
  <si>
    <t>\\acsfs\profiles$\LORRAYNEVAM\.~lock.CONTROLE DE VENDAS JANEIRO.ods#</t>
  </si>
  <si>
    <t>01/13/2020 16:39:54</t>
  </si>
  <si>
    <t>01/13/2020 16:43:11</t>
  </si>
  <si>
    <t>01/13/2020 16:45:29</t>
  </si>
  <si>
    <t>01/13/2020 16:40:54</t>
  </si>
  <si>
    <t>01/13/2020 16:41:33</t>
  </si>
  <si>
    <t>01/13/2020 16:46:30</t>
  </si>
  <si>
    <t>01/13/2020 16:42:54</t>
  </si>
  <si>
    <t>01/13/2020 16:43:14</t>
  </si>
  <si>
    <t>01/13/2020 16:43:20</t>
  </si>
  <si>
    <t>01/13/2020 16:43:38</t>
  </si>
  <si>
    <t>mail.google.com/sync/u/0/i/s?hl=pt-BR&amp;c=1181</t>
  </si>
  <si>
    <t>01/13/2020 16:43:45</t>
  </si>
  <si>
    <t>01/13/2020 16:44:08</t>
  </si>
  <si>
    <t>01/13/2020 16:44:18</t>
  </si>
  <si>
    <t>01/13/2020 16:44:23</t>
  </si>
  <si>
    <t>01/13/2020 16:44:41</t>
  </si>
  <si>
    <t>andrelpsa@algartech.com;bvservicedesk@bancovotorantim.com.br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viniciussg@algartech.com;</t>
  </si>
  <si>
    <t>andrelpsa@algartech.com,bvservicedesk@bancovotorantim.com.br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,viniciussg@algartech.com</t>
  </si>
  <si>
    <t>01/13/2020 16:45:07</t>
  </si>
  <si>
    <t>mail.google.com/sync/u/0/i/s?hl=pt-BR&amp;c=1195</t>
  </si>
  <si>
    <t>01/13/2020 16:45:13</t>
  </si>
  <si>
    <t>01/13/2020 16:45:17</t>
  </si>
  <si>
    <t>01/13/2020 16:45:20</t>
  </si>
  <si>
    <t>01/13/2020 16:45:25</t>
  </si>
  <si>
    <t>01/13/2020 16:45:53</t>
  </si>
  <si>
    <t>01/13/2020 16:46:25</t>
  </si>
  <si>
    <t>01/13/2020 16:47:29</t>
  </si>
  <si>
    <t>01/13/2020 16:43:54</t>
  </si>
  <si>
    <t>01/13/2020 16:48:30</t>
  </si>
  <si>
    <t>01/13/2020 16:44:10</t>
  </si>
  <si>
    <t>01/13/2020 16:49:29</t>
  </si>
  <si>
    <t>e205cdf3-2081-493d-82ea-c7f152983012.tmp</t>
  </si>
  <si>
    <t>\\acsfs\profiles$\andressamf\Downloads\e205cdf3-2081-493d-82ea-c7f152983012.tmp</t>
  </si>
  <si>
    <t>01/13/2020 16:46:10</t>
  </si>
  <si>
    <t>01/13/2020 16:47:01</t>
  </si>
  <si>
    <t>01/13/2020 16:50:29</t>
  </si>
  <si>
    <t>01/13/2020 16:47:08</t>
  </si>
  <si>
    <t>01/13/2020 16:48:27</t>
  </si>
  <si>
    <t>01/13/2020 16:49:07</t>
  </si>
  <si>
    <t>01/13/2020 16:49:11</t>
  </si>
  <si>
    <t>01/13/2020 16:49:22</t>
  </si>
  <si>
    <t>01/13/2020 16:49:31</t>
  </si>
  <si>
    <t>01/13/2020 16:46:31</t>
  </si>
  <si>
    <t>01/13/2020 16:51:30</t>
  </si>
  <si>
    <t>01/13/2020 16:52:19</t>
  </si>
  <si>
    <t>01/13/2020 16:53:30</t>
  </si>
  <si>
    <t>XLOG_maxmillianosv_10012020_100158.log</t>
  </si>
  <si>
    <t>\\acsfs\profiles$\maxmillianosv\My Documents\xworkcenter\logs\XLOG_maxmillianosv_10012020_100158.log</t>
  </si>
  <si>
    <t>01/13/2020 16:50:07</t>
  </si>
  <si>
    <t>01/13/2020 16:55:29</t>
  </si>
  <si>
    <t>01/13/2020 16:51:28</t>
  </si>
  <si>
    <t>d5c8cb44-0b25-474b-a112-6a8358282ab8.tmp</t>
  </si>
  <si>
    <t>\\acsfs\profiles$\laurandos\Downloads\d5c8cb44-0b25-474b-a112-6a8358282ab8.tmp</t>
  </si>
  <si>
    <t>01/13/2020 16:53:57</t>
  </si>
  <si>
    <t>01/13/2020 16:50:11</t>
  </si>
  <si>
    <t>01/13/2020 16:50:13</t>
  </si>
  <si>
    <t>01/13/2020 16:50:19</t>
  </si>
  <si>
    <t>01/13/2020 16:50:42</t>
  </si>
  <si>
    <t>100014251170101;joaogvc@algartech.com;marianadjc@algartech.com;planejamentodeoperacoesetrafego@bv.com.br;ricardodfm@algartech.com.br;taysdss@algartech.com;viniciussg@algartech.com;</t>
  </si>
  <si>
    <t>https://100014251170101,joaogvc@algartech.com,marianadjc@algartech.com,planejamentodeoperacoesetrafego@bv.com.br,ricardodfm@algartech.com.br,taysdss@algartech.com,viniciussg@algartech.com</t>
  </si>
  <si>
    <t>01/13/2020 16:54:18</t>
  </si>
  <si>
    <t>01/13/2020 16:52:17</t>
  </si>
  <si>
    <t>01/13/2020 16:56:30</t>
  </si>
  <si>
    <t>01/13/2020 16:54:01</t>
  </si>
  <si>
    <t>01/13/2020 16:54:03</t>
  </si>
  <si>
    <t>01/13/2020 16:55:21</t>
  </si>
  <si>
    <t>01/13/2020 16:57:29</t>
  </si>
  <si>
    <t>fee98ba3-b22e-4e19-9414-9e0d9dc9ea4b.tmp</t>
  </si>
  <si>
    <t>\\acsfs\profiles$\fernandofs\Downloads\fee98ba3-b22e-4e19-9414-9e0d9dc9ea4b.tmp</t>
  </si>
  <si>
    <t>01/13/2020 16:54:20</t>
  </si>
  <si>
    <t>01/13/2020 16:58:29</t>
  </si>
  <si>
    <t>01/13/2020 16:59:29</t>
  </si>
  <si>
    <t>9ae2bf56-36cc-4719-a91c-b101b4d40e6c.tmp</t>
  </si>
  <si>
    <t>\\acsfs\profiles$\brendadsl\Downloads\9ae2bf56-36cc-4719-a91c-b101b4d40e6c.tmp</t>
  </si>
  <si>
    <t>01/13/2020 16:54:22</t>
  </si>
  <si>
    <t>1d010d76-8177-41a7-99e0-678f94334abc.tmp</t>
  </si>
  <si>
    <t>\\acsfs\profiles$\brendadsl\Downloads\1d010d76-8177-41a7-99e0-678f94334abc.tmp</t>
  </si>
  <si>
    <t>01/13/2020 16:54:23</t>
  </si>
  <si>
    <t>c5fb0983-512e-4054-b36a-9a2a566f206d.tmp</t>
  </si>
  <si>
    <t>\\acsfs\profiles$\brendadsl\Downloads\c5fb0983-512e-4054-b36a-9a2a566f206d.tmp</t>
  </si>
  <si>
    <t>01/13/2020 16:54:25</t>
  </si>
  <si>
    <t>7e52f90c-93d6-4ca7-9349-539abb6d89df.tmp</t>
  </si>
  <si>
    <t>\\acsfs\profiles$\brendadsl\Downloads\7e52f90c-93d6-4ca7-9349-539abb6d89df.tmp</t>
  </si>
  <si>
    <t>1619d1cb-5936-48e8-8aea-8ab1d9937ce4.tmp</t>
  </si>
  <si>
    <t>\\acsfs\profiles$\brendadsl\Downloads\1619d1cb-5936-48e8-8aea-8ab1d9937ce4.tmp</t>
  </si>
  <si>
    <t>01/13/2020 16:57:24</t>
  </si>
  <si>
    <t>01/13/2020 17:00:29</t>
  </si>
  <si>
    <t>01/13/2020 16:57:26</t>
  </si>
  <si>
    <t>01/13/2020 16:57:58</t>
  </si>
  <si>
    <t>01/13/2020 17:01:30</t>
  </si>
  <si>
    <t>9e69cc6d-6597-4551-bd63-a2efa867dd3d.tmp</t>
  </si>
  <si>
    <t>\\acsfs\profiles$\gabrielamdp\Downloads\9e69cc6d-6597-4551-bd63-a2efa867dd3d.tmp</t>
  </si>
  <si>
    <t>01/13/2020 17:00:27</t>
  </si>
  <si>
    <t>01/13/2020 16:59:27</t>
  </si>
  <si>
    <t>01/13/2020 17:00:52</t>
  </si>
  <si>
    <t>01/13/2020 17:01:45</t>
  </si>
  <si>
    <t>01/13/2020 17:02:29</t>
  </si>
  <si>
    <t>01/13/2020 17:01:33</t>
  </si>
  <si>
    <t>01/13/2020 17:00:55</t>
  </si>
  <si>
    <t>01/13/2020 17:02:22</t>
  </si>
  <si>
    <t>01/13/2020 17:03:30</t>
  </si>
  <si>
    <t>01/13/2020 17:02:48</t>
  </si>
  <si>
    <t>84964f37-4931-4d04-a8ae-0e46f0157d8f.tmp</t>
  </si>
  <si>
    <t>\\acsfs\profiles$\regisedsj\Downloads\84964f37-4931-4d04-a8ae-0e46f0157d8f.tmp</t>
  </si>
  <si>
    <t>01/13/2020 17:00:40</t>
  </si>
  <si>
    <t>01/13/2020 17:04:29</t>
  </si>
  <si>
    <t>01/13/2020 17:02:39</t>
  </si>
  <si>
    <t>01/13/2020 17:05:30</t>
  </si>
  <si>
    <t>01/13/2020 17:03:06</t>
  </si>
  <si>
    <t>01/13/2020 17:06:29</t>
  </si>
  <si>
    <t>Não confirmado 515779.crdownload</t>
  </si>
  <si>
    <t>\\acsfs\Deptos\Operacao\Banco_Votorantim\Supervisao\Maristela\CRBV vendas\Desligamento\Não confirmado 515779.crdownload</t>
  </si>
  <si>
    <t>01/13/2020 17:04:03</t>
  </si>
  <si>
    <t>Giuliany - rescisão.7z</t>
  </si>
  <si>
    <t>\\acsfs\Deptos\Operacao\Banco_Votorantim\Supervisao\Maristela\CRBV vendas\Desligamento\Giuliany - rescisão.7z</t>
  </si>
  <si>
    <t>\\acsfs\Deptos\Operacao\Banco_Votorantim\Supervisao\Maristela\CRBV vendas\Desligamento\Giuliany - rescisão.7z\</t>
  </si>
  <si>
    <t>Giuliany - rescisÃ£o.pdf</t>
  </si>
  <si>
    <t>01/13/2020 17:04:12</t>
  </si>
  <si>
    <t>13/01/2020;</t>
  </si>
  <si>
    <t>https://13/01/2020</t>
  </si>
  <si>
    <t>01/13/2020 17:05:40</t>
  </si>
  <si>
    <t>Giulliany - rescisão.7z</t>
  </si>
  <si>
    <t>\\acsfs\Deptos\Operacao\Banco_Votorantim\Supervisao\Maristela\CRBV vendas\Desligamento\Giulliany - rescisão.7z\</t>
  </si>
  <si>
    <t>01/13/2020 17:05:52</t>
  </si>
  <si>
    <t>https://algar.folhasinergyrh.com.br/rescisao/upload?id=0&amp;idsolicitacao=20678&amp;idprerescisao=0</t>
  </si>
  <si>
    <t>01/13/2020 17:04:15</t>
  </si>
  <si>
    <t>https://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,viniciussg@algartech.com</t>
  </si>
  <si>
    <t>01/13/2020 17:04:56</t>
  </si>
  <si>
    <t>01/13/2020 17:07:30</t>
  </si>
  <si>
    <t>01/13/2020 17:04:57</t>
  </si>
  <si>
    <t>01/13/2020 17:05:37</t>
  </si>
  <si>
    <t>01/13/2020 17:05:59</t>
  </si>
  <si>
    <t>01/13/2020 17:06:26</t>
  </si>
  <si>
    <t>01/13/2020 17:03:20</t>
  </si>
  <si>
    <t>01/13/2020 17:08:29</t>
  </si>
  <si>
    <t>01/13/2020 17:03:21</t>
  </si>
  <si>
    <t>01/13/2020 17:03:22</t>
  </si>
  <si>
    <t>01/13/2020 17:03:23</t>
  </si>
  <si>
    <t>01/13/2020 17:03:24</t>
  </si>
  <si>
    <t>01/13/2020 17:03:25</t>
  </si>
  <si>
    <t>01/13/2020 17:03:26</t>
  </si>
  <si>
    <t>01/13/2020 17:03:27</t>
  </si>
  <si>
    <t>01/13/2020 17:03:28</t>
  </si>
  <si>
    <t>01/13/2020 17:03:29</t>
  </si>
  <si>
    <t>01/13/2020 17:03:31</t>
  </si>
  <si>
    <t>01/13/2020 17:03:32</t>
  </si>
  <si>
    <t>01/13/2020 17:03:33</t>
  </si>
  <si>
    <t>01/13/2020 17:03:34</t>
  </si>
  <si>
    <t>01/13/2020 17:03:35</t>
  </si>
  <si>
    <t>01/13/2020 17:03:36</t>
  </si>
  <si>
    <t>01/13/2020 17:03:37</t>
  </si>
  <si>
    <t>01/13/2020 17:03:38</t>
  </si>
  <si>
    <t>01/13/2020 17:03:39</t>
  </si>
  <si>
    <t>01/13/2020 17:03:40</t>
  </si>
  <si>
    <t>01/13/2020 17:03:41</t>
  </si>
  <si>
    <t>01/13/2020 17:03:42</t>
  </si>
  <si>
    <t>01/13/2020 17:03:43</t>
  </si>
  <si>
    <t>01/13/2020 17:03:44</t>
  </si>
  <si>
    <t>01/13/2020 17:03:45</t>
  </si>
  <si>
    <t>01/13/2020 17:05:08</t>
  </si>
  <si>
    <t>01/13/2020 17:10:29</t>
  </si>
  <si>
    <t>01/13/2020 17:06:54</t>
  </si>
  <si>
    <t>01/13/2020 17:11:29</t>
  </si>
  <si>
    <t>mail.google.com/sync/u/0/i/s?hl=pt-BR&amp;c=1223</t>
  </si>
  <si>
    <t>01/13/2020 17:07:05</t>
  </si>
  <si>
    <t>mail.google.com/sync/u/0/i/s?hl=pt-BR&amp;c=1225</t>
  </si>
  <si>
    <t>01/13/2020 17:07:13</t>
  </si>
  <si>
    <t>mail.google.com/sync/u/0/i/s?hl=pt-BR&amp;c=1227</t>
  </si>
  <si>
    <t>01/13/2020 17:07:33</t>
  </si>
  <si>
    <t>01/13/2020 17:07:57</t>
  </si>
  <si>
    <t>01/13/2020 17:08:06</t>
  </si>
  <si>
    <t>mail.google.com/sync/u/0/i/s?hl=pt-BR&amp;c=1234</t>
  </si>
  <si>
    <t>01/13/2020 17:08:09</t>
  </si>
  <si>
    <t>mail.google.com/sync/u/0/i/s?hl=pt-BR&amp;c=1236</t>
  </si>
  <si>
    <t>01/13/2020 17:08:16</t>
  </si>
  <si>
    <t>mail.google.com/sync/u/0/i/s?hl=pt-BR&amp;c=1238</t>
  </si>
  <si>
    <t>01/13/2020 17:08:22</t>
  </si>
  <si>
    <t>mail.google.com/sync/u/0/i/s?hl=pt-BR&amp;c=1240</t>
  </si>
  <si>
    <t>01/13/2020 17:12:06</t>
  </si>
  <si>
    <t>01/13/2020 17:13:29</t>
  </si>
  <si>
    <t>01/13/2020 17:12:52</t>
  </si>
  <si>
    <t>01/13/2020 17:14:30</t>
  </si>
  <si>
    <t>01/13/2020 17:09:14</t>
  </si>
  <si>
    <t>01/13/2020 17:12:59</t>
  </si>
  <si>
    <t>01/13/2020 17:15:29</t>
  </si>
  <si>
    <t>01/13/2020 17:14:42</t>
  </si>
  <si>
    <t>\\acsfs\ACS\Gabriel da Silva\Contemporânea\NPS\NPS CRBV_Base.xlsb\</t>
  </si>
  <si>
    <t>\\acsfs\ACS\Gabriel da Silva\Contemporânea\NPS\NPS CRBV_Base.xlsb</t>
  </si>
  <si>
    <t>NPS CRBV_Base.xlsb</t>
  </si>
  <si>
    <t>01/13/2020 17:15:21</t>
  </si>
  <si>
    <t>ba53fd14-4276-4d41-a28c-b58a934d8087.tmp</t>
  </si>
  <si>
    <t>\\acsfs\profiles$\layonmof\Downloads\ba53fd14-4276-4d41-a28c-b58a934d8087.tmp</t>
  </si>
  <si>
    <t>01/13/2020 17:13:01</t>
  </si>
  <si>
    <t>01/13/2020 17:16:29</t>
  </si>
  <si>
    <t>7707643b-bb02-42f3-b856-a2020509e434.tmp</t>
  </si>
  <si>
    <t>\\acsfs\profiles$\ingridsm\Downloads\7707643b-bb02-42f3-b856-a2020509e434.tmp</t>
  </si>
  <si>
    <t>01/13/2020 17:15:18</t>
  </si>
  <si>
    <t>01/13/2020 17:15:45</t>
  </si>
  <si>
    <t>01/13/2020 17:15:47</t>
  </si>
  <si>
    <t>01/13/2020 17:18:30</t>
  </si>
  <si>
    <t>01/13/2020 17:16:06</t>
  </si>
  <si>
    <t>01/13/2020 17:16:25</t>
  </si>
  <si>
    <t>01/13/2020 17:16:34</t>
  </si>
  <si>
    <t>01/13/2020 17:16:51</t>
  </si>
  <si>
    <t>01/13/2020 17:16:59</t>
  </si>
  <si>
    <t>01/13/2020 17:17:07</t>
  </si>
  <si>
    <t>01/13/2020 17:17:12</t>
  </si>
  <si>
    <t>01/13/2020 17:17:17</t>
  </si>
  <si>
    <t>01/13/2020 17:17:19</t>
  </si>
  <si>
    <t>01/13/2020 17:14:51</t>
  </si>
  <si>
    <t>anapaps@algartech.com.br;</t>
  </si>
  <si>
    <t>Casos pendentes</t>
  </si>
  <si>
    <t>'D0 - Volume de Casos Pendentes - Amex Carteiras.xlsx</t>
  </si>
  <si>
    <t>anapaps@algartech.com.br</t>
  </si>
  <si>
    <t>01/13/2020 17:14:38</t>
  </si>
  <si>
    <t>01/13/2020 17:19:29</t>
  </si>
  <si>
    <t>01/13/2020 17:17:42</t>
  </si>
  <si>
    <t>01/13/2020 17:20:30</t>
  </si>
  <si>
    <t>82b4e1d2-963b-4b25-95db-6f26abf19edf.tmp</t>
  </si>
  <si>
    <t>\\acsfs\profiles$\henriqueco\Downloads\82b4e1d2-963b-4b25-95db-6f26abf19edf.tmp</t>
  </si>
  <si>
    <t>01/13/2020 17:19:57</t>
  </si>
  <si>
    <t>9ab7da14-a95b-4484-ac45-a05383925b27.tmp</t>
  </si>
  <si>
    <t>\\acsfs\profiles$\gabrielsma\Downloads\9ab7da14-a95b-4484-ac45-a05383925b27.tmp</t>
  </si>
  <si>
    <t>01/13/2020 17:20:02</t>
  </si>
  <si>
    <t>01/13/2020 17:15:41</t>
  </si>
  <si>
    <t>dedd97cf-9c0e-4614-a954-a2a581b83270.tmp</t>
  </si>
  <si>
    <t>\\acsfs\profiles$\layonmof\Downloads\dedd97cf-9c0e-4614-a954-a2a581b83270.tmp</t>
  </si>
  <si>
    <t>a11f55b5-c1aa-4f6b-9d0f-c4b584c6475f.tmp</t>
  </si>
  <si>
    <t>\\acsfs\profiles$\layonmof\Downloads\a11f55b5-c1aa-4f6b-9d0f-c4b584c6475f.tmp</t>
  </si>
  <si>
    <t>01/13/2020 17:19:37</t>
  </si>
  <si>
    <t>01/13/2020 17:21:29</t>
  </si>
  <si>
    <t>01/13/2020 17:20:17</t>
  </si>
  <si>
    <t>01/13/2020 17:18:02</t>
  </si>
  <si>
    <t>01/13/2020 17:21:50</t>
  </si>
  <si>
    <t>01/13/2020 17:22:29</t>
  </si>
  <si>
    <t>b514e74c-8dc5-4877-98d1-26bbd27fd1b9.tmp</t>
  </si>
  <si>
    <t>\\acsfs\profiles$\fernandofs\Downloads\b514e74c-8dc5-4877-98d1-26bbd27fd1b9.tmp</t>
  </si>
  <si>
    <t>01/13/2020 17:19:53</t>
  </si>
  <si>
    <t>01/13/2020 17:19:41</t>
  </si>
  <si>
    <t>01/13/2020 17:23:30</t>
  </si>
  <si>
    <t>01/13/2020 17:20:11</t>
  </si>
  <si>
    <t>01/13/2020 17:21:38</t>
  </si>
  <si>
    <t>01/13/2020 17:25:30</t>
  </si>
  <si>
    <t>79eb8ea3-8202-4e4e-90dc-34e712e2a240.tmp</t>
  </si>
  <si>
    <t>\\acsfs\profiles$\gabrielsma\Downloads\79eb8ea3-8202-4e4e-90dc-34e712e2a240.tmp</t>
  </si>
  <si>
    <t>01/13/2020 17:21:40</t>
  </si>
  <si>
    <t>01/13/2020 17:23:11</t>
  </si>
  <si>
    <t>4ed3e80b-6cdc-4590-a96f-ca24cd9b40cb.tmp</t>
  </si>
  <si>
    <t>\\acsfs\profiles$\gabrielsma\Downloads\4ed3e80b-6cdc-4590-a96f-ca24cd9b40cb.tmp</t>
  </si>
  <si>
    <t>01/13/2020 17:23:12</t>
  </si>
  <si>
    <t>Q29udHJvbGxlci5TQUNBLVNBQy1UUkFDRV8x.ica.crdownload</t>
  </si>
  <si>
    <t>\\acsfs\ACS\Gabriel da Silva\Contemporânea\Acessos\Q29udHJvbGxlci5TQUNBLVNBQy1UUkFDRV8x.ica.crdownload</t>
  </si>
  <si>
    <t>01/13/2020 17:24:34</t>
  </si>
  <si>
    <t>01/13/2020 17:24:44</t>
  </si>
  <si>
    <t>01/13/2020 17:25:17</t>
  </si>
  <si>
    <t>d347b35a-9938-48bd-b900-eabf21c82086.tmp</t>
  </si>
  <si>
    <t>\\acsfs\profiles$\gabrielsma\Downloads\d347b35a-9938-48bd-b900-eabf21c82086.tmp</t>
  </si>
  <si>
    <t>01/13/2020 17:25:19</t>
  </si>
  <si>
    <t>01/13/2020 17:25:59</t>
  </si>
  <si>
    <t>01/13/2020 17:26:29</t>
  </si>
  <si>
    <t>fernandaab@algartech.com;kesiadof@algartech.com;lilianls@algartech.com;talmaiardo@algartech.com;</t>
  </si>
  <si>
    <t>fernandaab@algartech.com,kesiadof@algartech.com,lilianls@algartech.com,talmaiardo@algartech.com</t>
  </si>
  <si>
    <t>01/13/2020 17:26:09</t>
  </si>
  <si>
    <t>01/13/2020 17:27:27</t>
  </si>
  <si>
    <t>01/13/2020 17:29:30</t>
  </si>
  <si>
    <t>01/13/2020 17:26:41</t>
  </si>
  <si>
    <t>01/13/2020 17:26:43</t>
  </si>
  <si>
    <t>01/13/2020 17:26:06</t>
  </si>
  <si>
    <t>01/13/2020 17:27:35</t>
  </si>
  <si>
    <t>01/13/2020 17:27:37</t>
  </si>
  <si>
    <t>01/13/2020 17:27:56</t>
  </si>
  <si>
    <t>01/13/2020 17:27:58</t>
  </si>
  <si>
    <t>01/13/2020 17:27:59</t>
  </si>
  <si>
    <t>01/13/2020 17:28:02</t>
  </si>
  <si>
    <t>01/13/2020 17:28:03</t>
  </si>
  <si>
    <t>01/13/2020 17:28:08</t>
  </si>
  <si>
    <t>01/13/2020 17:28:09</t>
  </si>
  <si>
    <t>01/13/2020 17:28:15</t>
  </si>
  <si>
    <t>01/13/2020 17:28:20</t>
  </si>
  <si>
    <t>01/13/2020 17:28:21</t>
  </si>
  <si>
    <t>01/13/2020 17:28:28</t>
  </si>
  <si>
    <t>01/13/2020 17:28:29</t>
  </si>
  <si>
    <t>01/13/2020 17:28:31</t>
  </si>
  <si>
    <t>01/13/2020 17:28:32</t>
  </si>
  <si>
    <t>01/13/2020 17:28:34</t>
  </si>
  <si>
    <t>01/13/2020 17:28:35</t>
  </si>
  <si>
    <t>01/13/2020 17:28:36</t>
  </si>
  <si>
    <t>01/13/2020 17:28:39</t>
  </si>
  <si>
    <t>01/13/2020 17:28:42</t>
  </si>
  <si>
    <t>01/13/2020 17:28:44</t>
  </si>
  <si>
    <t>01/13/2020 17:28:46</t>
  </si>
  <si>
    <t>01/13/2020 17:28:48</t>
  </si>
  <si>
    <t>01/13/2020 17:28:50</t>
  </si>
  <si>
    <t>01/13/2020 17:28:51</t>
  </si>
  <si>
    <t>01/13/2020 17:28:52</t>
  </si>
  <si>
    <t>01/13/2020 17:28:54</t>
  </si>
  <si>
    <t>01/13/2020 17:28:56</t>
  </si>
  <si>
    <t>01/13/2020 17:28:58</t>
  </si>
  <si>
    <t>01/13/2020 17:28:59</t>
  </si>
  <si>
    <t>01/13/2020 17:29:00</t>
  </si>
  <si>
    <t>01/13/2020 17:29:02</t>
  </si>
  <si>
    <t>01/13/2020 17:29:03</t>
  </si>
  <si>
    <t>01/13/2020 17:25:44</t>
  </si>
  <si>
    <t>01/13/2020 17:30:29</t>
  </si>
  <si>
    <t>01/13/2020 17:25:55</t>
  </si>
  <si>
    <t>01/13/2020 17:31:29</t>
  </si>
  <si>
    <t>10e5f72d-b38f-41e2-a46f-5db6c0c326c4.tmp</t>
  </si>
  <si>
    <t>\\acsfs\profiles$\joselrb\Downloads\10e5f72d-b38f-41e2-a46f-5db6c0c326c4.tmp</t>
  </si>
  <si>
    <t>01/13/2020 17:26:49</t>
  </si>
  <si>
    <t>01/13/2020 17:27:30</t>
  </si>
  <si>
    <t>01/13/2020 17:30:27</t>
  </si>
  <si>
    <t>01/13/2020 17:29:19</t>
  </si>
  <si>
    <t>a2043ba3-8cf2-426a-a502-07f64e2791d0.tmp</t>
  </si>
  <si>
    <t>\\acsfs\profiles$\fabianafv\Downloads\a2043ba3-8cf2-426a-a502-07f64e2791d0.tmp</t>
  </si>
  <si>
    <t>01/13/2020 17:32:29</t>
  </si>
  <si>
    <t>lu564844brpbp.tmp</t>
  </si>
  <si>
    <t>\\acsfs\profiles$\ALEXANDREMM\lu564844brpbp.tmp</t>
  </si>
  <si>
    <t>\\acsfs\profiles$\ALEXANDREMM\lu564844brpbp.tmp\</t>
  </si>
  <si>
    <t>\\acsfs\profiles$\ALEXANDREMM\lu564844brpbp.tmp\META-INF\</t>
  </si>
  <si>
    <t>\\acsfs\profiles$\ALEXANDREMM\lu564844brpbp.tmp\Thumbnails\</t>
  </si>
  <si>
    <t>01/13/2020 17:31:09</t>
  </si>
  <si>
    <t>01/13/2020 17:33:29</t>
  </si>
  <si>
    <t>01/13/2020 17:28:25</t>
  </si>
  <si>
    <t>9930e141-c10b-4d23-9a15-6ac1c84b392d.tmp</t>
  </si>
  <si>
    <t>\\acsfs\profiles$\paulohaf\Downloads\9930e141-c10b-4d23-9a15-6ac1c84b392d.tmp</t>
  </si>
  <si>
    <t>01/13/2020 17:29:04</t>
  </si>
  <si>
    <t>01/13/2020 17:34:30</t>
  </si>
  <si>
    <t>01/13/2020 17:31:41</t>
  </si>
  <si>
    <t>servicosdetran (1).pdf</t>
  </si>
  <si>
    <t>01/13/2020 17:31:50</t>
  </si>
  <si>
    <t>servicosdetran.pdf</t>
  </si>
  <si>
    <t>01/13/2020 17:31:57</t>
  </si>
  <si>
    <t>ipva (1).pdf</t>
  </si>
  <si>
    <t>01/13/2020 17:32:09</t>
  </si>
  <si>
    <t>ipva.pdf</t>
  </si>
  <si>
    <t>01/13/2020 17:32:32</t>
  </si>
  <si>
    <t>20a7369e-2e11-4cec-92c4-f574b8f0bcce.tmp</t>
  </si>
  <si>
    <t>\\acsfs\profiles$\gabrielsma\Downloads\20a7369e-2e11-4cec-92c4-f574b8f0bcce.tmp</t>
  </si>
  <si>
    <t>01/13/2020 17:32:41</t>
  </si>
  <si>
    <t>01/13/2020 17:31:22</t>
  </si>
  <si>
    <t>041ce7d0-9002-4a28-a4f2-94782cfe1bf5.tmp</t>
  </si>
  <si>
    <t>\\acsfs\profiles$\mariajaf\Downloads\041ce7d0-9002-4a28-a4f2-94782cfe1bf5.tmp</t>
  </si>
  <si>
    <t>01/13/2020 17:32:01</t>
  </si>
  <si>
    <t>01/13/2020 17:32:45</t>
  </si>
  <si>
    <t>4abada3e-e152-4ab2-b9f3-84e66d9e1d08.tmp</t>
  </si>
  <si>
    <t>\\acsfs\profiles$\mariajaf\Downloads\4abada3e-e152-4ab2-b9f3-84e66d9e1d08.tmp</t>
  </si>
  <si>
    <t>01/13/2020 17:35:26</t>
  </si>
  <si>
    <t>01/13/2020 17:35:30</t>
  </si>
  <si>
    <t>10.200.67.140</t>
  </si>
  <si>
    <t>3f4e907b-5303-4925-84c1-05c3372419af.tmp</t>
  </si>
  <si>
    <t>\\acsfs\profiles$\victorgl\Downloads\3f4e907b-5303-4925-84c1-05c3372419af.tmp</t>
  </si>
  <si>
    <t>01/13/2020 17:30:57</t>
  </si>
  <si>
    <t>01/13/2020 17:36:31</t>
  </si>
  <si>
    <t>01/13/2020 17:33:27</t>
  </si>
  <si>
    <t>01/13/2020 17:33:47</t>
  </si>
  <si>
    <t>01/13/2020 17:34:57</t>
  </si>
  <si>
    <t>01/13/2020 17:35:38</t>
  </si>
  <si>
    <t>11-01 RELATORIO DE LOGIN AVON.xlsm</t>
  </si>
  <si>
    <t>\\acsfs\deptos\Operacao\PCP\5 - Comum\CONTROL DESK\2 - DAC2\Control Desk AVON\Relatorios\Status de login\2020\11-01 RELATORIO DE LOGIN AVON.xlsm</t>
  </si>
  <si>
    <t>01/13/2020 17:32:18</t>
  </si>
  <si>
    <t>01/13/2020 17:37:30</t>
  </si>
  <si>
    <t>01/13/2020 17:32:47</t>
  </si>
  <si>
    <t>01/13/2020 17:32:48</t>
  </si>
  <si>
    <t>01/13/2020 17:32:51</t>
  </si>
  <si>
    <t>01/13/2020 17:32:53</t>
  </si>
  <si>
    <t>01/13/2020 17:32:54</t>
  </si>
  <si>
    <t>01/13/2020 17:32:55</t>
  </si>
  <si>
    <t>01/13/2020 17:33:08</t>
  </si>
  <si>
    <t>01/13/2020 17:33:14</t>
  </si>
  <si>
    <t>01/13/2020 17:33:18</t>
  </si>
  <si>
    <t>01/13/2020 17:33:53</t>
  </si>
  <si>
    <t>01/13/2020 17:33:55</t>
  </si>
  <si>
    <t>01/13/2020 17:33:57</t>
  </si>
  <si>
    <t>01/13/2020 17:33:58</t>
  </si>
  <si>
    <t>01/13/2020 17:34:00</t>
  </si>
  <si>
    <t>01/13/2020 17:34:01</t>
  </si>
  <si>
    <t>01/13/2020 17:34:02</t>
  </si>
  <si>
    <t>01/13/2020 17:34:03</t>
  </si>
  <si>
    <t>01/13/2020 17:34:04</t>
  </si>
  <si>
    <t>01/13/2020 17:34:05</t>
  </si>
  <si>
    <t>01/13/2020 17:34:06</t>
  </si>
  <si>
    <t>01/13/2020 17:34:07</t>
  </si>
  <si>
    <t>01/13/2020 17:34:08</t>
  </si>
  <si>
    <t>01/13/2020 17:34:09</t>
  </si>
  <si>
    <t>01/13/2020 17:34:10</t>
  </si>
  <si>
    <t>01/13/2020 17:34:12</t>
  </si>
  <si>
    <t>01/13/2020 17:34:13</t>
  </si>
  <si>
    <t>01/13/2020 17:34:14</t>
  </si>
  <si>
    <t>01/13/2020 17:34:16</t>
  </si>
  <si>
    <t>01/13/2020 17:34:17</t>
  </si>
  <si>
    <t>01/13/2020 17:34:40</t>
  </si>
  <si>
    <t>01/13/2020 17:35:20</t>
  </si>
  <si>
    <t>01278e9d-e674-4410-8187-cd04449b49d3.tmp</t>
  </si>
  <si>
    <t>\\acsfs\profiles$\nathaliaos\Downloads\01278e9d-e674-4410-8187-cd04449b49d3.tmp</t>
  </si>
  <si>
    <t>01/13/2020 17:35:43</t>
  </si>
  <si>
    <t>c84325e9-bd98-49f5-bd5f-510f4ae116c5.tmp</t>
  </si>
  <si>
    <t>\\acsfs\profiles$\nathaliaos\Downloads\c84325e9-bd98-49f5-bd5f-510f4ae116c5.tmp</t>
  </si>
  <si>
    <t>01/13/2020 17:36:08</t>
  </si>
  <si>
    <t>ed0e7e92-1fa1-4f70-9745-5d1529ca720b.tmp</t>
  </si>
  <si>
    <t>\\acsfs\profiles$\nathaliaos\Downloads\ed0e7e92-1fa1-4f70-9745-5d1529ca720b.tmp</t>
  </si>
  <si>
    <t>01/13/2020 17:36:54</t>
  </si>
  <si>
    <t>01/13/2020 17:37:25</t>
  </si>
  <si>
    <t>01/13/2020 17:39:30</t>
  </si>
  <si>
    <t>10.12.242.118</t>
  </si>
  <si>
    <t>mail.google.com/_/upload?authuser=1&amp;dcp=asu-n&amp;upload_id=AEnB2Upn28-cOlmlQy-dGpRuAKSGm5N6gBQaBLgl8tyaYGv0JBtu37eT3XBbbRkkmg_RRsl7AHBv4D5q18iojHfvQu3zx6harV5WYz2FVZF_BCRXR6Nu-h8&amp;upload_protocol=resumable</t>
  </si>
  <si>
    <t>Microanálise Jan-2020 - Parcial Até 12-01-20.xlsx</t>
  </si>
  <si>
    <t>01/13/2020 17:35:06</t>
  </si>
  <si>
    <t>ulog_AcroARM2_ARM2Update_3b8210f9-3618-47e4-b9cc-5aaaba62831a_a24bf04b-d096-4bc7-ba31-caab2c92873c_0.log</t>
  </si>
  <si>
    <t>C:\Users\flaviacno\AppData\Roaming\Adobe\LogTransport2\Logs\ulog_AcroARM2_ARM2Update_3b8210f9-3618-47e4-b9cc-5aaaba62831a_a24bf04b-d096-4bc7-ba31-caab2c92873c_0.log\</t>
  </si>
  <si>
    <t>ulog_AcroARM2_Reader_3b8210f9-3618-47e4-b9cc-5aaaba62831a_2444da60-d621-488a-a6ed-3025efe4db4c_0.log</t>
  </si>
  <si>
    <t>C:\Users\flaviacno\AppData\Roaming\Adobe\LogTransport2\Logs\ulog_AcroARM2_Reader_3b8210f9-3618-47e4-b9cc-5aaaba62831a_2444da60-d621-488a-a6ed-3025efe4db4c_0.log\</t>
  </si>
  <si>
    <t>ulog_AcroARM2_Reader_3b8210f9-3618-47e4-b9cc-5aaaba62831a_744b4dfe-567c-403e-aa0f-a85cb98cb3bf_0.log</t>
  </si>
  <si>
    <t>C:\Users\flaviacno\AppData\Roaming\Adobe\LogTransport2\Logs\ulog_AcroARM2_Reader_3b8210f9-3618-47e4-b9cc-5aaaba62831a_744b4dfe-567c-403e-aa0f-a85cb98cb3bf_0.log\</t>
  </si>
  <si>
    <t>ulog_AcroARM2_Reader_3b8210f9-3618-47e4-b9cc-5aaaba62831a_9ac652d7-bdb9-4d2c-95c1-79dbddd6012a_0.log</t>
  </si>
  <si>
    <t>C:\Users\flaviacno\AppData\Roaming\Adobe\LogTransport2\Logs\ulog_AcroARM2_Reader_3b8210f9-3618-47e4-b9cc-5aaaba62831a_9ac652d7-bdb9-4d2c-95c1-79dbddd6012a_0.log\</t>
  </si>
  <si>
    <t>01/13/2020 17:35:07</t>
  </si>
  <si>
    <t>ulog_Acrobat12_Reader_3b8210f9-3618-47e4-b9cc-5aaaba62831a_dd28ed71-6dac-4ee8-8b35-0328951c5b35_0.log</t>
  </si>
  <si>
    <t>C:\Users\flaviacno\AppData\Roaming\Adobe\LogTransport2\Logs\ulog_Acrobat12_Reader_3b8210f9-3618-47e4-b9cc-5aaaba62831a_dd28ed71-6dac-4ee8-8b35-0328951c5b35_0.log\</t>
  </si>
  <si>
    <t>ulog_Acrobat12_Reader_3b8210f9-3618-47e4-b9cc-5aaaba62831a_f6af95dc-1287-430a-910a-6ff64a510f1a_0.log</t>
  </si>
  <si>
    <t>C:\Users\flaviacno\AppData\Roaming\Adobe\LogTransport2\Logs\ulog_Acrobat12_Reader_3b8210f9-3618-47e4-b9cc-5aaaba62831a_f6af95dc-1287-430a-910a-6ff64a510f1a_0.log\</t>
  </si>
  <si>
    <t>ulog_HeadlightsOptinProductFamily_HeadlightsOptinProduct_00000000-0000-0000-0000-000000000000_7f01d662-203e-4327-a731-700e19d42cbe.log</t>
  </si>
  <si>
    <t>C:\Users\flaviacno\AppData\Roaming\Adobe\LogTransport2\Logs\ulog_HeadlightsOptinProductFamily_HeadlightsOptinProduct_00000000-0000-0000-0000-000000000000_7f01d662-203e-4327-a731-700e19d42cbe.log\</t>
  </si>
  <si>
    <t>01/13/2020 17:37:56</t>
  </si>
  <si>
    <t>01/13/2020 17:35:10</t>
  </si>
  <si>
    <t>28ff980b-fb41-48d3-81d3-396042d8ada1.tmp</t>
  </si>
  <si>
    <t>\\acsfs\profiles$\gabrielsma\Downloads\28ff980b-fb41-48d3-81d3-396042d8ada1.tmp</t>
  </si>
  <si>
    <t>01/13/2020 17:35:18</t>
  </si>
  <si>
    <t>d8c57f03-760d-43ff-9d73-17b79fd7c808.tmp</t>
  </si>
  <si>
    <t>\\acsfs\profiles$\gabrielsma\Downloads\d8c57f03-760d-43ff-9d73-17b79fd7c808.tmp</t>
  </si>
  <si>
    <t>01/13/2020 17:35:21</t>
  </si>
  <si>
    <t>Q29udHJvbGxlci5TQUNBLVNBQy1UUkFDRV8x (1).ica.crdownload</t>
  </si>
  <si>
    <t>\\acsfs\ACS\Gabriel da Silva\Contemporânea\Acessos\Q29udHJvbGxlci5TQUNBLVNBQy1UUkFDRV8x (1).ica.crdownload</t>
  </si>
  <si>
    <t>01/13/2020 17:39:50</t>
  </si>
  <si>
    <t>01/13/2020 17:40:31</t>
  </si>
  <si>
    <t>eae989b3-aa84-4ddd-9bd5-f8af9aee13a1.tmp</t>
  </si>
  <si>
    <t>\\acsfs\profiles$\nycolleemdj\Downloads\eae989b3-aa84-4ddd-9bd5-f8af9aee13a1.tmp</t>
  </si>
  <si>
    <t>01/13/2020 17:35:55</t>
  </si>
  <si>
    <t>510a9f3e-c2d4-4b0d-ab6d-e79891ac1bc2.tmp</t>
  </si>
  <si>
    <t>\\acsfs\profiles$\victorgl\Downloads\510a9f3e-c2d4-4b0d-ab6d-e79891ac1bc2.tmp</t>
  </si>
  <si>
    <t>01/13/2020 17:36:58</t>
  </si>
  <si>
    <t>a3e1733f-8491-45bc-8994-ac072f65a81c.tmp</t>
  </si>
  <si>
    <t>\\acsfs\profiles$\victorgl\Downloads\a3e1733f-8491-45bc-8994-ac072f65a81c.tmp</t>
  </si>
  <si>
    <t>01/13/2020 17:37:43</t>
  </si>
  <si>
    <t>56d6cab4-b45a-4ace-aeb1-224290917286.tmp</t>
  </si>
  <si>
    <t>\\acsfs\profiles$\victorgl\Downloads\56d6cab4-b45a-4ace-aeb1-224290917286.tmp</t>
  </si>
  <si>
    <t>01/13/2020 17:41:30</t>
  </si>
  <si>
    <t>2771749 MASTERCARD - OPERADOR FABIANO BRUNO MENDES FILHO_1_6767759270389810846_1_32.wav</t>
  </si>
  <si>
    <t>\\acsfs\Deptos\EDUCACAO EMPRESARIAL\KÉSIA\OUVIDORIA, PROCON, BACEN E RECLAME AQUI\2771749 MASTERCARD - OPERADOR FABIANO BRUNO MENDES FILHO_1_6767759270389810846_1_32.wav</t>
  </si>
  <si>
    <t>01/13/2020 17:37:01</t>
  </si>
  <si>
    <t>https://support.office.com/auth/signin</t>
  </si>
  <si>
    <t>01/13/2020 17:37:02</t>
  </si>
  <si>
    <t>01/13/2020 17:38:14</t>
  </si>
  <si>
    <t>01/13/2020 17:38:21</t>
  </si>
  <si>
    <t>01/13/2020 17:38:26</t>
  </si>
  <si>
    <t>01/13/2020 17:40:25</t>
  </si>
  <si>
    <t>01/13/2020 17:40:28</t>
  </si>
  <si>
    <t>01/13/2020 17:40:46</t>
  </si>
  <si>
    <t>01/13/2020 17:40:56</t>
  </si>
  <si>
    <t>01/13/2020 17:41:10</t>
  </si>
  <si>
    <t>01/13/2020 17:39:24</t>
  </si>
  <si>
    <t>16b6ac65-8e29-4a6d-8a2e-600cd60c6e83.tmp</t>
  </si>
  <si>
    <t>\\acsfs\profiles$\andreapdsg\Downloads\16b6ac65-8e29-4a6d-8a2e-600cd60c6e83.tmp</t>
  </si>
  <si>
    <t>01/13/2020 17:39:31</t>
  </si>
  <si>
    <t>8c1b6866-9bcc-4cf3-bc7d-b7335a2e08d1.tmp</t>
  </si>
  <si>
    <t>\\acsfs\profiles$\andreapdsg\Downloads\8c1b6866-9bcc-4cf3-bc7d-b7335a2e08d1.tmp</t>
  </si>
  <si>
    <t>01/13/2020 17:42:01</t>
  </si>
  <si>
    <t>01/13/2020 17:42:31</t>
  </si>
  <si>
    <t>01/13/2020 17:39:26</t>
  </si>
  <si>
    <t>01/13/2020 17:43:30</t>
  </si>
  <si>
    <t>01/13/2020 17:39:28</t>
  </si>
  <si>
    <t>\\acsfs\Deptos\Operacao\Banco_Votorantim\Comum\Josias\Thumbs.db</t>
  </si>
  <si>
    <t>01/13/2020 17:41:02</t>
  </si>
  <si>
    <t>4095a0c4-09e2-4bcd-9cce-da700ff7c102.tmp</t>
  </si>
  <si>
    <t>\\acsfs\profiles$\leonardocb\Downloads\4095a0c4-09e2-4bcd-9cce-da700ff7c102.tmp</t>
  </si>
  <si>
    <t>01/13/2020 17:40:45</t>
  </si>
  <si>
    <t>01/13/2020 17:44:31</t>
  </si>
  <si>
    <t>7ea3b314-a1c4-4250-9d51-2df4f99542cf.tmp</t>
  </si>
  <si>
    <t>\\acsfs\profiles$\gabrielsma\Downloads\7ea3b314-a1c4-4250-9d51-2df4f99542cf.tmp</t>
  </si>
  <si>
    <t>01/13/2020 17:40:47</t>
  </si>
  <si>
    <t>Q29udHJvbGxlci5JRS1TYWxlcy1Gb3JjZQ--.ica.crdownload</t>
  </si>
  <si>
    <t>\\acsfs\ACS\Gabriel da Silva\Contemporânea\Acessos\Q29udHJvbGxlci5JRS1TYWxlcy1Gb3JjZQ--.ica.crdownload</t>
  </si>
  <si>
    <t>01/13/2020 17:43:29</t>
  </si>
  <si>
    <t>43d1befa-5f53-403a-b726-4c2ae8cedea6.tmp</t>
  </si>
  <si>
    <t>\\acsfs\profiles$\gabrielsma\Downloads\43d1befa-5f53-403a-b726-4c2ae8cedea6.tmp</t>
  </si>
  <si>
    <t>01/13/2020 17:43:32</t>
  </si>
  <si>
    <t>01/13/2020 17:44:16</t>
  </si>
  <si>
    <t>01/13/2020 17:45:02</t>
  </si>
  <si>
    <t>01/13/2020 17:45:30</t>
  </si>
  <si>
    <t>7649976b-639d-4b5f-9c88-74d2b592732e.tmp</t>
  </si>
  <si>
    <t>\\acsfs\profiles$\welidicdj\Downloads\7649976b-639d-4b5f-9c88-74d2b592732e.tmp</t>
  </si>
  <si>
    <t>01/13/2020 17:41:45</t>
  </si>
  <si>
    <t>01/13/2020 17:46:30</t>
  </si>
  <si>
    <t>074ffd9a-86d8-43f4-82f5-2ad3a18747f2.tmp</t>
  </si>
  <si>
    <t>\\acsfs\profiles$\philipegsf\Downloads\074ffd9a-86d8-43f4-82f5-2ad3a18747f2.tmp</t>
  </si>
  <si>
    <t>01/13/2020 17:44:08</t>
  </si>
  <si>
    <t>01/13/2020 17:41:13</t>
  </si>
  <si>
    <t>01/13/2020 17:41:19</t>
  </si>
  <si>
    <t>01/13/2020 17:41:49</t>
  </si>
  <si>
    <t>01/13/2020 17:42:14</t>
  </si>
  <si>
    <t>01/13/2020 17:42:20</t>
  </si>
  <si>
    <t>01/13/2020 17:43:52</t>
  </si>
  <si>
    <t>01/13/2020 17:44:17</t>
  </si>
  <si>
    <t>01/13/2020 17:44:20</t>
  </si>
  <si>
    <t>01/13/2020 17:45:14</t>
  </si>
  <si>
    <t>01/13/2020 17:45:31</t>
  </si>
  <si>
    <t>01/13/2020 17:45:39</t>
  </si>
  <si>
    <t>01/13/2020 17:45:53</t>
  </si>
  <si>
    <t>cpc-controldeskavon@algartech.com;fernandaab@algartech.com;joseasn@algartech.com;kesiadof@algartech.com;lilianls@algartech.com;talmaiardo@algartech.com;</t>
  </si>
  <si>
    <t>cpc-controldeskavon@algartech.com,fernandaab@algartech.com,joseasn@algartech.com,kesiadof@algartech.com,lilianls@algartech.com,talmaiardo@algartech.com</t>
  </si>
  <si>
    <t>01/13/2020 17:45:55</t>
  </si>
  <si>
    <t>01/13/2020 17:45:56</t>
  </si>
  <si>
    <t>01/13/2020 17:46:37</t>
  </si>
  <si>
    <t>01/13/2020 17:48:30</t>
  </si>
  <si>
    <t>80eebd53-98a4-49a1-b341-e71a8b71e17c.tmp</t>
  </si>
  <si>
    <t>\\acsfs\profiles$\leonardocb\Downloads\80eebd53-98a4-49a1-b341-e71a8b71e17c.tmp</t>
  </si>
  <si>
    <t>01/13/2020 17:44:51</t>
  </si>
  <si>
    <t>01/13/2020 17:49:31</t>
  </si>
  <si>
    <t>01/13/2020 17:44:53</t>
  </si>
  <si>
    <t>01/13/2020 17:44:55</t>
  </si>
  <si>
    <t>01/13/2020 17:44:56</t>
  </si>
  <si>
    <t>01/13/2020 17:44:57</t>
  </si>
  <si>
    <t>01/13/2020 17:44:59</t>
  </si>
  <si>
    <t>01/13/2020 17:45:00</t>
  </si>
  <si>
    <t>01/13/2020 17:45:03</t>
  </si>
  <si>
    <t>01/13/2020 17:45:04</t>
  </si>
  <si>
    <t>01/13/2020 17:45:06</t>
  </si>
  <si>
    <t>01/13/2020 17:45:08</t>
  </si>
  <si>
    <t>01/13/2020 17:45:09</t>
  </si>
  <si>
    <t>01/13/2020 17:45:11</t>
  </si>
  <si>
    <t>01/13/2020 17:45:12</t>
  </si>
  <si>
    <t>01/13/2020 17:45:15</t>
  </si>
  <si>
    <t>01/13/2020 17:45:18</t>
  </si>
  <si>
    <t>01/13/2020 17:45:19</t>
  </si>
  <si>
    <t>01/13/2020 17:45:20</t>
  </si>
  <si>
    <t>01/13/2020 17:45:21</t>
  </si>
  <si>
    <t>01/13/2020 17:45:22</t>
  </si>
  <si>
    <t>01/13/2020 17:45:23</t>
  </si>
  <si>
    <t>01/13/2020 17:45:24</t>
  </si>
  <si>
    <t>01/13/2020 17:45:27</t>
  </si>
  <si>
    <t>01/13/2020 17:45:28</t>
  </si>
  <si>
    <t>01/13/2020 17:45:34</t>
  </si>
  <si>
    <t>01/13/2020 17:45:35</t>
  </si>
  <si>
    <t>01/13/2020 17:45:37</t>
  </si>
  <si>
    <t>01/13/2020 17:45:38</t>
  </si>
  <si>
    <t>01/13/2020 17:45:41</t>
  </si>
  <si>
    <t>01/13/2020 17:45:43</t>
  </si>
  <si>
    <t>01/13/2020 17:45:45</t>
  </si>
  <si>
    <t>01/13/2020 17:45:47</t>
  </si>
  <si>
    <t>01/13/2020 17:45:49</t>
  </si>
  <si>
    <t>01/13/2020 17:45:50</t>
  </si>
  <si>
    <t>01/13/2020 17:45:51</t>
  </si>
  <si>
    <t>01/13/2020 17:45:57</t>
  </si>
  <si>
    <t>01/13/2020 17:46:29</t>
  </si>
  <si>
    <t>01/13/2020 17:47:47</t>
  </si>
  <si>
    <t>c9e817fc-2f0b-4ae3-86e5-998f234c83ae.tmp</t>
  </si>
  <si>
    <t>\\acsfs\profiles$\andressamf\Downloads\c9e817fc-2f0b-4ae3-86e5-998f234c83ae.tmp</t>
  </si>
  <si>
    <t>01/13/2020 17:48:55</t>
  </si>
  <si>
    <t>01/13/2020 17:47:07</t>
  </si>
  <si>
    <t>01/13/2020 17:49:21</t>
  </si>
  <si>
    <t>01/13/2020 17:50:30</t>
  </si>
  <si>
    <t>01/13/2020 17:49:52</t>
  </si>
  <si>
    <t>01/13/2020 17:51:30</t>
  </si>
  <si>
    <t>10.200.66.2</t>
  </si>
  <si>
    <t>74-86-7A-FB-17-7B</t>
  </si>
  <si>
    <t>VOTORANT-LB011</t>
  </si>
  <si>
    <t>01/13/2020 17:50:00</t>
  </si>
  <si>
    <t>01/13/2020 17:48:20</t>
  </si>
  <si>
    <t>01/13/2020 17:47:34</t>
  </si>
  <si>
    <t>01/13/2020 17:49:27</t>
  </si>
  <si>
    <t>11-01 RELATORIO DE LOGIN AVON - Cópia.xlsm</t>
  </si>
  <si>
    <t>\\acsfs\deptos\Operacao\PCP\5 - Comum\CONTROL DESK\2 - DAC2\Control Desk AVON\Relatorios\Status de login\2020\11-01 RELATORIO DE LOGIN AVON - Cópia.xlsm</t>
  </si>
  <si>
    <t>01/13/2020 17:47:50</t>
  </si>
  <si>
    <t>01/13/2020 17:52:30</t>
  </si>
  <si>
    <t>0136a4d3-2390-45a6-8fa8-b956e6b402c9.tmp</t>
  </si>
  <si>
    <t>\\acsfs\profiles$\fernandofs\Downloads\0136a4d3-2390-45a6-8fa8-b956e6b402c9.tmp</t>
  </si>
  <si>
    <t>01/13/2020 17:51:42</t>
  </si>
  <si>
    <t>01/13/2020 17:53:31</t>
  </si>
  <si>
    <t>01/13/2020 17:51:50</t>
  </si>
  <si>
    <t>ae54274c-8071-4780-b48c-0060c913878d.tmp</t>
  </si>
  <si>
    <t>\\acsfs\profiles$\gabrielsma\Downloads\ae54274c-8071-4780-b48c-0060c913878d.tmp</t>
  </si>
  <si>
    <t>01/13/2020 17:51:53</t>
  </si>
  <si>
    <t>01/13/2020 17:50:24</t>
  </si>
  <si>
    <t>01/13/2020 17:51:52</t>
  </si>
  <si>
    <t>01/13/2020 17:54:30</t>
  </si>
  <si>
    <t>mail.google.com/_/upload?authuser=1&amp;dcp=asu-n&amp;upload_id=AEnB2Uq7eom8itlooH26Ox3UFdPb71uUbwKrhu5rQ2_dZc10m2yrIKy-Vw-TasxRP36ksG8mUiAsMV4b2dIBVZ2ajsj3I1q8wrqkzsDNFJWsDUJVtGFe0aM&amp;upload_protocol=resumable</t>
  </si>
  <si>
    <t>PEDIDOS VTEX.xlsx</t>
  </si>
  <si>
    <t>01/13/2020 17:51:09</t>
  </si>
  <si>
    <t>01/13/2020 17:55:31</t>
  </si>
  <si>
    <t>01/13/2020 17:52:00</t>
  </si>
  <si>
    <t>01/13/2020 17:52:03</t>
  </si>
  <si>
    <t>01/13/2020 17:52:15</t>
  </si>
  <si>
    <t>01/13/2020 17:52:16</t>
  </si>
  <si>
    <t>01/13/2020 17:52:28</t>
  </si>
  <si>
    <t>01/13/2020 17:52:31</t>
  </si>
  <si>
    <t>01/13/2020 17:52:32</t>
  </si>
  <si>
    <t>01/13/2020 17:52:33</t>
  </si>
  <si>
    <t>01/13/2020 17:52:34</t>
  </si>
  <si>
    <t>01/13/2020 17:52:40</t>
  </si>
  <si>
    <t>01/13/2020 17:52:42</t>
  </si>
  <si>
    <t>01/13/2020 17:52:43</t>
  </si>
  <si>
    <t>01/13/2020 17:52:45</t>
  </si>
  <si>
    <t>01/13/2020 17:52:46</t>
  </si>
  <si>
    <t>01/13/2020 17:52:47</t>
  </si>
  <si>
    <t>01/13/2020 17:52:51</t>
  </si>
  <si>
    <t>01/13/2020 17:52:53</t>
  </si>
  <si>
    <t>01/13/2020 17:52:54</t>
  </si>
  <si>
    <t>01/13/2020 17:52:56</t>
  </si>
  <si>
    <t>01/13/2020 17:52:59</t>
  </si>
  <si>
    <t>01/13/2020 17:53:04</t>
  </si>
  <si>
    <t>01/13/2020 17:53:05</t>
  </si>
  <si>
    <t>01/13/2020 17:53:07</t>
  </si>
  <si>
    <t>01/13/2020 17:53:09</t>
  </si>
  <si>
    <t>01/13/2020 17:53:10</t>
  </si>
  <si>
    <t>01/13/2020 17:53:11</t>
  </si>
  <si>
    <t>01/13/2020 17:53:12</t>
  </si>
  <si>
    <t>01/13/2020 17:53:14</t>
  </si>
  <si>
    <t>01/13/2020 17:53:15</t>
  </si>
  <si>
    <t>01/13/2020 17:53:17</t>
  </si>
  <si>
    <t>01/13/2020 17:53:18</t>
  </si>
  <si>
    <t>01/13/2020 17:53:19</t>
  </si>
  <si>
    <t>01/13/2020 17:53:20</t>
  </si>
  <si>
    <t>01/13/2020 17:53:22</t>
  </si>
  <si>
    <t>01/13/2020 17:53:24</t>
  </si>
  <si>
    <t>01/13/2020 17:53:26</t>
  </si>
  <si>
    <t>01/13/2020 17:53:27</t>
  </si>
  <si>
    <t>01/13/2020 17:53:28</t>
  </si>
  <si>
    <t>01/13/2020 17:53:30</t>
  </si>
  <si>
    <t>01/13/2020 17:53:34</t>
  </si>
  <si>
    <t>01/13/2020 17:53:36</t>
  </si>
  <si>
    <t>01/13/2020 17:54:04</t>
  </si>
  <si>
    <t>winrt--{S-1-5-21-602162358-764733703-839522115-358593}-.searchconnector-ms</t>
  </si>
  <si>
    <t>\\acsfs\profiles$\joycemmdl\Searches\winrt--{S-1-5-21-602162358-764733703-839522115-358593}-.searchconnector-ms</t>
  </si>
  <si>
    <t>01/13/2020 17:51:58</t>
  </si>
  <si>
    <t>01/13/2020 17:54:33</t>
  </si>
  <si>
    <t>01/13/2020 17:54:36</t>
  </si>
  <si>
    <t>01/13/2020 17:54:37</t>
  </si>
  <si>
    <t>01/13/2020 17:54:38</t>
  </si>
  <si>
    <t>01/13/2020 17:54:39</t>
  </si>
  <si>
    <t>01/13/2020 17:54:40</t>
  </si>
  <si>
    <t>01/13/2020 17:54:42</t>
  </si>
  <si>
    <t>01/13/2020 17:54:44</t>
  </si>
  <si>
    <t>01/13/2020 17:54:46</t>
  </si>
  <si>
    <t>01/13/2020 17:54:47</t>
  </si>
  <si>
    <t>01/13/2020 17:54:48</t>
  </si>
  <si>
    <t>01/13/2020 17:54:49</t>
  </si>
  <si>
    <t>01/13/2020 17:54:51</t>
  </si>
  <si>
    <t>01/13/2020 17:54:52</t>
  </si>
  <si>
    <t>01/13/2020 17:54:53</t>
  </si>
  <si>
    <t>01/13/2020 17:54:56</t>
  </si>
  <si>
    <t>01/13/2020 17:55:05</t>
  </si>
  <si>
    <t>01/13/2020 17:55:06</t>
  </si>
  <si>
    <t>01/13/2020 17:55:09</t>
  </si>
  <si>
    <t>01/13/2020 17:55:13</t>
  </si>
  <si>
    <t>01/13/2020 17:55:14</t>
  </si>
  <si>
    <t>01/13/2020 17:55:15</t>
  </si>
  <si>
    <t>01/13/2020 17:55:17</t>
  </si>
  <si>
    <t>01/13/2020 17:55:18</t>
  </si>
  <si>
    <t>01/13/2020 17:55:20</t>
  </si>
  <si>
    <t>01/13/2020 17:55:21</t>
  </si>
  <si>
    <t>01/13/2020 17:54:08</t>
  </si>
  <si>
    <t>01/13/2020 17:56:30</t>
  </si>
  <si>
    <t>626a7280-5619-4bc7-8f51-970a7accae95.tmp</t>
  </si>
  <si>
    <t>\\acsfs\profiles$\taylaedoa\Downloads\626a7280-5619-4bc7-8f51-970a7accae95.tmp</t>
  </si>
  <si>
    <t>01/13/2020 17:51:57</t>
  </si>
  <si>
    <t>CONTA 2771749 - MC - EDILSON DE JESUS .pdf</t>
  </si>
  <si>
    <t>\\acsfs\Deptos\EDUCACAO EMPRESARIAL\KÉSIA\CONTA 2771749 - MC - EDILSON DE JESUS .pdf</t>
  </si>
  <si>
    <t>01/13/2020 17:52:36</t>
  </si>
  <si>
    <t>01/13/2020 17:52:50</t>
  </si>
  <si>
    <t>01/13/2020 17:53:01</t>
  </si>
  <si>
    <t>01/13/2020 17:51:40</t>
  </si>
  <si>
    <t>02-01 RELATORIO DE LOGIN AVON - Cópia.xlsm</t>
  </si>
  <si>
    <t>\\acsfs\deptos\Operacao\PCP\5 - Comum\CONTROL DESK\2 - DAC2\Control Desk AVON\Relatorios\Status de login\2020\02-01 RELATORIO DE LOGIN AVON - Cópia.xlsm</t>
  </si>
  <si>
    <t>01/13/2020 17:57:30</t>
  </si>
  <si>
    <t>Padrão de atendimento.txt</t>
  </si>
  <si>
    <t>\\acsfs\profiles$\higorss\My Documents\Padrão de atendimento.txt</t>
  </si>
  <si>
    <t>8c5298bd-2bf5-4f93-aa2a-ee2e9837b8d3.tmp</t>
  </si>
  <si>
    <t>\\acsfs\profiles$\fernandofs\Downloads\8c5298bd-2bf5-4f93-aa2a-ee2e9837b8d3.tmp</t>
  </si>
  <si>
    <t>01/13/2020 17:57:40</t>
  </si>
  <si>
    <t>01/13/2020 17:58:30</t>
  </si>
  <si>
    <t>01/13/2020 17:55:01</t>
  </si>
  <si>
    <t>\\acsfs\ACS\Suporte à Operações\01 - Prévias\2020\</t>
  </si>
  <si>
    <t>Projeção custo Janeiro...xlsb</t>
  </si>
  <si>
    <t>01/13/2020 17:56:58</t>
  </si>
  <si>
    <t>01/13/2020 17:59:31</t>
  </si>
  <si>
    <t>01/13/2020 17:58:02</t>
  </si>
  <si>
    <t>01/13/2020 17:58:25</t>
  </si>
  <si>
    <t>01/13/2020 17:57:17</t>
  </si>
  <si>
    <t>54bc4ca4-4cb9-4909-a648-26dd7e575927.tmp</t>
  </si>
  <si>
    <t>\\acsfs\profiles$\leonardocb\Downloads\54bc4ca4-4cb9-4909-a648-26dd7e575927.tmp</t>
  </si>
  <si>
    <t>01/13/2020 17:57:41</t>
  </si>
  <si>
    <t>e4059440-e9b4-4820-b983-00b7ddc0c2f1.tmp</t>
  </si>
  <si>
    <t>\\acsfs\profiles$\leonardocb\Downloads\e4059440-e9b4-4820-b983-00b7ddc0c2f1.tmp</t>
  </si>
  <si>
    <t>01/13/2020 17:57:45</t>
  </si>
  <si>
    <t>Q29udHJvbGxlci5QYXl3YXJlLU5vaXRl (41).ica</t>
  </si>
  <si>
    <t>\\acsfs\profiles$\leonardocb\Downloads\Q29udHJvbGxlci5QYXl3YXJlLU5vaXRl (41).ica</t>
  </si>
  <si>
    <t>01/13/2020 17:55:54</t>
  </si>
  <si>
    <t>01/13/2020 18:00:30</t>
  </si>
  <si>
    <t>3b0c11ce-38ed-44a9-a6e6-5820b4163bfd.tmp</t>
  </si>
  <si>
    <t>\\acsfs\profiles$\joycemmdl\Downloads\3b0c11ce-38ed-44a9-a6e6-5820b4163bfd.tmp</t>
  </si>
  <si>
    <t>01/13/2020 17:56:04</t>
  </si>
  <si>
    <t>Unconfirmed 684098.crdownload</t>
  </si>
  <si>
    <t>\\acsfs\profiles$\joycemmdl\Downloads\Unconfirmed 684098.crdownload</t>
  </si>
  <si>
    <t>01/13/2020 17:56:10</t>
  </si>
  <si>
    <t>01/13/2020 17:56:20</t>
  </si>
  <si>
    <t>79408d5e-e8eb-42a0-864d-bfd8cf297f7a.tmp</t>
  </si>
  <si>
    <t>\\acsfs\profiles$\joycemmdl\Downloads\79408d5e-e8eb-42a0-864d-bfd8cf297f7a.tmp</t>
  </si>
  <si>
    <t>01/13/2020 17:57:19</t>
  </si>
  <si>
    <t>eae8b7d7-1a86-4bb4-96a3-749ece2c023b.tmp</t>
  </si>
  <si>
    <t>\\acsfs\profiles$\joycemmdl\Downloads\eae8b7d7-1a86-4bb4-96a3-749ece2c023b.tmp</t>
  </si>
  <si>
    <t>aec96d83-85d2-46ed-8de0-3d8b6f92a7c2.tmp</t>
  </si>
  <si>
    <t>\\acsfs\profiles$\nycolleemdj\Downloads\aec96d83-85d2-46ed-8de0-3d8b6f92a7c2.tmp</t>
  </si>
  <si>
    <t>01/13/2020 17:57:36</t>
  </si>
  <si>
    <t>01/13/2020 17:55:22</t>
  </si>
  <si>
    <t>01/13/2020 17:55:23</t>
  </si>
  <si>
    <t>01/13/2020 17:55:24</t>
  </si>
  <si>
    <t>01/13/2020 17:55:25</t>
  </si>
  <si>
    <t>01/13/2020 17:55:26</t>
  </si>
  <si>
    <t>01/13/2020 17:55:28</t>
  </si>
  <si>
    <t>01/13/2020 17:55:30</t>
  </si>
  <si>
    <t>01/13/2020 17:55:32</t>
  </si>
  <si>
    <t>01/13/2020 17:55:33</t>
  </si>
  <si>
    <t>01/13/2020 17:55:34</t>
  </si>
  <si>
    <t>01/13/2020 17:57:25</t>
  </si>
  <si>
    <t>e191e5cc-7bf6-46ca-91b3-430bb51c4e53.tmp</t>
  </si>
  <si>
    <t>\\acsfs\profiles$\Adrieledgc\Downloads\e191e5cc-7bf6-46ca-91b3-430bb51c4e53.tmp</t>
  </si>
  <si>
    <t>01/13/2020 17:58:38</t>
  </si>
  <si>
    <t>01/13/2020 18:01:31</t>
  </si>
  <si>
    <t>34a53653-63aa-471c-a6a7-c242a44016ff.tmp</t>
  </si>
  <si>
    <t>\\acsfs\profiles$\taylaedoa\Downloads\34a53653-63aa-471c-a6a7-c242a44016ff.tmp</t>
  </si>
  <si>
    <t>01/13/2020 17:58:26</t>
  </si>
  <si>
    <t>\\acsfs\profiles$\gisellyador\Downloads\</t>
  </si>
  <si>
    <t>30386774-6b94-4977-a18a-e80ab44fedfe.tmp</t>
  </si>
  <si>
    <t>\\acsfs\profiles$\gisellyador\Downloads\30386774-6b94-4977-a18a-e80ab44fedfe.tmp</t>
  </si>
  <si>
    <t>01/13/2020 17:58:32</t>
  </si>
  <si>
    <t>01/13/2020 17:58:39</t>
  </si>
  <si>
    <t>01/13/2020 17:59:00</t>
  </si>
  <si>
    <t>mail.google.com/_/upload?authuser=0&amp;dcp=asu-n&amp;upload_id=AEnB2UpuXDIIi_OFaKKQbiNaWbG_KA9p6GeDD6Ld3sTc-dMxT4H7P-nH9X3_nUKu_np3zWj5Lot20MRLShatsC7T19pbs_a_kipAxzD1di0L5Y67It4tngg&amp;upload_protocol=resumable</t>
  </si>
  <si>
    <t>01/13/2020 17:59:03</t>
  </si>
  <si>
    <t>01/13/2020 17:59:30</t>
  </si>
  <si>
    <t>01/13/2020 18:00:28</t>
  </si>
  <si>
    <t>REPORT ACOMPANHAMENTO - BV - JANEIRO2 - Cópia.xlsb</t>
  </si>
  <si>
    <t>\\acsfs\deptos\Operacao\PCP\5 - Comum\PLANEJAMENTO BV\14 - ACOMPANHAMENTO\1 - REPORT ACOMPANHAMENTO\2020\1 - JANEIRO\FINANCEIRA\REPORT ACOMPANHAMENTO - BV - JANEIRO2 - Cópia.xlsb</t>
  </si>
  <si>
    <t>01/13/2020 17:58:17</t>
  </si>
  <si>
    <t>01/13/2020 18:02:30</t>
  </si>
  <si>
    <t>01/13/2020 18:03:31</t>
  </si>
  <si>
    <t>\\acsfs\Deptos\Operacao\Banco_Votorantim\Supervisao\DIÁRIO DE BORDO BV\</t>
  </si>
  <si>
    <t>\\acsfs\Deptos\Operacao\Banco_Votorantim\Supervisao\DIÁRIO DE BORDO BV\Cópia de Diario de Bordo - BV...xlsb</t>
  </si>
  <si>
    <t>\\acsfs\Deptos\Operacao\Banco_Votorantim\Supervisao\DIÁRIO DE BORDO BV\Thumbs.db</t>
  </si>
  <si>
    <t>01/13/2020 18:01:08</t>
  </si>
  <si>
    <t>01/13/2020 18:00:13</t>
  </si>
  <si>
    <t>01/13/2020 18:04:30</t>
  </si>
  <si>
    <t>01/13/2020 18:02:19</t>
  </si>
  <si>
    <t>01/13/2020 18:02:36</t>
  </si>
  <si>
    <t>01/13/2020 18:05:30</t>
  </si>
  <si>
    <t>01/13/2020 18:04:01</t>
  </si>
  <si>
    <t>3cd6f653-2367-4878-b8a0-39c4abea5dc9.tmp</t>
  </si>
  <si>
    <t>\\acsfs\profiles$\cintiadjl\Downloads\3cd6f653-2367-4878-b8a0-39c4abea5dc9.tmp</t>
  </si>
  <si>
    <t>01/13/2020 18:03:29</t>
  </si>
  <si>
    <t>9def2fce-fc7e-4852-b3ae-bc795fd7ba1e.tmp</t>
  </si>
  <si>
    <t>\\acsfs\profiles$\Adrieledgc\Downloads\9def2fce-fc7e-4852-b3ae-bc795fd7ba1e.tmp</t>
  </si>
  <si>
    <t>01/13/2020 18:01:49</t>
  </si>
  <si>
    <t>01/13/2020 18:06:31</t>
  </si>
  <si>
    <t>e779b5d3-9a0c-4e11-ac61-d170dbacc9fb.tmp</t>
  </si>
  <si>
    <t>\\acsfs\profiles$\andreapdsg\Downloads\e779b5d3-9a0c-4e11-ac61-d170dbacc9fb.tmp</t>
  </si>
  <si>
    <t>01/13/2020 18:01:35</t>
  </si>
  <si>
    <t>REPORT ACOMPANHAMENTO - BV - JANEIRO2 - Cópia.xls</t>
  </si>
  <si>
    <t>\\acsfs\deptos\Operacao\PCP\5 - Comum\PLANEJAMENTO BV\14 - ACOMPANHAMENTO\1 - REPORT ACOMPANHAMENTO\2020\1 - JANEIRO\FINANCEIRA\REPORT ACOMPANHAMENTO - BV - JANEIRO2 - Cópia.xls</t>
  </si>
  <si>
    <t>01/13/2020 18:01:56</t>
  </si>
  <si>
    <t>mail.google.com/_/upload?authuser=0&amp;dcp=asu-n&amp;upload_id=AEnB2Uo8tUH7gb76N6XOivvl688DyFs4XBQsnN0j59aSD5YmZW3r7PlUxbtq_79dCfbeN95MWiNZMoGd1ZsVCClvt7WAqvvjUfu-1kbHNEtB2gLL2iPVCos&amp;upload_protocol=resumable</t>
  </si>
  <si>
    <t>01/13/2020 18:02:10</t>
  </si>
  <si>
    <t>01/13/2020 18:04:06</t>
  </si>
  <si>
    <t>01/13/2020 18:09:30</t>
  </si>
  <si>
    <t>01/13/2020 18:04:11</t>
  </si>
  <si>
    <t>01/13/2020 18:04:08</t>
  </si>
  <si>
    <t>01/13/2020 18:04:36</t>
  </si>
  <si>
    <t>e7e7d2a9-1884-486f-96ba-e4124171a8ce.tmp</t>
  </si>
  <si>
    <t>\\acsfs\profiles$\leonardocb\Downloads\e7e7d2a9-1884-486f-96ba-e4124171a8ce.tmp</t>
  </si>
  <si>
    <t>01/13/2020 18:06:18</t>
  </si>
  <si>
    <t>01/13/2020 18:10:30</t>
  </si>
  <si>
    <t>ST Curso M&amp;A Luciana Perez.xlsx</t>
  </si>
  <si>
    <t>01/13/2020 18:06:25</t>
  </si>
  <si>
    <t>mail.google.com/_/upload?authuser=0&amp;dcp=asu-n&amp;upload_id=AEnB2Uq4xXRcEyMSEpMVqQHYdDXlxDv2UEjmb4JlviC22Z0jhI9428Zu37EmiQ7bEWRjgFkWhZQGnHBzr6doUlneu2PTtbNyEM_o7jtLk3iEQRO_EziY724&amp;upload_protocol=resumable</t>
  </si>
  <si>
    <t>01/13/2020 18:06:35</t>
  </si>
  <si>
    <t>aba796e5-96eb-49b0-b368-c9d1f1283e9a.tmp</t>
  </si>
  <si>
    <t>\\acsfs\profiles$\joycemmdl\Downloads\aba796e5-96eb-49b0-b368-c9d1f1283e9a.tmp</t>
  </si>
  <si>
    <t>01/13/2020 18:06:48</t>
  </si>
  <si>
    <t>19c082b5-74e0-4c4c-9d91-46b2a680f298.tmp</t>
  </si>
  <si>
    <t>\\acsfs\profiles$\joycemmdl\Downloads\19c082b5-74e0-4c4c-9d91-46b2a680f298.tmp</t>
  </si>
  <si>
    <t>01/13/2020 18:05:52</t>
  </si>
  <si>
    <t>01/13/2020 18:08:03</t>
  </si>
  <si>
    <t>65b5be4d-7ea7-4ea4-bdcf-754eeca26c28.tmp</t>
  </si>
  <si>
    <t>\\acsfs\profiles$\rosileiam\Downloads\65b5be4d-7ea7-4ea4-bdcf-754eeca26c28.tmp</t>
  </si>
  <si>
    <t>01/13/2020 18:09:20</t>
  </si>
  <si>
    <t>acbadd79-5d63-47ad-a507-ed989d97d079.tmp</t>
  </si>
  <si>
    <t>\\acsfs\profiles$\rosileiam\Downloads\acbadd79-5d63-47ad-a507-ed989d97d079.tmp</t>
  </si>
  <si>
    <t>01/13/2020 18:09:51</t>
  </si>
  <si>
    <t>01/13/2020 18:09:27</t>
  </si>
  <si>
    <t>01/13/2020 18:11:30</t>
  </si>
  <si>
    <t>01/13/2020 18:09:34</t>
  </si>
  <si>
    <t>01/13/2020 18:10:42</t>
  </si>
  <si>
    <t>01/13/2020 18:10:51</t>
  </si>
  <si>
    <t>01/13/2020 18:11:11</t>
  </si>
  <si>
    <t>01/13/2020 18:11:13</t>
  </si>
  <si>
    <t>01/13/2020 18:10:52</t>
  </si>
  <si>
    <t>https://algar.folhasinergyrh.com.br/funcionario/uploadfoto?identificador=20712&amp;isworkflow=true</t>
  </si>
  <si>
    <t>true;</t>
  </si>
  <si>
    <t>C:\Users\Public\Pictures\Sample Pictures\</t>
  </si>
  <si>
    <t>download.jpg</t>
  </si>
  <si>
    <t>https://true</t>
  </si>
  <si>
    <t>01/13/2020 18:11:59</t>
  </si>
  <si>
    <t>01/13/2020 18:14:30</t>
  </si>
  <si>
    <t>01/13/2020 18:13:25</t>
  </si>
  <si>
    <t>01/13/2020 18:14:01</t>
  </si>
  <si>
    <t>75930b62-1ded-4f00-8b22-44860fe155cb.tmp</t>
  </si>
  <si>
    <t>\\acsfs\profiles$\brendadsl\Downloads\75930b62-1ded-4f00-8b22-44860fe155cb.tmp</t>
  </si>
  <si>
    <t>01/13/2020 18:12:05</t>
  </si>
  <si>
    <t>01/13/2020 18:15:29</t>
  </si>
  <si>
    <t>01/13/2020 18:11:45</t>
  </si>
  <si>
    <t>01/13/2020 18:16:30</t>
  </si>
  <si>
    <t>01/13/2020 18:11:18</t>
  </si>
  <si>
    <t>01/13/2020 18:11:42</t>
  </si>
  <si>
    <t>01/13/2020 18:12:16</t>
  </si>
  <si>
    <t>01/13/2020 18:12:22</t>
  </si>
  <si>
    <t>01/13/2020 18:16:01</t>
  </si>
  <si>
    <t>01/13/2020 18:17:40</t>
  </si>
  <si>
    <t>01/13/2020 18:18:29</t>
  </si>
  <si>
    <t>aa0aedf7-d33e-41b0-a238-ab01d96beb39.tmp</t>
  </si>
  <si>
    <t>\\acsfs\profiles$\alinepp\Downloads\aa0aedf7-d33e-41b0-a238-ab01d96beb39.tmp</t>
  </si>
  <si>
    <t>01/13/2020 18:14:17</t>
  </si>
  <si>
    <t>01/13/2020 18:19:30</t>
  </si>
  <si>
    <t>01/13/2020 18:15:56</t>
  </si>
  <si>
    <t>01/13/2020 18:16:16</t>
  </si>
  <si>
    <t>01/13/2020 18:21:30</t>
  </si>
  <si>
    <t>01/13/2020 18:16:20</t>
  </si>
  <si>
    <t>01/13/2020 18:16:33</t>
  </si>
  <si>
    <t>01/13/2020 18:16:37</t>
  </si>
  <si>
    <t>01/13/2020 18:16:40</t>
  </si>
  <si>
    <t>01/13/2020 18:16:44</t>
  </si>
  <si>
    <t>01/13/2020 18:17:41</t>
  </si>
  <si>
    <t>01/13/2020 18:18:44</t>
  </si>
  <si>
    <t>01/13/2020 18:18:46</t>
  </si>
  <si>
    <t>01/13/2020 18:19:03</t>
  </si>
  <si>
    <t>01/13/2020 18:19:15</t>
  </si>
  <si>
    <t>01/13/2020 18:19:16</t>
  </si>
  <si>
    <t>01/13/2020 18:19:26</t>
  </si>
  <si>
    <t>01/13/2020 18:19:27</t>
  </si>
  <si>
    <t>01/13/2020 18:22:29</t>
  </si>
  <si>
    <t>01/13/2020 18:19:32</t>
  </si>
  <si>
    <t>01/13/2020 18:19:35</t>
  </si>
  <si>
    <t>01/13/2020 18:19:43</t>
  </si>
  <si>
    <t>01/13/2020 18:19:54</t>
  </si>
  <si>
    <t>01/13/2020 18:21:01</t>
  </si>
  <si>
    <t>Painel</t>
  </si>
  <si>
    <t>Cópia de Dezembro _ UNE.xlsm</t>
  </si>
  <si>
    <t>01/13/2020 18:19:34</t>
  </si>
  <si>
    <t>01/13/2020 18:23:30</t>
  </si>
  <si>
    <t>01/13/2020 18:21:37</t>
  </si>
  <si>
    <t>https://algar.folhasinergyrh.com.br/afastamento/upload?id=0&amp;idsolicitacao=0&amp;temp=true</t>
  </si>
  <si>
    <t>atestado Cinthia.zip</t>
  </si>
  <si>
    <t>C:\Users\camillarl\Desktop\atestado Cinthia.zip\</t>
  </si>
  <si>
    <t>atestado Cinthia.jpg</t>
  </si>
  <si>
    <t>01/13/2020 18:21:41</t>
  </si>
  <si>
    <t>https://algar.folhasinergyrh.com.br/afastamento/validaferias</t>
  </si>
  <si>
    <t>01/13/2020 18:21:42</t>
  </si>
  <si>
    <t>https://algar.folhasinergyrh.com.br/afastamento/forms</t>
  </si>
  <si>
    <t>01/13/2020 18:21:43</t>
  </si>
  <si>
    <t>https://algar.folhasinergyrh.com.br/afastamento/upload?id=0&amp;idsolicitacao=20721</t>
  </si>
  <si>
    <t>01/13/2020 18:22:39</t>
  </si>
  <si>
    <t>01/13/2020 18:24:40</t>
  </si>
  <si>
    <t>01/13/2020 18:25:29</t>
  </si>
  <si>
    <t>c3112073-5d6e-48e8-b2a2-b5818c0af6bb.tmp</t>
  </si>
  <si>
    <t>\\acsfs\profiles$\laurandos\Downloads\c3112073-5d6e-48e8-b2a2-b5818c0af6bb.tmp</t>
  </si>
  <si>
    <t>01/13/2020 18:21:05</t>
  </si>
  <si>
    <t>01/13/2020 18:22:21</t>
  </si>
  <si>
    <t>01/13/2020 18:26:29</t>
  </si>
  <si>
    <t>01/13/2020 18:22:22</t>
  </si>
  <si>
    <t>01/13/2020 18:22:31</t>
  </si>
  <si>
    <t>01/13/2020 18:22:32</t>
  </si>
  <si>
    <t>01/13/2020 18:22:58</t>
  </si>
  <si>
    <t>01/13/2020 18:23:47</t>
  </si>
  <si>
    <t>01/13/2020 18:27:29</t>
  </si>
  <si>
    <t>01/13/2020 18:26:22</t>
  </si>
  <si>
    <t>01/13/2020 18:26:26</t>
  </si>
  <si>
    <t>01/13/2020 18:30:30</t>
  </si>
  <si>
    <t>01/13/2020 18:29:31</t>
  </si>
  <si>
    <t>01/13/2020 18:31:30</t>
  </si>
  <si>
    <t>01/13/2020 18:25:51</t>
  </si>
  <si>
    <t>01/13/2020 18:32:29</t>
  </si>
  <si>
    <t>01/13/2020 18:28:56</t>
  </si>
  <si>
    <t>01/13/2020 18:29:07</t>
  </si>
  <si>
    <t>01/13/2020 18:34:30</t>
  </si>
  <si>
    <t>01/13/2020 18:35:22</t>
  </si>
  <si>
    <t>01/13/2020 18:36:30</t>
  </si>
  <si>
    <t>XLOG_leydianeamd_13012020_132336.log</t>
  </si>
  <si>
    <t>\\acsfs\profiles$\leydianeamd\My Documents\xworkcenter\logs\XLOG_leydianeamd_13012020_132336.log</t>
  </si>
  <si>
    <t>01/13/2020 18:35:50</t>
  </si>
  <si>
    <t>01/13/2020 18:37:30</t>
  </si>
  <si>
    <t>9c1b178f-0cfc-4154-8f19-4e4f4702179c.tmp</t>
  </si>
  <si>
    <t>\\acsfs\profiles$\nathaliaos\Downloads\9c1b178f-0cfc-4154-8f19-4e4f4702179c.tmp</t>
  </si>
  <si>
    <t>01/13/2020 18:33:34</t>
  </si>
  <si>
    <t>01/13/2020 18:38:30</t>
  </si>
  <si>
    <t>COORDENAÇÃO DE SERVIÇOS ATIVOS</t>
  </si>
  <si>
    <t>FC-01-7C-B3-59-4D</t>
  </si>
  <si>
    <t>NB-KARINARS</t>
  </si>
  <si>
    <t>karinars</t>
  </si>
  <si>
    <t>C:\Users\karinars\Desktop\</t>
  </si>
  <si>
    <t>Objetivos Coordenadores.xlsx</t>
  </si>
  <si>
    <t>01/13/2020 18:37:28</t>
  </si>
  <si>
    <t>01/13/2020 18:39:30</t>
  </si>
  <si>
    <t>01/13/2020 18:36:32</t>
  </si>
  <si>
    <t>01/13/2020 18:41:30</t>
  </si>
  <si>
    <t>cfea6a2b-2776-444e-8a2e-484adb5f207c.tmp</t>
  </si>
  <si>
    <t>\\acsfs\profiles$\andreapdsg\Downloads\cfea6a2b-2776-444e-8a2e-484adb5f207c.tmp</t>
  </si>
  <si>
    <t>01/13/2020 18:39:29</t>
  </si>
  <si>
    <t>01/13/2020 18:42:29</t>
  </si>
  <si>
    <t>e3ed265c-cd62-498b-bcc1-0d20bb1cad72.tmp</t>
  </si>
  <si>
    <t>\\acsfs\profiles$\nathaliaos\Downloads\e3ed265c-cd62-498b-bcc1-0d20bb1cad72.tmp</t>
  </si>
  <si>
    <t>01/13/2020 18:39:42</t>
  </si>
  <si>
    <t>c7bdc6b1-4d20-4e8f-88a2-2046d56bf884.tmp</t>
  </si>
  <si>
    <t>\\acsfs\profiles$\nathaliaos\Downloads\c7bdc6b1-4d20-4e8f-88a2-2046d56bf884.tmp</t>
  </si>
  <si>
    <t>01/13/2020 18:39:41</t>
  </si>
  <si>
    <t>01/13/2020 18:40:43</t>
  </si>
  <si>
    <t>01/13/2020 18:43:30</t>
  </si>
  <si>
    <t>\\acsfs\Deptos\Operacao\Banco_Votorantim\Supervisao\CAMILLA LIMA RODRIGUES\</t>
  </si>
  <si>
    <t>\\acsfs\Deptos\Operacao\Banco_Votorantim\Supervisao\CAMILLA LIMA RODRIGUES\LINKS.txt</t>
  </si>
  <si>
    <t>01/13/2020 18:37:48</t>
  </si>
  <si>
    <t>8c16886d-6117-4bd1-afa3-dec1c1704538.tmp</t>
  </si>
  <si>
    <t>\\acsfs\profiles$\anafaes\Downloads\8c16886d-6117-4bd1-afa3-dec1c1704538.tmp</t>
  </si>
  <si>
    <t>01/13/2020 18:38:05</t>
  </si>
  <si>
    <t>13d4119e-3c33-4387-a814-c49279cabd7d.tmp</t>
  </si>
  <si>
    <t>\\acsfs\profiles$\anafaes\Downloads\13d4119e-3c33-4387-a814-c49279cabd7d.tmp</t>
  </si>
  <si>
    <t>01/13/2020 18:39:57</t>
  </si>
  <si>
    <t>01/13/2020 18:44:30</t>
  </si>
  <si>
    <t>01/13/2020 18:40:06</t>
  </si>
  <si>
    <t>01/13/2020 18:40:23</t>
  </si>
  <si>
    <t>01/13/2020 18:40:31</t>
  </si>
  <si>
    <t>01/13/2020 18:40:32</t>
  </si>
  <si>
    <t>01/13/2020 18:40:44</t>
  </si>
  <si>
    <t>01/13/2020 18:40:52</t>
  </si>
  <si>
    <t>01/13/2020 18:40:53</t>
  </si>
  <si>
    <t>01/13/2020 18:44:59</t>
  </si>
  <si>
    <t>01/13/2020 18:45:30</t>
  </si>
  <si>
    <t>5cc22815-3528-472f-9a36-1d9deadaf279.tmp</t>
  </si>
  <si>
    <t>\\acsfs\profiles$\victorgl\Downloads\5cc22815-3528-472f-9a36-1d9deadaf279.tmp</t>
  </si>
  <si>
    <t>01/13/2020 18:42:05</t>
  </si>
  <si>
    <t>01/13/2020 18:46:30</t>
  </si>
  <si>
    <t>81698ce3-d5e8-4c64-8037-f36f0f717694.tmp</t>
  </si>
  <si>
    <t>\\acsfs\profiles$\lorrainerdl\Downloads\81698ce3-d5e8-4c64-8037-f36f0f717694.tmp</t>
  </si>
  <si>
    <t>01/13/2020 18:43:19</t>
  </si>
  <si>
    <t>5569bcc2-f231-4f66-9760-13bb215e9e91.tmp</t>
  </si>
  <si>
    <t>\\acsfs\profiles$\joselrb\Downloads\5569bcc2-f231-4f66-9760-13bb215e9e91.tmp</t>
  </si>
  <si>
    <t>01/13/2020 18:42:08</t>
  </si>
  <si>
    <t>01/13/2020 18:47:29</t>
  </si>
  <si>
    <t>01/13/2020 18:44:19</t>
  </si>
  <si>
    <t>01/13/2020 18:42:47</t>
  </si>
  <si>
    <t>01/13/2020 18:48:30</t>
  </si>
  <si>
    <t>66fc1009-47dd-454c-899a-2954a4b2686b.tmp</t>
  </si>
  <si>
    <t>\\acsfs\profiles$\anafaes\Downloads\66fc1009-47dd-454c-899a-2954a4b2686b.tmp</t>
  </si>
  <si>
    <t>01/13/2020 18:46:01</t>
  </si>
  <si>
    <t>78f81564-f298-42eb-a4bb-2ac905dba95b.tmp</t>
  </si>
  <si>
    <t>\\acsfs\profiles$\anafaes\Downloads\78f81564-f298-42eb-a4bb-2ac905dba95b.tmp</t>
  </si>
  <si>
    <t>01/13/2020 18:44:24</t>
  </si>
  <si>
    <t>01/13/2020 18:45:44</t>
  </si>
  <si>
    <t>01/13/2020 18:44:46</t>
  </si>
  <si>
    <t>d3d5b919-be89-4272-a436-8048c0ae174f.tmp</t>
  </si>
  <si>
    <t>\\acsfs\profiles$\gabrielamdp\Downloads\d3d5b919-be89-4272-a436-8048c0ae174f.tmp</t>
  </si>
  <si>
    <t>aac033bc-2ffc-4abc-9f42-3d6747131ad5.tmp</t>
  </si>
  <si>
    <t>\\acsfs\profiles$\gabrielamdp\Downloads\aac033bc-2ffc-4abc-9f42-3d6747131ad5.tmp</t>
  </si>
  <si>
    <t>65057e59-dfb6-4657-b1b7-6f6a152e8c48.tmp</t>
  </si>
  <si>
    <t>\\acsfs\profiles$\gabrielamdp\Downloads\65057e59-dfb6-4657-b1b7-6f6a152e8c48.tmp</t>
  </si>
  <si>
    <t>01/13/2020 18:47:16</t>
  </si>
  <si>
    <t>32e836da-d673-400f-a3e7-bb4b711080ed.tmp</t>
  </si>
  <si>
    <t>\\acsfs\profiles$\gabrielamdp\Downloads\32e836da-d673-400f-a3e7-bb4b711080ed.tmp</t>
  </si>
  <si>
    <t>01/13/2020 18:47:55</t>
  </si>
  <si>
    <t>b1934cf1-2cdf-4c57-b4e9-eb548a581085.tmp</t>
  </si>
  <si>
    <t>\\acsfs\profiles$\gabrielamdp\Downloads\b1934cf1-2cdf-4c57-b4e9-eb548a581085.tmp</t>
  </si>
  <si>
    <t>01/13/2020 18:49:30</t>
  </si>
  <si>
    <t>01/13/2020 18:45:00</t>
  </si>
  <si>
    <t>01/13/2020 18:50:30</t>
  </si>
  <si>
    <t>29258354-ed34-413d-9957-c81b0c6ca04f.tmp</t>
  </si>
  <si>
    <t>\\acsfs\profiles$\erichds\Downloads\29258354-ed34-413d-9957-c81b0c6ca04f.tmp</t>
  </si>
  <si>
    <t>01/13/2020 18:45:23</t>
  </si>
  <si>
    <t>cd6495e0-0262-40cb-bdc8-fbb4e8414590.tmp</t>
  </si>
  <si>
    <t>\\acsfs\profiles$\erichds\Downloads\cd6495e0-0262-40cb-bdc8-fbb4e8414590.tmp</t>
  </si>
  <si>
    <t>01/13/2020 18:47:02</t>
  </si>
  <si>
    <t>01/13/2020 18:45:59</t>
  </si>
  <si>
    <t>01/13/2020 18:51:30</t>
  </si>
  <si>
    <t>01/13/2020 18:48:24</t>
  </si>
  <si>
    <t>01/13/2020 18:53:30</t>
  </si>
  <si>
    <t>9e63a4b1-c1a6-43b0-8b41-5e6bf327c4d9.tmp</t>
  </si>
  <si>
    <t>\\acsfs\profiles$\gabrielamdp\Downloads\9e63a4b1-c1a6-43b0-8b41-5e6bf327c4d9.tmp</t>
  </si>
  <si>
    <t>01/13/2020 18:50:00</t>
  </si>
  <si>
    <t>3f2fa161-3986-46fa-b3ae-75ca04a3594c.tmp</t>
  </si>
  <si>
    <t>\\acsfs\profiles$\gabrielamdp\Downloads\3f2fa161-3986-46fa-b3ae-75ca04a3594c.tmp</t>
  </si>
  <si>
    <t>01/13/2020 18:49:46</t>
  </si>
  <si>
    <t>01/13/2020 18:54:31</t>
  </si>
  <si>
    <t>b7ccd819-230a-4b58-a80b-c9da3fcd6af3.tmp</t>
  </si>
  <si>
    <t>\\acsfs\profiles$\brendadsl\Downloads\b7ccd819-230a-4b58-a80b-c9da3fcd6af3.tmp</t>
  </si>
  <si>
    <t>01/13/2020 18:57:01</t>
  </si>
  <si>
    <t>01/13/2020 18:57:30</t>
  </si>
  <si>
    <t>mail.google.com/_/upload?authuser=0&amp;dcp=asu-n&amp;upload_id=AEnB2UrBxOKe-LoZsSL77f8L8gV9hy2J8V1EV0-Y1rsPI9afUIWdF5Qrmt4VbDQ7xeKHOEU0I8k2Odm8xJxc1D0Celyh9MNbPA&amp;upload_protocol=resumable</t>
  </si>
  <si>
    <t>100044252113717;cpc-controldeskavon@algartech.com;senildapdo@algartech.com;viniciussg@algartech.com;</t>
  </si>
  <si>
    <t>\\udpavonfs01\AVON\06. PCP\JOSÉ AFONSO DA SILVA NETO\DESKTOP\NOTEBOOK\Fechamento Speak\2020\</t>
  </si>
  <si>
    <t>01 - SPEAK JAN.20.xlsx</t>
  </si>
  <si>
    <t>100044252113717,cpc-controldeskavon@algartech.com,senildapdo@algartech.com,viniciussg@algartech.com</t>
  </si>
  <si>
    <t>01/13/2020 18:56:21</t>
  </si>
  <si>
    <t>01/13/2020 18:58:30</t>
  </si>
  <si>
    <t>01/13/2020 18:57:35</t>
  </si>
  <si>
    <t>01/13/2020 18:58:55</t>
  </si>
  <si>
    <t>01/13/2020 19:00:30</t>
  </si>
  <si>
    <t>62991c90-8eb4-43a6-a94b-175bd7a96dca.tmp</t>
  </si>
  <si>
    <t>\\acsfs\profiles$\anafaes\Downloads\62991c90-8eb4-43a6-a94b-175bd7a96dca.tmp</t>
  </si>
  <si>
    <t>01/13/2020 18:58:59</t>
  </si>
  <si>
    <t>7c16659d-7804-4494-9455-963741f0c556.tmp</t>
  </si>
  <si>
    <t>\\acsfs\profiles$\anafaes\Downloads\7c16659d-7804-4494-9455-963741f0c556.tmp</t>
  </si>
  <si>
    <t>01/13/2020 18:59:27</t>
  </si>
  <si>
    <t>e2367d2e-c4a8-4036-93f4-daec94ff4881.tmp</t>
  </si>
  <si>
    <t>\\acsfs\profiles$\anafaes\Downloads\e2367d2e-c4a8-4036-93f4-daec94ff4881.tmp</t>
  </si>
  <si>
    <t>01/13/2020 18:57:10</t>
  </si>
  <si>
    <t>17a451e9-85c0-4e7d-a3ff-5be67f99f86e.tmp</t>
  </si>
  <si>
    <t>\\acsfs\profiles$\erichds\Downloads\17a451e9-85c0-4e7d-a3ff-5be67f99f86e.tmp</t>
  </si>
  <si>
    <t>01/13/2020 18:58:50</t>
  </si>
  <si>
    <t>01/13/2020 19:01:30</t>
  </si>
  <si>
    <t>01/13/2020 18:58:02</t>
  </si>
  <si>
    <t>01/13/2020 19:03:29</t>
  </si>
  <si>
    <t>01/13/2020 18:58:24</t>
  </si>
  <si>
    <t>01/13/2020 18:58:33</t>
  </si>
  <si>
    <t>01/13/2020 18:58:44</t>
  </si>
  <si>
    <t>01/13/2020 18:59:25</t>
  </si>
  <si>
    <t>01/13/2020 18:59:45</t>
  </si>
  <si>
    <t>01/13/2020 18:59:56</t>
  </si>
  <si>
    <t>01/13/2020 19:00:05</t>
  </si>
  <si>
    <t>01/13/2020 19:00:07</t>
  </si>
  <si>
    <t>01/13/2020 19:00:19</t>
  </si>
  <si>
    <t>01/13/2020 19:00:20</t>
  </si>
  <si>
    <t>01/13/2020 19:03:30</t>
  </si>
  <si>
    <t>d8c8850b-2825-449d-88aa-96c394277862.tmp</t>
  </si>
  <si>
    <t>\\acsfs\profiles$\regisedsj\Downloads\d8c8850b-2825-449d-88aa-96c394277862.tmp</t>
  </si>
  <si>
    <t>01/13/2020 19:01:24</t>
  </si>
  <si>
    <t>01/13/2020 19:01:59</t>
  </si>
  <si>
    <t>01/13/2020 19:05:31</t>
  </si>
  <si>
    <t>01/13/2020 19:05:02</t>
  </si>
  <si>
    <t>https://joaogvc@algartech.com,leonardoao@algartech.com,marianadjc@algartech.com,paulacn@algartech.com,rafaelggs@algartech.com,ricardodfm@algartech.com.br,robsonams@algartech.com,taysdss@algartech.com,viniciussg@algartech.com</t>
  </si>
  <si>
    <t>01/13/2020 19:06:37</t>
  </si>
  <si>
    <t>01/13/2020 19:07:31</t>
  </si>
  <si>
    <t>01/13/2020 19:06:44</t>
  </si>
  <si>
    <t>01/13/2020 19:06:07</t>
  </si>
  <si>
    <t>01/13/2020 19:05:27</t>
  </si>
  <si>
    <t>01/13/2020 19:09:30</t>
  </si>
  <si>
    <t>01/13/2020 19:06:19</t>
  </si>
  <si>
    <t>01/13/2020 19:10:30</t>
  </si>
  <si>
    <t>087ac686-adbd-4032-ac29-f85dcaf3efd8.tmp</t>
  </si>
  <si>
    <t>\\acsfs\profiles$\henriqueco\Downloads\087ac686-adbd-4032-ac29-f85dcaf3efd8.tmp</t>
  </si>
  <si>
    <t>01/13/2020 19:06:26</t>
  </si>
  <si>
    <t>01/13/2020 19:07:04</t>
  </si>
  <si>
    <t>01/13/2020 19:12:30</t>
  </si>
  <si>
    <t>01/13/2020 19:14:23</t>
  </si>
  <si>
    <t>01/13/2020 19:19:30</t>
  </si>
  <si>
    <t>d37bf947-3f50-4248-b2e1-ca629a52fa1e.tmp</t>
  </si>
  <si>
    <t>\\acsfs\profiles$\gabrielamdp\Downloads\d37bf947-3f50-4248-b2e1-ca629a52fa1e.tmp</t>
  </si>
  <si>
    <t>01/13/2020 19:14:25</t>
  </si>
  <si>
    <t>a618194a-4a5b-42c5-a4d3-8dbf2724778a.tmp</t>
  </si>
  <si>
    <t>\\acsfs\profiles$\gabrielamdp\Downloads\a618194a-4a5b-42c5-a4d3-8dbf2724778a.tmp</t>
  </si>
  <si>
    <t>01/13/2020 19:14:26</t>
  </si>
  <si>
    <t>eecfb02e-87ab-4296-9917-3e7bebee621d.tmp</t>
  </si>
  <si>
    <t>\\acsfs\profiles$\gabrielamdp\Downloads\eecfb02e-87ab-4296-9917-3e7bebee621d.tmp</t>
  </si>
  <si>
    <t>01/13/2020 19:18:12</t>
  </si>
  <si>
    <t>01/13/2020 19:22:30</t>
  </si>
  <si>
    <t>01/13/2020 19:21:29</t>
  </si>
  <si>
    <t>01/13/2020 19:23:30</t>
  </si>
  <si>
    <t>01/13/2020 19:25:55</t>
  </si>
  <si>
    <t>01/13/2020 19:28:29</t>
  </si>
  <si>
    <t>01/13/2020 19:28:23</t>
  </si>
  <si>
    <t>01/13/2020 19:29:30</t>
  </si>
  <si>
    <t>01/13/2020 19:29:10</t>
  </si>
  <si>
    <t>01/13/2020 19:28:18</t>
  </si>
  <si>
    <t>01/13/2020 19:30:31</t>
  </si>
  <si>
    <t>01/13/2020 19:26:21</t>
  </si>
  <si>
    <t>ae63026a-64be-499a-a8f3-0dfdd4a1e2ad.tmp</t>
  </si>
  <si>
    <t>\\acsfs\profiles$\layonmof\Downloads\ae63026a-64be-499a-a8f3-0dfdd4a1e2ad.tmp</t>
  </si>
  <si>
    <t>01/13/2020 19:29:01</t>
  </si>
  <si>
    <t>01/13/2020 19:33:30</t>
  </si>
  <si>
    <t>01/13/2020 19:32:26</t>
  </si>
  <si>
    <t>01/13/2020 19:34:31</t>
  </si>
  <si>
    <t>cd6a674e-2483-4437-b6c3-7c1238782c87.tmp</t>
  </si>
  <si>
    <t>\\acsfs\profiles$\LUISPLS\Downloads\cd6a674e-2483-4437-b6c3-7c1238782c87.tmp</t>
  </si>
  <si>
    <t>01/13/2020 19:33:36</t>
  </si>
  <si>
    <t>01/13/2020 19:31:14</t>
  </si>
  <si>
    <t>625a161d-f1a7-4820-ac0e-6d3378a1929a.tmp</t>
  </si>
  <si>
    <t>\\acsfs\profiles$\regisadsa\Downloads\625a161d-f1a7-4820-ac0e-6d3378a1929a.tmp</t>
  </si>
  <si>
    <t>01/13/2020 19:30:29</t>
  </si>
  <si>
    <t>01/13/2020 19:35:31</t>
  </si>
  <si>
    <t>32a299c3-6c75-4027-ab8b-6710262d7a64.tmp</t>
  </si>
  <si>
    <t>\\acsfs\profiles$\anafaes\Downloads\32a299c3-6c75-4027-ab8b-6710262d7a64.tmp</t>
  </si>
  <si>
    <t>01/13/2020 19:31:32</t>
  </si>
  <si>
    <t>01/13/2020 19:36:30</t>
  </si>
  <si>
    <t>8be2ea1f-a3d7-4f92-8d78-08525340d9ee.tmp</t>
  </si>
  <si>
    <t>\\acsfs\profiles$\philipegsf\Downloads\8be2ea1f-a3d7-4f92-8d78-08525340d9ee.tmp</t>
  </si>
  <si>
    <t>01/13/2020 19:34:02</t>
  </si>
  <si>
    <t>01/13/2020 19:39:31</t>
  </si>
  <si>
    <t>01/13/2020 19:34:56</t>
  </si>
  <si>
    <t>01/13/2020 19:40:30</t>
  </si>
  <si>
    <t>01/13/2020 19:40:18</t>
  </si>
  <si>
    <t>01/13/2020 19:42:31</t>
  </si>
  <si>
    <t>01/13/2020 19:41:36</t>
  </si>
  <si>
    <t>01/13/2020 19:43:30</t>
  </si>
  <si>
    <t>01/13/2020 19:42:56</t>
  </si>
  <si>
    <t>01/13/2020 19:43:45</t>
  </si>
  <si>
    <t>01/13/2020 19:47:30</t>
  </si>
  <si>
    <t>01/13/2020 19:45:34</t>
  </si>
  <si>
    <t>01/13/2020 19:44:13</t>
  </si>
  <si>
    <t>01/13/2020 19:48:30</t>
  </si>
  <si>
    <t>01/13/2020 19:46:50</t>
  </si>
  <si>
    <t>01/13/2020 19:49:31</t>
  </si>
  <si>
    <t>ddcffd9c-4a79-4c3a-ac16-0e35c3fe79b1.tmp</t>
  </si>
  <si>
    <t>\\acsfs\profiles$\layonmof\Downloads\ddcffd9c-4a79-4c3a-ac16-0e35c3fe79b1.tmp</t>
  </si>
  <si>
    <t>01/13/2020 19:47:25</t>
  </si>
  <si>
    <t>8a17d827-339b-43d0-8ee7-508e530073e7.tmp</t>
  </si>
  <si>
    <t>\\acsfs\profiles$\layonmof\Downloads\8a17d827-339b-43d0-8ee7-508e530073e7.tmp</t>
  </si>
  <si>
    <t>01/13/2020 19:45:48</t>
  </si>
  <si>
    <t>01/13/2020 19:50:34</t>
  </si>
  <si>
    <t>01/13/2020 19:51:30</t>
  </si>
  <si>
    <t>01/13/2020 19:50:53</t>
  </si>
  <si>
    <t>01/13/2020 19:52:31</t>
  </si>
  <si>
    <t>01/13/2020 19:54:14</t>
  </si>
  <si>
    <t>01/13/2020 19:55:30</t>
  </si>
  <si>
    <t>01/13/2020 19:55:10</t>
  </si>
  <si>
    <t>01/13/2020 19:53:06</t>
  </si>
  <si>
    <t>01/13/2020 19:56:31</t>
  </si>
  <si>
    <t>8cf74728-e529-4b0a-a99b-89afeae4d318.tmp</t>
  </si>
  <si>
    <t>\\acsfs\profiles$\taylaedoa\Downloads\8cf74728-e529-4b0a-a99b-89afeae4d318.tmp</t>
  </si>
  <si>
    <t>01/13/2020 19:55:26</t>
  </si>
  <si>
    <t>01/13/2020 19:54:50</t>
  </si>
  <si>
    <t>01/13/2020 19:58:31</t>
  </si>
  <si>
    <t>01/13/2020 19:53:57</t>
  </si>
  <si>
    <t>01/13/2020 19:55:28</t>
  </si>
  <si>
    <t>01/13/2020 19:58:05</t>
  </si>
  <si>
    <t>01/13/2020 20:00:30</t>
  </si>
  <si>
    <t>01/13/2020 19:58:55</t>
  </si>
  <si>
    <t>01/13/2020 20:03:31</t>
  </si>
  <si>
    <t>01/13/2020 20:00:01</t>
  </si>
  <si>
    <t>01/13/2020 20:05:30</t>
  </si>
  <si>
    <t>01/13/2020 20:01:50</t>
  </si>
  <si>
    <t>b84b31f1-9cfb-4a78-9dc0-4915f0b5395a.tmp</t>
  </si>
  <si>
    <t>\\acsfs\profiles$\cintiadjl\Downloads\b84b31f1-9cfb-4a78-9dc0-4915f0b5395a.tmp</t>
  </si>
  <si>
    <t>01/13/2020 20:04:26</t>
  </si>
  <si>
    <t>01/13/2020 20:06:30</t>
  </si>
  <si>
    <t>01/13/2020 20:01:49</t>
  </si>
  <si>
    <t>01/13/2020 20:07:28</t>
  </si>
  <si>
    <t>01/13/2020 20:09:30</t>
  </si>
  <si>
    <t>01/13/2020 20:09:28</t>
  </si>
  <si>
    <t>01/13/2020 20:10:31</t>
  </si>
  <si>
    <t>01/13/2020 20:07:55</t>
  </si>
  <si>
    <t>01/13/2020 20:11:30</t>
  </si>
  <si>
    <t>3e441df3-c302-494b-b890-463282492bd1.tmp</t>
  </si>
  <si>
    <t>\\acsfs\profiles$\taylaedoa\Downloads\3e441df3-c302-494b-b890-463282492bd1.tmp</t>
  </si>
  <si>
    <t>01/13/2020 20:07:20</t>
  </si>
  <si>
    <t>01/13/2020 20:09:39</t>
  </si>
  <si>
    <t>795bb6e2-a35d-45dd-82e9-bbdb8cafba78.tmp</t>
  </si>
  <si>
    <t>\\acsfs\profiles$\myllenardl\Downloads\795bb6e2-a35d-45dd-82e9-bbdb8cafba78.tmp</t>
  </si>
  <si>
    <t>01/13/2020 20:10:44</t>
  </si>
  <si>
    <t>01/13/2020 20:12:31</t>
  </si>
  <si>
    <t>01/13/2020 20:13:04</t>
  </si>
  <si>
    <t>01/13/2020 20:13:30</t>
  </si>
  <si>
    <t>5635ff7b-dac4-43ed-afc1-c1172caed7dc.tmp</t>
  </si>
  <si>
    <t>\\acsfs\profiles$\alinepp\Downloads\5635ff7b-dac4-43ed-afc1-c1172caed7dc.tmp</t>
  </si>
  <si>
    <t>01/13/2020 20:11:49</t>
  </si>
  <si>
    <t>01/13/2020 20:14:31</t>
  </si>
  <si>
    <t>01/13/2020 20:12:28</t>
  </si>
  <si>
    <t>01/13/2020 20:11:20</t>
  </si>
  <si>
    <t>c92fbb55-a073-4e04-b1af-fa4041254f60.tmp</t>
  </si>
  <si>
    <t>\\acsfs\profiles$\brendadsl\Downloads\c92fbb55-a073-4e04-b1af-fa4041254f60.tmp</t>
  </si>
  <si>
    <t>01/13/2020 20:11:41</t>
  </si>
  <si>
    <t>6f6f4103-9b5d-40c9-9b6c-ed759d052591.tmp</t>
  </si>
  <si>
    <t>\\acsfs\profiles$\brendadsl\Downloads\6f6f4103-9b5d-40c9-9b6c-ed759d052591.tmp</t>
  </si>
  <si>
    <t>01/13/2020 20:12:00</t>
  </si>
  <si>
    <t>1c38f688-cc1e-4c0a-9394-b7c0572533f7.tmp</t>
  </si>
  <si>
    <t>\\acsfs\profiles$\brendadsl\Downloads\1c38f688-cc1e-4c0a-9394-b7c0572533f7.tmp</t>
  </si>
  <si>
    <t>01/13/2020 20:14:57</t>
  </si>
  <si>
    <t>01/13/2020 20:15:30</t>
  </si>
  <si>
    <t>01/13/2020 20:14:13</t>
  </si>
  <si>
    <t>01/13/2020 20:16:30</t>
  </si>
  <si>
    <t>https://pdf</t>
  </si>
  <si>
    <t>01/13/2020 20:13:35</t>
  </si>
  <si>
    <t>01/13/2020 20:17:31</t>
  </si>
  <si>
    <t>850aad7b-7d7d-4cf1-8d79-17df609f6690.tmp</t>
  </si>
  <si>
    <t>\\acsfs\profiles$\gabrielamdp\Downloads\850aad7b-7d7d-4cf1-8d79-17df609f6690.tmp</t>
  </si>
  <si>
    <t>01/13/2020 20:13:36</t>
  </si>
  <si>
    <t>84f19c81-3bfd-4078-b871-d965f6193827.tmp</t>
  </si>
  <si>
    <t>\\acsfs\profiles$\gabrielamdp\Downloads\84f19c81-3bfd-4078-b871-d965f6193827.tmp</t>
  </si>
  <si>
    <t>01/13/2020 20:15:42</t>
  </si>
  <si>
    <t>01/13/2020 20:13:37</t>
  </si>
  <si>
    <t>e8b5c8e8-590c-4008-92ee-f75562bb8ce3.tmp</t>
  </si>
  <si>
    <t>\\acsfs\profiles$\gabrielamdp\Downloads\e8b5c8e8-590c-4008-92ee-f75562bb8ce3.tmp</t>
  </si>
  <si>
    <t>01/13/2020 20:15:25</t>
  </si>
  <si>
    <t>01/13/2020 20:18:30</t>
  </si>
  <si>
    <t>10.200.66.50</t>
  </si>
  <si>
    <t>01/13/2020 20:14:19</t>
  </si>
  <si>
    <t>01/13/2020 20:19:31</t>
  </si>
  <si>
    <t>01/13/2020 20:18:44</t>
  </si>
  <si>
    <t>01/13/2020 20:20:30</t>
  </si>
  <si>
    <t>01/13/2020 20:16:15</t>
  </si>
  <si>
    <t>01/13/2020 20:21:31</t>
  </si>
  <si>
    <t>01/13/2020 20:17:46</t>
  </si>
  <si>
    <t>0bfdccba-6afe-48c5-8589-272ef16ed314.tmp</t>
  </si>
  <si>
    <t>\\acsfs\profiles$\fabianafv\Downloads\0bfdccba-6afe-48c5-8589-272ef16ed314.tmp</t>
  </si>
  <si>
    <t>01/13/2020 20:18:12</t>
  </si>
  <si>
    <t>9e6f3a3c-9820-4aa9-8ff2-d8b7f60e7924.tmp</t>
  </si>
  <si>
    <t>\\acsfs\profiles$\fabianafv\Downloads\9e6f3a3c-9820-4aa9-8ff2-d8b7f60e7924.tmp</t>
  </si>
  <si>
    <t>01/13/2020 20:19:41</t>
  </si>
  <si>
    <t>01/13/2020 20:20:42</t>
  </si>
  <si>
    <t>01/13/2020 20:16:53</t>
  </si>
  <si>
    <t>01/13/2020 20:22:31</t>
  </si>
  <si>
    <t>adee415d-9afc-45e1-b7fc-837ab2ebcd57.tmp</t>
  </si>
  <si>
    <t>\\acsfs\profiles$\gabrielamdp\Downloads\adee415d-9afc-45e1-b7fc-837ab2ebcd57.tmp</t>
  </si>
  <si>
    <t>01/13/2020 20:17:50</t>
  </si>
  <si>
    <t>e6a7810a-b15e-42cb-bdc2-5e8995ceb0b9.tmp</t>
  </si>
  <si>
    <t>\\acsfs\profiles$\gabrielamdp\Downloads\e6a7810a-b15e-42cb-bdc2-5e8995ceb0b9.tmp</t>
  </si>
  <si>
    <t>01/13/2020 20:18:37</t>
  </si>
  <si>
    <t>a5f4e6ab-3d63-4ecf-89f9-def2dc853f82.tmp</t>
  </si>
  <si>
    <t>\\acsfs\profiles$\gabrielamdp\Downloads\a5f4e6ab-3d63-4ecf-89f9-def2dc853f82.tmp</t>
  </si>
  <si>
    <t>a194c53b-1d27-42b4-b7f1-d05be5afd82a.tmp</t>
  </si>
  <si>
    <t>\\acsfs\profiles$\gabrielamdp\Downloads\a194c53b-1d27-42b4-b7f1-d05be5afd82a.tmp</t>
  </si>
  <si>
    <t>01/13/2020 20:18:51</t>
  </si>
  <si>
    <t>074c6af2-7267-41f5-a6b9-2490c98902b2.tmp</t>
  </si>
  <si>
    <t>\\acsfs\profiles$\gabrielamdp\Downloads\074c6af2-7267-41f5-a6b9-2490c98902b2.tmp</t>
  </si>
  <si>
    <t>01/13/2020 20:20:00</t>
  </si>
  <si>
    <t>3ffa44fe-c292-4a6b-98b9-bb56270bd0d4.tmp</t>
  </si>
  <si>
    <t>\\acsfs\profiles$\gabrielamdp\Downloads\3ffa44fe-c292-4a6b-98b9-bb56270bd0d4.tmp</t>
  </si>
  <si>
    <t>01/13/2020 20:23:31</t>
  </si>
  <si>
    <t>01/13/2020 20:22:25</t>
  </si>
  <si>
    <t>01/13/2020 20:24:31</t>
  </si>
  <si>
    <t>01/13/2020 20:22:47</t>
  </si>
  <si>
    <t>01/13/2020 20:22:52</t>
  </si>
  <si>
    <t>01/13/2020 20:22:58</t>
  </si>
  <si>
    <t>Modelo Funil - Consolidado Reneg Oficial.xlsx</t>
  </si>
  <si>
    <t>01/13/2020 20:23:04</t>
  </si>
  <si>
    <t>01/13/2020 20:23:05</t>
  </si>
  <si>
    <t>01/13/2020 20:23:06</t>
  </si>
  <si>
    <t>01/13/2020 20:23:09</t>
  </si>
  <si>
    <t>01/13/2020 20:25:30</t>
  </si>
  <si>
    <t>01/13/2020 20:20:49</t>
  </si>
  <si>
    <t>de45413d-edac-4ad7-bea8-9f6e0f6e9f36.tmp</t>
  </si>
  <si>
    <t>\\acsfs\profiles$\victorgl\Downloads\de45413d-edac-4ad7-bea8-9f6e0f6e9f36.tmp</t>
  </si>
  <si>
    <t>01/13/2020 20:26:31</t>
  </si>
  <si>
    <t>07e2ceec-2b7c-4f71-8e27-23acab5d778b.tmp</t>
  </si>
  <si>
    <t>\\acsfs\profiles$\taylaedoa\Downloads\07e2ceec-2b7c-4f71-8e27-23acab5d778b.tmp</t>
  </si>
  <si>
    <t>01/13/2020 20:23:10</t>
  </si>
  <si>
    <t>01/13/2020 20:21:42</t>
  </si>
  <si>
    <t>01/13/2020 20:25:37</t>
  </si>
  <si>
    <t>01/13/2020 20:26:28</t>
  </si>
  <si>
    <t>01/13/2020 20:27:30</t>
  </si>
  <si>
    <t>01/13/2020 20:28:31</t>
  </si>
  <si>
    <t>01/13/2020 20:26:48</t>
  </si>
  <si>
    <t>01/13/2020 20:28:02</t>
  </si>
  <si>
    <t>01/13/2020 20:23:27</t>
  </si>
  <si>
    <t>e86876aa-93fa-471d-b3fb-9c5bf1414171.tmp</t>
  </si>
  <si>
    <t>\\acsfs\profiles$\gabrielamdp\Downloads\e86876aa-93fa-471d-b3fb-9c5bf1414171.tmp</t>
  </si>
  <si>
    <t>01/13/2020 20:25:07</t>
  </si>
  <si>
    <t>424a8021-6cf4-4439-8d68-7e05f015a56f.tmp</t>
  </si>
  <si>
    <t>\\acsfs\profiles$\gabrielamdp\Downloads\424a8021-6cf4-4439-8d68-7e05f015a56f.tmp</t>
  </si>
  <si>
    <t>01/13/2020 20:24:20</t>
  </si>
  <si>
    <t>e1ec72f4-8bb7-4b65-8b49-535b12d42e7c.tmp</t>
  </si>
  <si>
    <t>\\acsfs\profiles$\alinepp\Downloads\e1ec72f4-8bb7-4b65-8b49-535b12d42e7c.tmp</t>
  </si>
  <si>
    <t>01/13/2020 20:28:53</t>
  </si>
  <si>
    <t>01/13/2020 20:30:30</t>
  </si>
  <si>
    <t>01/13/2020 20:28:35</t>
  </si>
  <si>
    <t>01/13/2020 20:26:56</t>
  </si>
  <si>
    <t>01/13/2020 20:31:31</t>
  </si>
  <si>
    <t>01/13/2020 20:30:32</t>
  </si>
  <si>
    <t>01/13/2020 20:31:17</t>
  </si>
  <si>
    <t>01/13/2020 20:32:30</t>
  </si>
  <si>
    <t>\\acsfs\profiles$\rafaelacdoc\</t>
  </si>
  <si>
    <t>\\acsfs\profiles$\rafaelacdoc\.~lock.VENDAS.ods#</t>
  </si>
  <si>
    <t>lu17060vsanq.tmp</t>
  </si>
  <si>
    <t>\\acsfs\profiles$\rafaelacdoc\lu17060vsanq.tmp</t>
  </si>
  <si>
    <t>\\acsfs\profiles$\rafaelacdoc\lu17060vsanq.tmp\</t>
  </si>
  <si>
    <t>\\acsfs\profiles$\rafaelacdoc\lu17060vsanq.tmp\META-INF\</t>
  </si>
  <si>
    <t>\\acsfs\profiles$\rafaelacdoc\lu17060vsanq.tmp\Thumbnails\</t>
  </si>
  <si>
    <t>01/13/2020 20:29:35</t>
  </si>
  <si>
    <t>01/13/2020 20:33:31</t>
  </si>
  <si>
    <t>01/13/2020 20:29:46</t>
  </si>
  <si>
    <t>01/13/2020 20:28:55</t>
  </si>
  <si>
    <t>ligar amanhã.txt</t>
  </si>
  <si>
    <t>\\acsfs\profiles$\thaynaracsl\My Documents\ligar amanhã.txt</t>
  </si>
  <si>
    <t>01/13/2020 20:28:10</t>
  </si>
  <si>
    <t>01/13/2020 20:31:40</t>
  </si>
  <si>
    <t>c9022555-3133-4fda-89b0-da989e95dba5.tmp</t>
  </si>
  <si>
    <t>\\acsfs\profiles$\gabrielamdp\Downloads\c9022555-3133-4fda-89b0-da989e95dba5.tmp</t>
  </si>
  <si>
    <t>258f14fa-44b0-483a-9b85-f0be6f810578.tmp</t>
  </si>
  <si>
    <t>\\acsfs\profiles$\gabrielamdp\Downloads\258f14fa-44b0-483a-9b85-f0be6f810578.tmp</t>
  </si>
  <si>
    <t>01/13/2020 20:31:41</t>
  </si>
  <si>
    <t>9191ca68-4d67-46ae-91e7-2ed23743db2e.tmp</t>
  </si>
  <si>
    <t>\\acsfs\profiles$\gabrielamdp\Downloads\9191ca68-4d67-46ae-91e7-2ed23743db2e.tmp</t>
  </si>
  <si>
    <t>01/13/2020 20:32:24</t>
  </si>
  <si>
    <t>39e40ff0-242b-4b38-9f34-8eb80a5e18df.tmp</t>
  </si>
  <si>
    <t>\\acsfs\profiles$\gabrielamdp\Downloads\39e40ff0-242b-4b38-9f34-8eb80a5e18df.tmp</t>
  </si>
  <si>
    <t>01/13/2020 20:32:31</t>
  </si>
  <si>
    <t>f3c3ebc5-c69a-4c3d-a0e4-f85004f81c5b.tmp</t>
  </si>
  <si>
    <t>\\acsfs\profiles$\gabrielamdp\Downloads\f3c3ebc5-c69a-4c3d-a0e4-f85004f81c5b.tmp</t>
  </si>
  <si>
    <t>01/13/2020 20:35:24</t>
  </si>
  <si>
    <t>01/13/2020 20:36:31</t>
  </si>
  <si>
    <t>01/13/2020 20:34:09</t>
  </si>
  <si>
    <t>01/13/2020 20:38:32</t>
  </si>
  <si>
    <t>ecd4365d-485f-4add-831f-89b695aa4760.tmp</t>
  </si>
  <si>
    <t>\\acsfs\profiles$\gabrielamdp\Downloads\ecd4365d-485f-4add-831f-89b695aa4760.tmp</t>
  </si>
  <si>
    <t>01/13/2020 20:34:30</t>
  </si>
  <si>
    <t>2c24413d-6045-4dac-9ffb-4755013b102a.tmp</t>
  </si>
  <si>
    <t>\\acsfs\profiles$\gabrielamdp\Downloads\2c24413d-6045-4dac-9ffb-4755013b102a.tmp</t>
  </si>
  <si>
    <t>01/13/2020 20:36:16</t>
  </si>
  <si>
    <t>01/13/2020 20:39:32</t>
  </si>
  <si>
    <t>23d15aaa-d59a-4b97-9f9a-24c109bde476.tmp</t>
  </si>
  <si>
    <t>\\acsfs\profiles$\layonmof\Downloads\23d15aaa-d59a-4b97-9f9a-24c109bde476.tmp</t>
  </si>
  <si>
    <t>01/13/2020 20:38:27</t>
  </si>
  <si>
    <t>3a0256d3-3b84-4316-913e-ac1864f68d1c.tmp</t>
  </si>
  <si>
    <t>\\acsfs\profiles$\layonmof\Downloads\3a0256d3-3b84-4316-913e-ac1864f68d1c.tmp</t>
  </si>
  <si>
    <t>01/13/2020 20:40:31</t>
  </si>
  <si>
    <t>01/13/2020 20:37:42</t>
  </si>
  <si>
    <t>01/13/2020 20:42:32</t>
  </si>
  <si>
    <t>01/13/2020 20:41:19</t>
  </si>
  <si>
    <t>01/13/2020 20:43:32</t>
  </si>
  <si>
    <t>01/13/2020 20:41:09</t>
  </si>
  <si>
    <t>01/13/2020 20:45:29</t>
  </si>
  <si>
    <t>01/13/2020 20:46:31</t>
  </si>
  <si>
    <t>543c74ec-7ae6-4c84-be17-d5e26c709a63.tmp</t>
  </si>
  <si>
    <t>\\acsfs\profiles$\ingridsm\Downloads\543c74ec-7ae6-4c84-be17-d5e26c709a63.tmp</t>
  </si>
  <si>
    <t>01/13/2020 20:42:45</t>
  </si>
  <si>
    <t>01/13/2020 20:47:32</t>
  </si>
  <si>
    <t>3bd87b9d-3b57-4989-929a-5eef3d31c231.tmp</t>
  </si>
  <si>
    <t>\\acsfs\profiles$\rafaelacdoc\Downloads\3bd87b9d-3b57-4989-929a-5eef3d31c231.tmp</t>
  </si>
  <si>
    <t>01/13/2020 20:46:27</t>
  </si>
  <si>
    <t>d2df61ed-f9f0-4642-8ff0-0e099ee61411.tmp</t>
  </si>
  <si>
    <t>\\acsfs\profiles$\rafaelacdoc\Downloads\d2df61ed-f9f0-4642-8ff0-0e099ee61411.tmp</t>
  </si>
  <si>
    <t>01/13/2020 20:46:42</t>
  </si>
  <si>
    <t>ac4f4b2f-0739-4e59-b3d5-b70baa138911.tmp</t>
  </si>
  <si>
    <t>\\acsfs\profiles$\rafaelacdoc\Downloads\ac4f4b2f-0739-4e59-b3d5-b70baa138911.tmp</t>
  </si>
  <si>
    <t>01/13/2020 20:45:24</t>
  </si>
  <si>
    <t>01/13/2020 20:50:32</t>
  </si>
  <si>
    <t>62ce2ca8-4f28-4b8d-a3c6-5b2a88349084.tmp</t>
  </si>
  <si>
    <t>\\acsfs\profiles$\gabrielamdp\Downloads\62ce2ca8-4f28-4b8d-a3c6-5b2a88349084.tmp</t>
  </si>
  <si>
    <t>01/13/2020 20:45:51</t>
  </si>
  <si>
    <t>2e0d2ce1-d7a3-452a-bd50-001cca8c2075.tmp</t>
  </si>
  <si>
    <t>\\acsfs\profiles$\gabrielamdp\Downloads\2e0d2ce1-d7a3-452a-bd50-001cca8c2075.tmp</t>
  </si>
  <si>
    <t>01/13/2020 20:46:13</t>
  </si>
  <si>
    <t>a29b78b5-001c-4a48-8d09-313d7d91060f.tmp</t>
  </si>
  <si>
    <t>\\acsfs\profiles$\gabrielamdp\Downloads\a29b78b5-001c-4a48-8d09-313d7d91060f.tmp</t>
  </si>
  <si>
    <t>01/13/2020 20:46:06</t>
  </si>
  <si>
    <t>01/13/2020 20:49:28</t>
  </si>
  <si>
    <t>01/13/2020 20:52:32</t>
  </si>
  <si>
    <t>01/13/2020 20:52:11</t>
  </si>
  <si>
    <t>01/13/2020 20:53:32</t>
  </si>
  <si>
    <t>01/13/2020 20:51:26</t>
  </si>
  <si>
    <t>01/13/2020 20:55:32</t>
  </si>
  <si>
    <t>99f53953-457e-439a-8fe6-425624fd5251.tmp</t>
  </si>
  <si>
    <t>\\acsfs\profiles$\gabrielamdp\Downloads\99f53953-457e-439a-8fe6-425624fd5251.tmp</t>
  </si>
  <si>
    <t>01/13/2020 20:52:03</t>
  </si>
  <si>
    <t>491d2382-426d-4b53-b8d3-8c527583897a.tmp</t>
  </si>
  <si>
    <t>\\acsfs\profiles$\gabrielamdp\Downloads\491d2382-426d-4b53-b8d3-8c527583897a.tmp</t>
  </si>
  <si>
    <t>01/13/2020 20:52:04</t>
  </si>
  <si>
    <t>e9799238-397a-46bc-9a77-111159628504.tmp</t>
  </si>
  <si>
    <t>\\acsfs\profiles$\gabrielamdp\Downloads\e9799238-397a-46bc-9a77-111159628504.tmp</t>
  </si>
  <si>
    <t>01/13/2020 20:54:22</t>
  </si>
  <si>
    <t>01/13/2020 20:56:32</t>
  </si>
  <si>
    <t>01/13/2020 20:58:41</t>
  </si>
  <si>
    <t>01/13/2020 21:00:32</t>
  </si>
  <si>
    <t>01/13/2020 20:56:02</t>
  </si>
  <si>
    <t>721a8b70-0454-4c5a-8a71-4489a19cbd43.tmp</t>
  </si>
  <si>
    <t>\\acsfs\profiles$\laurandos\Downloads\721a8b70-0454-4c5a-8a71-4489a19cbd43.tmp</t>
  </si>
  <si>
    <t>01/13/2020 20:57:19</t>
  </si>
  <si>
    <t>01/13/2020 21:01:31</t>
  </si>
  <si>
    <t>01/13/2020 21:00:06</t>
  </si>
  <si>
    <t>01/13/2020 21:02:32</t>
  </si>
  <si>
    <t>XLOG_marcosvnds_13012020_163728.log</t>
  </si>
  <si>
    <t>\\acsfs\profiles$\marcosvnds\My Documents\xworkcenter\logs\XLOG_marcosvnds_13012020_163728.log</t>
  </si>
  <si>
    <t>01/13/2020 21:00:34</t>
  </si>
  <si>
    <t>01/13/2020 21:05:31</t>
  </si>
  <si>
    <t>59662398-49b9-4318-8db6-74a797b2b1f4.tmp</t>
  </si>
  <si>
    <t>\\acsfs\profiles$\laurandos\Downloads\59662398-49b9-4318-8db6-74a797b2b1f4.tmp</t>
  </si>
  <si>
    <t>01/13/2020 21:02:27</t>
  </si>
  <si>
    <t>c78db1a0-5538-4770-b2dd-7a1d43116809.tmp</t>
  </si>
  <si>
    <t>\\acsfs\profiles$\laurandos\Downloads\c78db1a0-5538-4770-b2dd-7a1d43116809.tmp</t>
  </si>
  <si>
    <t>01/13/2020 21:03:49</t>
  </si>
  <si>
    <t>0be33b52-6c54-4031-8765-2bb1c6b69237.tmp</t>
  </si>
  <si>
    <t>\\acsfs\profiles$\ingridsm\Downloads\0be33b52-6c54-4031-8765-2bb1c6b69237.tmp</t>
  </si>
  <si>
    <t>01/13/2020 21:04:11</t>
  </si>
  <si>
    <t>01/13/2020 21:07:29</t>
  </si>
  <si>
    <t>01/13/2020 21:07:31</t>
  </si>
  <si>
    <t>01/13/2020 21:04:13</t>
  </si>
  <si>
    <t>01/13/2020 21:08:31</t>
  </si>
  <si>
    <t>4b879d53-05ed-460e-9e14-0d7f1713000e.tmp</t>
  </si>
  <si>
    <t>\\acsfs\profiles$\alinepp\Downloads\4b879d53-05ed-460e-9e14-0d7f1713000e.tmp</t>
  </si>
  <si>
    <t>01/13/2020 21:09:10</t>
  </si>
  <si>
    <t>01/13/2020 21:10:31</t>
  </si>
  <si>
    <t>01/13/2020 21:07:53</t>
  </si>
  <si>
    <t>0dbba28b-a0fe-4822-a011-4fc85bfcb55c.tmp</t>
  </si>
  <si>
    <t>\\acsfs\profiles$\ingridsm\Downloads\0dbba28b-a0fe-4822-a011-4fc85bfcb55c.tmp</t>
  </si>
  <si>
    <t>01/13/2020 21:08:46</t>
  </si>
  <si>
    <t>10bffe71-ca6d-4c6e-861d-0850186216b0.tmp</t>
  </si>
  <si>
    <t>\\acsfs\profiles$\ingridsm\Downloads\10bffe71-ca6d-4c6e-861d-0850186216b0.tmp</t>
  </si>
  <si>
    <t>01/13/2020 21:09:55</t>
  </si>
  <si>
    <t>01/13/2020 21:11:36</t>
  </si>
  <si>
    <t>01/13/2020 21:13:31</t>
  </si>
  <si>
    <t>VENDAS VALORES.txt</t>
  </si>
  <si>
    <t>\\acsfs\profiles$\julianeas\My Documents\VENDAS VALORES.txt</t>
  </si>
  <si>
    <t>01/13/2020 21:12:58</t>
  </si>
  <si>
    <t>01/13/2020 21:14:32</t>
  </si>
  <si>
    <t>f6645e11-52a1-4073-89e2-9700b74a7585.tmp</t>
  </si>
  <si>
    <t>\\acsfs\profiles$\brendadsl\Downloads\f6645e11-52a1-4073-89e2-9700b74a7585.tmp</t>
  </si>
  <si>
    <t>01/13/2020 21:14:22</t>
  </si>
  <si>
    <t>01/13/2020 21:15:32</t>
  </si>
  <si>
    <t>4eb7bebf-3759-471a-a11f-7fcf792ba280.tmp</t>
  </si>
  <si>
    <t>\\acsfs\profiles$\ingridsm\Downloads\4eb7bebf-3759-471a-a11f-7fcf792ba280.tmp</t>
  </si>
  <si>
    <t>01/13/2020 21:15:04</t>
  </si>
  <si>
    <t>01/13/2020 21:16:31</t>
  </si>
  <si>
    <t>01/13/2020 21:15:44</t>
  </si>
  <si>
    <t>01/13/2020 21:18:31</t>
  </si>
  <si>
    <t>01/13/2020 21:15:21</t>
  </si>
  <si>
    <t>8e808db9-8df0-4b1e-b489-cea694afca47.tmp</t>
  </si>
  <si>
    <t>\\acsfs\profiles$\alinepp\Downloads\8e808db9-8df0-4b1e-b489-cea694afca47.tmp</t>
  </si>
  <si>
    <t>01/13/2020 21:13:47</t>
  </si>
  <si>
    <t>01/13/2020 21:19:31</t>
  </si>
  <si>
    <t>01/13/2020 21:19:21</t>
  </si>
  <si>
    <t>01/13/2020 21:20:31</t>
  </si>
  <si>
    <t>4dc5a55e-96c2-4c65-9d3e-d8dfe0f82932.tmp</t>
  </si>
  <si>
    <t>\\acsfs\profiles$\Adrieledgc\Downloads\4dc5a55e-96c2-4c65-9d3e-d8dfe0f82932.tmp</t>
  </si>
  <si>
    <t>01/13/2020 21:19:24</t>
  </si>
  <si>
    <t>01/13/2020 21:19:25</t>
  </si>
  <si>
    <t>01/13/2020 21:19:27</t>
  </si>
  <si>
    <t>01/13/2020 21:19:28</t>
  </si>
  <si>
    <t>01/13/2020 21:19:30</t>
  </si>
  <si>
    <t>01/13/2020 21:19:32</t>
  </si>
  <si>
    <t>01/13/2020 21:19:33</t>
  </si>
  <si>
    <t>01/13/2020 21:19:34</t>
  </si>
  <si>
    <t>01/13/2020 21:19:39</t>
  </si>
  <si>
    <t>01/13/2020 21:19:49</t>
  </si>
  <si>
    <t>01/13/2020 21:19:51</t>
  </si>
  <si>
    <t>01/13/2020 21:19:52</t>
  </si>
  <si>
    <t>01/13/2020 21:19:53</t>
  </si>
  <si>
    <t>01/13/2020 21:21:31</t>
  </si>
  <si>
    <t>01/13/2020 21:19:54</t>
  </si>
  <si>
    <t>01/13/2020 21:19:57</t>
  </si>
  <si>
    <t>01/13/2020 21:19:58</t>
  </si>
  <si>
    <t>01/13/2020 21:19:59</t>
  </si>
  <si>
    <t>01/13/2020 21:20:02</t>
  </si>
  <si>
    <t>01/13/2020 21:20:04</t>
  </si>
  <si>
    <t>01/13/2020 21:20:07</t>
  </si>
  <si>
    <t>01/13/2020 21:17:29</t>
  </si>
  <si>
    <t>01/13/2020 21:18:27</t>
  </si>
  <si>
    <t>01/13/2020 21:22:41</t>
  </si>
  <si>
    <t>01/13/2020 21:23:31</t>
  </si>
  <si>
    <t>f0023aef-fd3c-4eb9-b53e-e640e4a13f4b.tmp</t>
  </si>
  <si>
    <t>\\acsfs\profiles$\alinepp\Downloads\f0023aef-fd3c-4eb9-b53e-e640e4a13f4b.tmp</t>
  </si>
  <si>
    <t>01/13/2020 21:20:09</t>
  </si>
  <si>
    <t>01/13/2020 21:24:32</t>
  </si>
  <si>
    <t>01/13/2020 21:22:23</t>
  </si>
  <si>
    <t>01/13/2020 21:25:31</t>
  </si>
  <si>
    <t>01/13/2020 21:21:05</t>
  </si>
  <si>
    <t>01/13/2020 21:21:03</t>
  </si>
  <si>
    <t>https://www.google.com.br/domainreliability/upload</t>
  </si>
  <si>
    <t>01/13/2020 21:21:22</t>
  </si>
  <si>
    <t>f7202be8-4697-4c5f-96bb-d135eb233dc3.tmp</t>
  </si>
  <si>
    <t>\\acsfs\profiles$\victorgl\Downloads\f7202be8-4697-4c5f-96bb-d135eb233dc3.tmp</t>
  </si>
  <si>
    <t>01/13/2020 21:26:31</t>
  </si>
  <si>
    <t>01/13/2020 21:26:52</t>
  </si>
  <si>
    <t>01/13/2020 21:30:32</t>
  </si>
  <si>
    <t>01/13/2020 21:27:43</t>
  </si>
  <si>
    <t>b7994962-41d7-4861-946f-df8321923e59.tmp</t>
  </si>
  <si>
    <t>\\acsfs\profiles$\gabrielamdp\Downloads\b7994962-41d7-4861-946f-df8321923e59.tmp</t>
  </si>
  <si>
    <t>01/13/2020 21:28:57</t>
  </si>
  <si>
    <t>01/13/2020 21:28:03</t>
  </si>
  <si>
    <t>01/13/2020 21:28:07</t>
  </si>
  <si>
    <t>01/13/2020 21:28:08</t>
  </si>
  <si>
    <t>01/13/2020 21:28:14</t>
  </si>
  <si>
    <t>01/13/2020 21:28:27</t>
  </si>
  <si>
    <t>01/13/2020 21:28:28</t>
  </si>
  <si>
    <t>01/13/2020 21:28:29</t>
  </si>
  <si>
    <t>01/13/2020 21:28:31</t>
  </si>
  <si>
    <t>01/13/2020 21:28:37</t>
  </si>
  <si>
    <t>01/13/2020 21:28:38</t>
  </si>
  <si>
    <t>01/13/2020 21:28:40</t>
  </si>
  <si>
    <t>01/13/2020 21:28:41</t>
  </si>
  <si>
    <t>01/13/2020 21:30:25</t>
  </si>
  <si>
    <t>01/13/2020 21:33:31</t>
  </si>
  <si>
    <t>01/13/2020 21:29:07</t>
  </si>
  <si>
    <t>01/13/2020 21:34:32</t>
  </si>
  <si>
    <t>4c13c462-7da5-48da-a657-f7b08f0a3f5f.tmp</t>
  </si>
  <si>
    <t>\\acsfs\profiles$\layonmof\Downloads\4c13c462-7da5-48da-a657-f7b08f0a3f5f.tmp</t>
  </si>
  <si>
    <t>01/13/2020 21:30:06</t>
  </si>
  <si>
    <t>01/13/2020 21:35:31</t>
  </si>
  <si>
    <t>d4c0a79e-8a18-4920-9ebe-b4d55fe998cd.tmp</t>
  </si>
  <si>
    <t>\\acsfs\profiles$\joycemmdl\Downloads\d4c0a79e-8a18-4920-9ebe-b4d55fe998cd.tmp</t>
  </si>
  <si>
    <t>01/13/2020 21:32:39</t>
  </si>
  <si>
    <t>6796ffe2-0e47-46de-84c9-6724bd92fc69.tmp</t>
  </si>
  <si>
    <t>\\acsfs\profiles$\joycemmdl\Downloads\6796ffe2-0e47-46de-84c9-6724bd92fc69.tmp</t>
  </si>
  <si>
    <t>01/13/2020 21:32:45</t>
  </si>
  <si>
    <t>01/13/2020 21:31:14</t>
  </si>
  <si>
    <t>01/13/2020 21:36:31</t>
  </si>
  <si>
    <t>01/13/2020 21:31:15</t>
  </si>
  <si>
    <t>01/13/2020 21:31:16</t>
  </si>
  <si>
    <t>01/13/2020 21:31:17</t>
  </si>
  <si>
    <t>01/13/2020 21:31:19</t>
  </si>
  <si>
    <t>01/13/2020 21:31:43</t>
  </si>
  <si>
    <t>01/13/2020 21:31:24</t>
  </si>
  <si>
    <t>01/13/2020 21:31:46</t>
  </si>
  <si>
    <t>01/13/2020 21:31:48</t>
  </si>
  <si>
    <t>01/13/2020 21:32:21</t>
  </si>
  <si>
    <t>01/13/2020 21:35:19</t>
  </si>
  <si>
    <t>01/13/2020 21:35:21</t>
  </si>
  <si>
    <t>01/13/2020 21:35:22</t>
  </si>
  <si>
    <t>01/13/2020 21:35:23</t>
  </si>
  <si>
    <t>01/13/2020 21:35:28</t>
  </si>
  <si>
    <t>01/13/2020 21:36:26</t>
  </si>
  <si>
    <t>01/13/2020 21:38:31</t>
  </si>
  <si>
    <t>3852d03d-de90-4b68-9b80-7d5e30220e12.tmp</t>
  </si>
  <si>
    <t>\\acsfs\profiles$\alinepp\Downloads\3852d03d-de90-4b68-9b80-7d5e30220e12.tmp</t>
  </si>
  <si>
    <t>01/13/2020 21:35:53</t>
  </si>
  <si>
    <t>01/13/2020 21:40:32</t>
  </si>
  <si>
    <t>85fd1852-dba2-4356-a288-8f0b6a628e37.tmp</t>
  </si>
  <si>
    <t>\\acsfs\profiles$\ingridsm\Downloads\85fd1852-dba2-4356-a288-8f0b6a628e37.tmp</t>
  </si>
  <si>
    <t>01/13/2020 21:35:41</t>
  </si>
  <si>
    <t>01/13/2020 21:41:32</t>
  </si>
  <si>
    <t>01/13/2020 21:35:42</t>
  </si>
  <si>
    <t>01/13/2020 21:35:44</t>
  </si>
  <si>
    <t>01/13/2020 21:35:45</t>
  </si>
  <si>
    <t>01/13/2020 21:35:48</t>
  </si>
  <si>
    <t>01/13/2020 21:35:49</t>
  </si>
  <si>
    <t>01/13/2020 21:35:55</t>
  </si>
  <si>
    <t>01/13/2020 21:36:03</t>
  </si>
  <si>
    <t>01/13/2020 21:36:05</t>
  </si>
  <si>
    <t>01/13/2020 21:36:06</t>
  </si>
  <si>
    <t>01/13/2020 21:36:07</t>
  </si>
  <si>
    <t>01/13/2020 21:36:09</t>
  </si>
  <si>
    <t>01/13/2020 21:36:10</t>
  </si>
  <si>
    <t>01/13/2020 21:36:11</t>
  </si>
  <si>
    <t>01/13/2020 21:36:13</t>
  </si>
  <si>
    <t>01/13/2020 21:36:14</t>
  </si>
  <si>
    <t>01/13/2020 21:36:16</t>
  </si>
  <si>
    <t>01/13/2020 21:36:20</t>
  </si>
  <si>
    <t>01/13/2020 21:36:28</t>
  </si>
  <si>
    <t>01/13/2020 21:36:29</t>
  </si>
  <si>
    <t>01/13/2020 21:36:30</t>
  </si>
  <si>
    <t>01/13/2020 21:36:32</t>
  </si>
  <si>
    <t>01/13/2020 21:36:34</t>
  </si>
  <si>
    <t>01/13/2020 21:36:35</t>
  </si>
  <si>
    <t>01/13/2020 21:36:36</t>
  </si>
  <si>
    <t>01/13/2020 21:36:37</t>
  </si>
  <si>
    <t>01/13/2020 21:36:41</t>
  </si>
  <si>
    <t>01/13/2020 21:36:56</t>
  </si>
  <si>
    <t>01/13/2020 21:37:30</t>
  </si>
  <si>
    <t>01/13/2020 21:37:32</t>
  </si>
  <si>
    <t>01/13/2020 21:37:33</t>
  </si>
  <si>
    <t>01/13/2020 21:37:34</t>
  </si>
  <si>
    <t>01/13/2020 21:37:38</t>
  </si>
  <si>
    <t>01/13/2020 21:37:39</t>
  </si>
  <si>
    <t>01/13/2020 21:37:43</t>
  </si>
  <si>
    <t>01/13/2020 21:37:46</t>
  </si>
  <si>
    <t>01/13/2020 21:37:47</t>
  </si>
  <si>
    <t>01/13/2020 21:37:48</t>
  </si>
  <si>
    <t>01/13/2020 21:37:52</t>
  </si>
  <si>
    <t>01/13/2020 21:37:53</t>
  </si>
  <si>
    <t>01/13/2020 21:37:54</t>
  </si>
  <si>
    <t>01/13/2020 21:37:55</t>
  </si>
  <si>
    <t>01/13/2020 21:37:56</t>
  </si>
  <si>
    <t>01/13/2020 21:38:01</t>
  </si>
  <si>
    <t>01/13/2020 21:38:03</t>
  </si>
  <si>
    <t>01/13/2020 21:38:06</t>
  </si>
  <si>
    <t>01/13/2020 21:38:07</t>
  </si>
  <si>
    <t>01/13/2020 21:38:08</t>
  </si>
  <si>
    <t>01/13/2020 21:38:11</t>
  </si>
  <si>
    <t>01/13/2020 21:38:16</t>
  </si>
  <si>
    <t>01/13/2020 21:38:17</t>
  </si>
  <si>
    <t>01/13/2020 21:38:20</t>
  </si>
  <si>
    <t>01/13/2020 21:38:22</t>
  </si>
  <si>
    <t>01/13/2020 21:39:01</t>
  </si>
  <si>
    <t>01/13/2020 21:39:02</t>
  </si>
  <si>
    <t>01/13/2020 21:39:03</t>
  </si>
  <si>
    <t>01/13/2020 21:39:04</t>
  </si>
  <si>
    <t>01/13/2020 21:37:27</t>
  </si>
  <si>
    <t>01/13/2020 21:38:33</t>
  </si>
  <si>
    <t>01/13/2020 21:42:32</t>
  </si>
  <si>
    <t>01/13/2020 21:41:15</t>
  </si>
  <si>
    <t>01/13/2020 21:45:32</t>
  </si>
  <si>
    <t>01/13/2020 21:42:08</t>
  </si>
  <si>
    <t>01/13/2020 21:46:32</t>
  </si>
  <si>
    <t>01/13/2020 21:46:21</t>
  </si>
  <si>
    <t>01/13/2020 21:47:32</t>
  </si>
  <si>
    <t>01/13/2020 21:45:15</t>
  </si>
  <si>
    <t>01/13/2020 21:50:32</t>
  </si>
  <si>
    <t>01/13/2020 21:45:36</t>
  </si>
  <si>
    <t>f4db4954-f576-4661-9f62-ec1fe2611ea8.tmp</t>
  </si>
  <si>
    <t>\\acsfs\profiles$\ingridsm\Downloads\f4db4954-f576-4661-9f62-ec1fe2611ea8.tmp</t>
  </si>
  <si>
    <t>01/13/2020 21:46:59</t>
  </si>
  <si>
    <t>01/13/2020 21:51:31</t>
  </si>
  <si>
    <t>01/13/2020 21:46:35</t>
  </si>
  <si>
    <t>01/13/2020 21:46:44</t>
  </si>
  <si>
    <t>01/13/2020 21:46:45</t>
  </si>
  <si>
    <t>01/13/2020 21:46:46</t>
  </si>
  <si>
    <t>01/13/2020 21:46:49</t>
  </si>
  <si>
    <t>01/13/2020 21:46:51</t>
  </si>
  <si>
    <t>01/13/2020 21:46:52</t>
  </si>
  <si>
    <t>01/13/2020 21:46:53</t>
  </si>
  <si>
    <t>01/13/2020 21:46:54</t>
  </si>
  <si>
    <t>01/13/2020 21:46:55</t>
  </si>
  <si>
    <t>01/13/2020 21:46:56</t>
  </si>
  <si>
    <t>01/13/2020 21:47:01</t>
  </si>
  <si>
    <t>01/13/2020 21:47:02</t>
  </si>
  <si>
    <t>01/13/2020 21:47:03</t>
  </si>
  <si>
    <t>01/13/2020 21:47:05</t>
  </si>
  <si>
    <t>01/13/2020 21:47:06</t>
  </si>
  <si>
    <t>01/13/2020 21:47:08</t>
  </si>
  <si>
    <t>01/13/2020 21:47:10</t>
  </si>
  <si>
    <t>01/13/2020 21:47:11</t>
  </si>
  <si>
    <t>01/13/2020 21:47:12</t>
  </si>
  <si>
    <t>01/13/2020 21:47:13</t>
  </si>
  <si>
    <t>01/13/2020 21:47:16</t>
  </si>
  <si>
    <t>01/13/2020 21:47:21</t>
  </si>
  <si>
    <t>01/13/2020 21:49:09</t>
  </si>
  <si>
    <t>01/13/2020 21:54:32</t>
  </si>
  <si>
    <t>01/13/2020 21:52:09</t>
  </si>
  <si>
    <t>01/13/2020 21:55:32</t>
  </si>
  <si>
    <t>01/13/2020 21:58:11</t>
  </si>
  <si>
    <t>01/13/2020 22:00:32</t>
  </si>
  <si>
    <t>01/13/2020 21:56:53</t>
  </si>
  <si>
    <t>01/13/2020 21:57:29</t>
  </si>
  <si>
    <t>01/13/2020 22:01:31</t>
  </si>
  <si>
    <t>65e3c84b-b1f5-4dfe-bcd0-fea326069513.tmp</t>
  </si>
  <si>
    <t>\\acsfs\profiles$\victorgl\Downloads\65e3c84b-b1f5-4dfe-bcd0-fea326069513.tmp</t>
  </si>
  <si>
    <t>01/13/2020 22:00:28</t>
  </si>
  <si>
    <t>186983f5-d06f-4cbd-8eef-6150dd7f1886.tmp</t>
  </si>
  <si>
    <t>\\acsfs\profiles$\fabianafv\Downloads\186983f5-d06f-4cbd-8eef-6150dd7f1886.tmp</t>
  </si>
  <si>
    <t>01/13/2020 21:57:48</t>
  </si>
  <si>
    <t>01/13/2020 22:02:31</t>
  </si>
  <si>
    <t>5a1f3198-3b2d-4954-a6b0-36a2215fe966.tmp</t>
  </si>
  <si>
    <t>\\acsfs\profiles$\rogeriofd\Downloads\5a1f3198-3b2d-4954-a6b0-36a2215fe966.tmp</t>
  </si>
  <si>
    <t>01/13/2020 21:59:25</t>
  </si>
  <si>
    <t>aefa68a6-4cf6-42e4-a1ac-4eda7f32c61d.tmp</t>
  </si>
  <si>
    <t>\\acsfs\profiles$\rogeriofd\Downloads\aefa68a6-4cf6-42e4-a1ac-4eda7f32c61d.tmp</t>
  </si>
  <si>
    <t>01/13/2020 22:00:52</t>
  </si>
  <si>
    <t>01/13/2020 22:02:42</t>
  </si>
  <si>
    <t>01/13/2020 22:03:32</t>
  </si>
  <si>
    <t>a0eba776-8f51-4137-b23c-6c59df786895.tmp</t>
  </si>
  <si>
    <t>\\acsfs\profiles$\ROBERTM\Downloads\a0eba776-8f51-4137-b23c-6c59df786895.tmp</t>
  </si>
  <si>
    <t>01/13/2020 22:03:27</t>
  </si>
  <si>
    <t>01/13/2020 22:06:32</t>
  </si>
  <si>
    <t>XLOG_andrezacapf_13012020_135133.log</t>
  </si>
  <si>
    <t>\\acsfs\profiles$\andrezacapf\My Documents\xworkcenter\logs\XLOG_andrezacapf_13012020_135133.log</t>
  </si>
  <si>
    <t>01/13/2020 22:04:35</t>
  </si>
  <si>
    <t>01/13/2020 22:03:45</t>
  </si>
  <si>
    <t>01/13/2020 22:07:32</t>
  </si>
  <si>
    <t>01/13/2020 22:04:51</t>
  </si>
  <si>
    <t>01/13/2020 22:08:32</t>
  </si>
  <si>
    <t>521e032d-2416-4720-9471-7dbb830780cd.tmp</t>
  </si>
  <si>
    <t>\\acsfs\profiles$\ROBERTM\Downloads\521e032d-2416-4720-9471-7dbb830780cd.tmp</t>
  </si>
  <si>
    <t>01/13/2020 22:09:32</t>
  </si>
  <si>
    <t>01/13/2020 22:10:32</t>
  </si>
  <si>
    <t>01/13/2020 22:08:42</t>
  </si>
  <si>
    <t>ec0c88b7-958b-4df6-8865-4bbdd146b66c.tmp</t>
  </si>
  <si>
    <t>\\acsfs\profiles$\Adrieledgc\Downloads\ec0c88b7-958b-4df6-8865-4bbdd146b66c.tmp</t>
  </si>
  <si>
    <t>01/13/2020 22:12:09</t>
  </si>
  <si>
    <t>01/13/2020 22:15:31</t>
  </si>
  <si>
    <t>b4c32b91-33a2-4dc6-8f7d-e6f8b3a0d3a1.tmp</t>
  </si>
  <si>
    <t>\\acsfs\profiles$\gabrielamdp\Downloads\b4c32b91-33a2-4dc6-8f7d-e6f8b3a0d3a1.tmp</t>
  </si>
  <si>
    <t>01/13/2020 22:21:21</t>
  </si>
  <si>
    <t>01/13/2020 22:23:32</t>
  </si>
  <si>
    <t>01/13/2020 22:24:09</t>
  </si>
  <si>
    <t>01/13/2020 22:26:31</t>
  </si>
  <si>
    <t>01/13/2020 22:25:03</t>
  </si>
  <si>
    <t>01/13/2020 22:29:31</t>
  </si>
  <si>
    <t>01/13/2020 22:25:34</t>
  </si>
  <si>
    <t>01/13/2020 22:30:32</t>
  </si>
  <si>
    <t>01/13/2020 22:25:38</t>
  </si>
  <si>
    <t>01/13/2020 22:32:17</t>
  </si>
  <si>
    <t>01/13/2020 22:34:31</t>
  </si>
  <si>
    <t>01/13/2020 22:31:05</t>
  </si>
  <si>
    <t>ERIC HENRIQUE DA SILVA (12).contact</t>
  </si>
  <si>
    <t>\\acsfs\profiles$\erichds\Contacts\ERIC HENRIQUE DA SILVA (12).contact</t>
  </si>
  <si>
    <t>01/13/2020 22:31:19</t>
  </si>
  <si>
    <t>01/13/2020 22:31:20</t>
  </si>
  <si>
    <t>01/13/2020 22:31:21</t>
  </si>
  <si>
    <t>01/13/2020 22:31:22</t>
  </si>
  <si>
    <t>01/13/2020 22:31:23</t>
  </si>
  <si>
    <t>01/13/2020 22:31:24</t>
  </si>
  <si>
    <t>01/13/2020 22:31:25</t>
  </si>
  <si>
    <t>01/13/2020 22:31:26</t>
  </si>
  <si>
    <t>01/13/2020 22:31:27</t>
  </si>
  <si>
    <t>01/13/2020 22:31:28</t>
  </si>
  <si>
    <t>01/13/2020 22:35:31</t>
  </si>
  <si>
    <t>01/13/2020 22:31:29</t>
  </si>
  <si>
    <t>01/13/2020 22:31:30</t>
  </si>
  <si>
    <t>01/13/2020 22:31:31</t>
  </si>
  <si>
    <t>01/13/2020 22:31:32</t>
  </si>
  <si>
    <t>\\acsfs\profiles$\erichds\Saved Games\</t>
  </si>
  <si>
    <t>01/13/2020 22:31:49</t>
  </si>
  <si>
    <t>\\acsfs\profiles$\erichds\Favorites\Links for Brasil\</t>
  </si>
  <si>
    <t>\\acsfs\profiles$\erichds\Favorites\Links for Brasil\desktop.ini</t>
  </si>
  <si>
    <t>\\acsfs\profiles$\erichds\Favorites\Links for Brasil\Microsoft Brasil.url</t>
  </si>
  <si>
    <t>01/13/2020 22:31:50</t>
  </si>
  <si>
    <t>\\acsfs\profiles$\erichds\Favorites\Links for Brasil\Windows Brasil.url</t>
  </si>
  <si>
    <t>01/13/2020 22:31:51</t>
  </si>
  <si>
    <t>01/13/2020 22:31:52</t>
  </si>
  <si>
    <t>\\acsfs\profiles$\erichds\Favorites\Links for Brasil\MSN Brasil.url</t>
  </si>
  <si>
    <t>01/13/2020 22:31:54</t>
  </si>
  <si>
    <t>\\acsfs\profiles$\erichds\My Documents\Automation Anywhere Files\ConfigFiles\</t>
  </si>
  <si>
    <t>\\acsfs\profiles$\erichds\My Documents\Automation Anywhere Files\ConfigFiles\log4net-config.xml</t>
  </si>
  <si>
    <t>01/13/2020 22:31:55</t>
  </si>
  <si>
    <t>\\acsfs\profiles$\erichds\My Documents\Automation Anywhere Files\</t>
  </si>
  <si>
    <t>\\acsfs\profiles$\erichds\My Documents\Automation Anywhere Files\AA.Trigger.xml</t>
  </si>
  <si>
    <t>01/13/2020 22:32:41</t>
  </si>
  <si>
    <t>01/13/2020 22:32:46</t>
  </si>
  <si>
    <t>01/13/2020 22:36:31</t>
  </si>
  <si>
    <t>d5f0ef57-524b-4c16-9c74-a93a74f0f449.tmp</t>
  </si>
  <si>
    <t>\\acsfs\profiles$\fabianafv\Downloads\d5f0ef57-524b-4c16-9c74-a93a74f0f449.tmp</t>
  </si>
  <si>
    <t>01/13/2020 22:34:48</t>
  </si>
  <si>
    <t>01/13/2020 22:40:31</t>
  </si>
  <si>
    <t>aca62a27-6900-4329-b899-f5d3b83b9ca3.tmp</t>
  </si>
  <si>
    <t>\\acsfs\profiles$\erichds\Downloads\aca62a27-6900-4329-b899-f5d3b83b9ca3.tmp</t>
  </si>
  <si>
    <t>01/13/2020 22:34:54</t>
  </si>
  <si>
    <t>Q29udHJvbGxlci5DYWxjdWxhZG9yYURlVmVuY2lt (40).ica</t>
  </si>
  <si>
    <t>\\acsfs\profiles$\erichds\Downloads\Q29udHJvbGxlci5DYWxjdWxhZG9yYURlVmVuY2lt (40).ica</t>
  </si>
  <si>
    <t>01/13/2020 22:39:14</t>
  </si>
  <si>
    <t>01/13/2020 22:42:06</t>
  </si>
  <si>
    <t>01/13/2020 22:44:31</t>
  </si>
  <si>
    <t>01/13/2020 22:48:46</t>
  </si>
  <si>
    <t>01/13/2020 22:51:32</t>
  </si>
  <si>
    <t>01/13/2020 22:52:29</t>
  </si>
  <si>
    <t>01/13/2020 22:54:31</t>
  </si>
  <si>
    <t>01/13/2020 22:49:30</t>
  </si>
  <si>
    <t>01/13/2020 22:56:21</t>
  </si>
  <si>
    <t>01/13/2020 22:58:31</t>
  </si>
  <si>
    <t>01/13/2020 22:56:34</t>
  </si>
  <si>
    <t>01/13/2020 23:00:31</t>
  </si>
  <si>
    <t>01/13/2020 23:00:00</t>
  </si>
  <si>
    <t>01/13/2020 23:04:31</t>
  </si>
  <si>
    <t>01/13/2020 23:04:04</t>
  </si>
  <si>
    <t>f58ba5e2-da13-48af-a875-387d0d0c3a0b.tmp</t>
  </si>
  <si>
    <t>\\acsfs\profiles$\leonardocb\Downloads\f58ba5e2-da13-48af-a875-387d0d0c3a0b.tmp</t>
  </si>
  <si>
    <t>01/13/2020 23:08:34</t>
  </si>
  <si>
    <t>01/13/2020 23:09:31</t>
  </si>
  <si>
    <t>01/13/2020 23:04:52</t>
  </si>
  <si>
    <t>01/13/2020 23:05:08</t>
  </si>
  <si>
    <t>01/13/2020 23:10:31</t>
  </si>
  <si>
    <t>01/13/2020 23:05:05</t>
  </si>
  <si>
    <t>01/13/2020 23:14:06</t>
  </si>
  <si>
    <t>01/13/2020 23:15:32</t>
  </si>
  <si>
    <t>01/13/2020 23:11:06</t>
  </si>
  <si>
    <t>01/13/2020 23:18:06</t>
  </si>
  <si>
    <t>01/13/2020 23:19:31</t>
  </si>
  <si>
    <t>01/13/2020 23:17:01</t>
  </si>
  <si>
    <t>01/13/2020 23:22:31</t>
  </si>
  <si>
    <t>01/13/2020 23:21:18</t>
  </si>
  <si>
    <t>01/13/2020 23:23:48</t>
  </si>
  <si>
    <t>01/13/2020 23:24:31</t>
  </si>
  <si>
    <t>01/13/2020 23:19:57</t>
  </si>
  <si>
    <t>01/13/2020 23:19:59</t>
  </si>
  <si>
    <t>01/13/2020 23:20:00</t>
  </si>
  <si>
    <t>01/13/2020 23:20:02</t>
  </si>
  <si>
    <t>01/13/2020 23:20:03</t>
  </si>
  <si>
    <t>01/13/2020 23:20:05</t>
  </si>
  <si>
    <t>01/13/2020 23:20:06</t>
  </si>
  <si>
    <t>01/13/2020 23:20:07</t>
  </si>
  <si>
    <t>01/13/2020 23:20:09</t>
  </si>
  <si>
    <t>01/13/2020 23:20:11</t>
  </si>
  <si>
    <t>01/13/2020 23:20:13</t>
  </si>
  <si>
    <t>01/13/2020 23:20:14</t>
  </si>
  <si>
    <t>01/13/2020 23:20:15</t>
  </si>
  <si>
    <t>01/13/2020 23:20:17</t>
  </si>
  <si>
    <t>01/13/2020 23:20:20</t>
  </si>
  <si>
    <t>01/13/2020 23:20:22</t>
  </si>
  <si>
    <t>01/13/2020 23:20:23</t>
  </si>
  <si>
    <t>01/13/2020 23:20:24</t>
  </si>
  <si>
    <t>01/13/2020 23:20:27</t>
  </si>
  <si>
    <t>01/13/2020 23:20:28</t>
  </si>
  <si>
    <t>01/13/2020 23:20:30</t>
  </si>
  <si>
    <t>01/13/2020 23:20:32</t>
  </si>
  <si>
    <t>01/13/2020 23:20:34</t>
  </si>
  <si>
    <t>01/13/2020 23:20:37</t>
  </si>
  <si>
    <t>01/13/2020 23:20:38</t>
  </si>
  <si>
    <t>01/13/2020 23:20:39</t>
  </si>
  <si>
    <t>01/13/2020 23:20:40</t>
  </si>
  <si>
    <t>01/13/2020 23:20:42</t>
  </si>
  <si>
    <t>01/13/2020 23:20:43</t>
  </si>
  <si>
    <t>01/13/2020 23:20:45</t>
  </si>
  <si>
    <t>01/13/2020 23:20:47</t>
  </si>
  <si>
    <t>01/13/2020 23:20:48</t>
  </si>
  <si>
    <t>01/13/2020 23:20:49</t>
  </si>
  <si>
    <t>01/13/2020 23:20:51</t>
  </si>
  <si>
    <t>01/13/2020 23:20:54</t>
  </si>
  <si>
    <t>01/13/2020 23:20:56</t>
  </si>
  <si>
    <t>01/13/2020 23:20:57</t>
  </si>
  <si>
    <t>01/13/2020 23:20:58</t>
  </si>
  <si>
    <t>01/13/2020 23:20:59</t>
  </si>
  <si>
    <t>01/13/2020 23:21:00</t>
  </si>
  <si>
    <t>01/13/2020 23:21:04</t>
  </si>
  <si>
    <t>01/13/2020 23:21:06</t>
  </si>
  <si>
    <t>01/13/2020 23:21:30</t>
  </si>
  <si>
    <t>01/13/2020 23:22:24</t>
  </si>
  <si>
    <t>01/13/2020 23:25:31</t>
  </si>
  <si>
    <t>01/13/2020 23:23:25</t>
  </si>
  <si>
    <t>01/13/2020 23:27:32</t>
  </si>
  <si>
    <t>01/13/2020 23:24:14</t>
  </si>
  <si>
    <t>01/13/2020 23:25:08</t>
  </si>
  <si>
    <t>01/13/2020 23:29:32</t>
  </si>
  <si>
    <t>01/13/2020 23:26:22</t>
  </si>
  <si>
    <t>3bc70344-f82d-4199-8b38-d8bada046ee4.tmp</t>
  </si>
  <si>
    <t>\\acsfs\profiles$\joycemmdl\Downloads\3bc70344-f82d-4199-8b38-d8bada046ee4.tmp</t>
  </si>
  <si>
    <t>01/13/2020 23:26:34</t>
  </si>
  <si>
    <t>Unconfirmed 703585.crdownload</t>
  </si>
  <si>
    <t>\\acsfs\profiles$\joycemmdl\Downloads\Unconfirmed 703585.crdownload</t>
  </si>
  <si>
    <t>01/13/2020 23:26:50</t>
  </si>
  <si>
    <t>b3eff1c5-e7cc-4e3a-9160-28f4ebbedd3e.tmp</t>
  </si>
  <si>
    <t>\\acsfs\profiles$\joycemmdl\Downloads\b3eff1c5-e7cc-4e3a-9160-28f4ebbedd3e.tmp</t>
  </si>
  <si>
    <t>01/13/2020 23:28:00</t>
  </si>
  <si>
    <t>9ebf0d42-3e42-4ce3-b0da-655867021454.tmp</t>
  </si>
  <si>
    <t>\\acsfs\profiles$\joycemmdl\Downloads\9ebf0d42-3e42-4ce3-b0da-655867021454.tmp</t>
  </si>
  <si>
    <t>01/13/2020 23:27:46</t>
  </si>
  <si>
    <t>01/13/2020 23:32:31</t>
  </si>
  <si>
    <t>01/13/2020 23:32:19</t>
  </si>
  <si>
    <t>01/13/2020 23:34:32</t>
  </si>
  <si>
    <t>01/13/2020 23:33:38</t>
  </si>
  <si>
    <t>01/13/2020 23:37:31</t>
  </si>
  <si>
    <t>01/13/2020 23:37:02</t>
  </si>
  <si>
    <t>01/13/2020 23:42:32</t>
  </si>
  <si>
    <t>01/13/2020 23:44:27</t>
  </si>
  <si>
    <t>01/13/2020 23:48:31</t>
  </si>
  <si>
    <t>01/13/2020 23:44:53</t>
  </si>
  <si>
    <t>01/13/2020 23:49:32</t>
  </si>
  <si>
    <t>01/13/2020 23:47:37</t>
  </si>
  <si>
    <t>01/13/2020 23:46:29</t>
  </si>
  <si>
    <t>01/13/2020 23:50:31</t>
  </si>
  <si>
    <t>01/13/2020 23:45:56</t>
  </si>
  <si>
    <t>01/13/2020 23:49:13</t>
  </si>
  <si>
    <t>01/13/2020 23:46:11</t>
  </si>
  <si>
    <t>01/13/2020 23:49:33</t>
  </si>
  <si>
    <t>01/13/2020 23:54:32</t>
  </si>
  <si>
    <t>01/13/2020 23:51:19</t>
  </si>
  <si>
    <t>01/13/2020 23:56:32</t>
  </si>
  <si>
    <t>b9a87ecc-1f9b-467f-81ea-ed4c184055e3.tmp</t>
  </si>
  <si>
    <t>\\acsfs\profiles$\taylaedoa\Downloads\b9a87ecc-1f9b-467f-81ea-ed4c184055e3.tmp</t>
  </si>
  <si>
    <t>01/13/2020 23:55:10</t>
  </si>
  <si>
    <t>01/13/2020 23:57:31</t>
  </si>
  <si>
    <t>01/13/2020 23:52:59</t>
  </si>
  <si>
    <t>a71e2c60-e409-432a-8bb7-588587854e15.tmp</t>
  </si>
  <si>
    <t>\\acsfs\profiles$\marlyannegdls\Downloads\a71e2c60-e409-432a-8bb7-588587854e15.tmp</t>
  </si>
  <si>
    <t>01/13/2020 23:54:07</t>
  </si>
  <si>
    <t>808e22df-068c-4432-af8d-a95d150e87ee.tmp</t>
  </si>
  <si>
    <t>\\acsfs\profiles$\marlyannegdls\Downloads\808e22df-068c-4432-af8d-a95d150e87ee.tmp</t>
  </si>
  <si>
    <t>01/13/2020 23:55:31</t>
  </si>
  <si>
    <t>01/13/2020 23:59:31</t>
  </si>
  <si>
    <t>01/14/2020 00:02:17</t>
  </si>
  <si>
    <t>01/14/2020 00:05:32</t>
  </si>
  <si>
    <t>01/14/2020 00:06:31</t>
  </si>
  <si>
    <t>01/13/2020 23:59:39</t>
  </si>
  <si>
    <t>01/14/2020 00:01:26</t>
  </si>
  <si>
    <t>01/14/2020 00:01:42</t>
  </si>
  <si>
    <t>01/14/2020 00:02:42</t>
  </si>
  <si>
    <t>01/14/2020 00:03:34</t>
  </si>
  <si>
    <t>01/14/2020 00:02:50</t>
  </si>
  <si>
    <t>01/14/2020 00:06:56</t>
  </si>
  <si>
    <t>01/14/2020 00:07:32</t>
  </si>
  <si>
    <t>01/14/2020 00:06:55</t>
  </si>
  <si>
    <t>01/14/2020 00:08:31</t>
  </si>
  <si>
    <t>01/14/2020 00:07:26</t>
  </si>
  <si>
    <t>01/14/2020 00:09:32</t>
  </si>
  <si>
    <t>01/14/2020 00:05:35</t>
  </si>
  <si>
    <t>01/14/2020 00:05:52</t>
  </si>
  <si>
    <t>01/14/2020 00:08:30</t>
  </si>
  <si>
    <t>01/14/2020 00:10:32</t>
  </si>
  <si>
    <t>01/14/2020 00:05:27</t>
  </si>
  <si>
    <t>01/14/2020 00:08:34</t>
  </si>
  <si>
    <t>01/14/2020 00:08:58</t>
  </si>
  <si>
    <t>01/14/2020 00:07:14</t>
  </si>
  <si>
    <t>01/14/2020 00:09:50</t>
  </si>
  <si>
    <t>01/14/2020 00:11:31</t>
  </si>
  <si>
    <t>01/14/2020 00:10:54</t>
  </si>
  <si>
    <t>01/14/2020 00:12:32</t>
  </si>
  <si>
    <t>01/14/2020 00:10:29</t>
  </si>
  <si>
    <t>01/14/2020 00:11:39</t>
  </si>
  <si>
    <t>01/14/2020 00:09:35</t>
  </si>
  <si>
    <t>01/14/2020 00:11:30</t>
  </si>
  <si>
    <t>01/14/2020 00:13:31</t>
  </si>
  <si>
    <t>01/14/2020 00:12:17</t>
  </si>
  <si>
    <t>01/14/2020 00:13:15</t>
  </si>
  <si>
    <t>01/14/2020 00:11:01</t>
  </si>
  <si>
    <t>01/14/2020 00:14:32</t>
  </si>
  <si>
    <t>01/14/2020 00:13:16</t>
  </si>
  <si>
    <t>01/14/2020 00:15:31</t>
  </si>
  <si>
    <t>01/14/2020 00:14:58</t>
  </si>
  <si>
    <t>01/14/2020 00:18:31</t>
  </si>
  <si>
    <t>01/14/2020 00:15:52</t>
  </si>
  <si>
    <t>01/14/2020 00:16:06</t>
  </si>
  <si>
    <t>01/14/2020 00:19:32</t>
  </si>
  <si>
    <t>01/14/2020 00:15:45</t>
  </si>
  <si>
    <t>01/14/2020 00:16:40</t>
  </si>
  <si>
    <t>01/14/2020 00:21:40</t>
  </si>
  <si>
    <t>01/14/2020 00:23:31</t>
  </si>
  <si>
    <t>01/14/2020 00:22:14</t>
  </si>
  <si>
    <t>01/14/2020 00:25:32</t>
  </si>
  <si>
    <t>01/14/2020 00:23:23</t>
  </si>
  <si>
    <t>01/14/2020 00:27:07</t>
  </si>
  <si>
    <t>01/14/2020 00:28:32</t>
  </si>
  <si>
    <t>01/14/2020 00:27:06</t>
  </si>
  <si>
    <t>01/14/2020 00:31:31</t>
  </si>
  <si>
    <t>01/14/2020 00:39:50</t>
  </si>
  <si>
    <t>01/14/2020 00:43:31</t>
  </si>
  <si>
    <t>01/14/2020 00:43:10</t>
  </si>
  <si>
    <t>01/14/2020 00:44:31</t>
  </si>
  <si>
    <t>01/14/2020 00:40:16</t>
  </si>
  <si>
    <t>01/14/2020 00:39:46</t>
  </si>
  <si>
    <t>01/14/2020 00:45:31</t>
  </si>
  <si>
    <t>01/14/2020 00:44:21</t>
  </si>
  <si>
    <t>01/14/2020 00:48:32</t>
  </si>
  <si>
    <t>01/14/2020 00:48:25</t>
  </si>
  <si>
    <t>01/14/2020 00:50:31</t>
  </si>
  <si>
    <t>01/14/2020 00:47:45</t>
  </si>
  <si>
    <t>01/14/2020 00:51:31</t>
  </si>
  <si>
    <t>01/14/2020 00:53:46</t>
  </si>
  <si>
    <t>01/14/2020 00:58:31</t>
  </si>
  <si>
    <t>01/14/2020 00:56:05</t>
  </si>
  <si>
    <t>01/14/2020 00:59:31</t>
  </si>
  <si>
    <t>01/14/2020 00:57:40</t>
  </si>
  <si>
    <t>01/14/2020 01:00:31</t>
  </si>
  <si>
    <t>01/14/2020 00:58:48</t>
  </si>
  <si>
    <t>01/14/2020 01:01:31</t>
  </si>
  <si>
    <t>01/14/2020 00:55:49</t>
  </si>
  <si>
    <t>01/14/2020 01:02:03</t>
  </si>
  <si>
    <t>01/14/2020 01:03:31</t>
  </si>
  <si>
    <t>01/14/2020 01:04:05</t>
  </si>
  <si>
    <t>01/14/2020 01:07:31</t>
  </si>
  <si>
    <t>01/14/2020 01:07:21</t>
  </si>
  <si>
    <t>01/14/2020 01:09:31</t>
  </si>
  <si>
    <t>01/14/2020 01:15:44</t>
  </si>
  <si>
    <t>01/14/2020 01:17:30</t>
  </si>
  <si>
    <t>01/14/2020 01:15:20</t>
  </si>
  <si>
    <t>01/14/2020 01:19:31</t>
  </si>
  <si>
    <t>01/14/2020 01:18:08</t>
  </si>
  <si>
    <t>01/14/2020 01:21:31</t>
  </si>
  <si>
    <t>01/14/2020 01:29:00</t>
  </si>
  <si>
    <t>01/14/2020 01:31:31</t>
  </si>
  <si>
    <t>01/14/2020 01:31:23</t>
  </si>
  <si>
    <t>01/14/2020 01:34:32</t>
  </si>
  <si>
    <t>01/14/2020 01:33:00</t>
  </si>
  <si>
    <t>01/14/2020 01:35:31</t>
  </si>
  <si>
    <t>01/14/2020 01:36:45</t>
  </si>
  <si>
    <t>01/14/2020 01:37:31</t>
  </si>
  <si>
    <t>01/14/2020 01:36:55</t>
  </si>
  <si>
    <t>a69eaf43-f8ef-43dd-929c-29298769e3a7.tmp</t>
  </si>
  <si>
    <t>\\acsfs\profiles$\rogeriofd\Downloads\a69eaf43-f8ef-43dd-929c-29298769e3a7.tmp</t>
  </si>
  <si>
    <t>01/14/2020 01:49:11</t>
  </si>
  <si>
    <t>01/14/2020 01:50:32</t>
  </si>
  <si>
    <t>01/14/2020 01:45:46</t>
  </si>
  <si>
    <t>01/14/2020 01:52:12</t>
  </si>
  <si>
    <t>01/14/2020 01:55:31</t>
  </si>
  <si>
    <t>01/14/2020 01:55:55</t>
  </si>
  <si>
    <t>01/14/2020 01:59:32</t>
  </si>
  <si>
    <t>01/14/2020 02:00:25</t>
  </si>
  <si>
    <t>01/14/2020 02:02:31</t>
  </si>
  <si>
    <t>01/14/2020 02:00:14</t>
  </si>
  <si>
    <t>01/14/2020 02:04:31</t>
  </si>
  <si>
    <t>01/14/2020 02:03:56</t>
  </si>
  <si>
    <t>01/14/2020 02:09:19</t>
  </si>
  <si>
    <t>01/14/2020 02:10:32</t>
  </si>
  <si>
    <t>01/14/2020 02:08:28</t>
  </si>
  <si>
    <t>01/14/2020 02:11:31</t>
  </si>
  <si>
    <t>01/14/2020 02:18:27</t>
  </si>
  <si>
    <t>01/14/2020 02:22:31</t>
  </si>
  <si>
    <t>01/14/2020 02:21:36</t>
  </si>
  <si>
    <t>01/14/2020 02:23:31</t>
  </si>
  <si>
    <t>5282a371-1eeb-4e0c-b89b-1d997b8b5a21.tmp</t>
  </si>
  <si>
    <t>\\acsfs\profiles$\ROBERTM\Downloads\5282a371-1eeb-4e0c-b89b-1d997b8b5a21.tmp</t>
  </si>
  <si>
    <t>01/14/2020 02:21:38</t>
  </si>
  <si>
    <t>e85a7e75-904b-4e10-9dd9-422afd02a3c2.tmp</t>
  </si>
  <si>
    <t>\\acsfs\profiles$\ROBERTM\Downloads\e85a7e75-904b-4e10-9dd9-422afd02a3c2.tmp</t>
  </si>
  <si>
    <t>01/14/2020 02:22:13</t>
  </si>
  <si>
    <t>dbeb7bf3-a1a4-445a-a186-a37aef201bc0.tmp</t>
  </si>
  <si>
    <t>\\acsfs\profiles$\ROBERTM\Downloads\dbeb7bf3-a1a4-445a-a186-a37aef201bc0.tmp</t>
  </si>
  <si>
    <t>01/14/2020 02:22:32</t>
  </si>
  <si>
    <t>9cb601d0-7795-427a-a673-f19d1db5f9f4.tmp</t>
  </si>
  <si>
    <t>\\acsfs\profiles$\ROBERTM\Downloads\9cb601d0-7795-427a-a673-f19d1db5f9f4.tmp</t>
  </si>
  <si>
    <t>01/14/2020 02:21:06</t>
  </si>
  <si>
    <t>01/14/2020 02:23:09</t>
  </si>
  <si>
    <t>01/14/2020 02:25:31</t>
  </si>
  <si>
    <t>01/14/2020 02:25:14</t>
  </si>
  <si>
    <t>01/14/2020 02:27:31</t>
  </si>
  <si>
    <t>01/14/2020 02:45:31</t>
  </si>
  <si>
    <t>01/14/2020 02:48:31</t>
  </si>
  <si>
    <t>01/14/2020 02:45:53</t>
  </si>
  <si>
    <t>01/14/2020 02:51:31</t>
  </si>
  <si>
    <t>01/14/2020 02:51:41</t>
  </si>
  <si>
    <t>01/14/2020 02:56:32</t>
  </si>
  <si>
    <t>01/14/2020 03:02:06</t>
  </si>
  <si>
    <t>01/14/2020 03:03:33</t>
  </si>
  <si>
    <t>01/14/2020 03:05:07</t>
  </si>
  <si>
    <t>01/14/2020 03:07:32</t>
  </si>
  <si>
    <t>01/14/2020 03:03:55</t>
  </si>
  <si>
    <t>01/14/2020 03:08:32</t>
  </si>
  <si>
    <t>01/14/2020 03:15:04</t>
  </si>
  <si>
    <t>01/14/2020 03:20:32</t>
  </si>
  <si>
    <t>01/14/2020 03:17:27</t>
  </si>
  <si>
    <t>01/14/2020 03:21:32</t>
  </si>
  <si>
    <t>01/14/2020 03:22:07</t>
  </si>
  <si>
    <t>01/14/2020 03:22:32</t>
  </si>
  <si>
    <t>01/14/2020 03:20:09</t>
  </si>
  <si>
    <t>01/14/2020 03:24:32</t>
  </si>
  <si>
    <t>01/14/2020 03:26:36</t>
  </si>
  <si>
    <t>01/14/2020 03:27:32</t>
  </si>
  <si>
    <t>01/14/2020 03:25:28</t>
  </si>
  <si>
    <t>01/14/2020 03:29:32</t>
  </si>
  <si>
    <t>01/14/2020 03:26:16</t>
  </si>
  <si>
    <t>01/14/2020 03:30:32</t>
  </si>
  <si>
    <t>01/14/2020 03:27:28</t>
  </si>
  <si>
    <t>01/14/2020 03:31:32</t>
  </si>
  <si>
    <t>01/14/2020 03:29:51</t>
  </si>
  <si>
    <t>01/14/2020 03:33:33</t>
  </si>
  <si>
    <t>01/14/2020 03:31:58</t>
  </si>
  <si>
    <t>01/14/2020 03:35:32</t>
  </si>
  <si>
    <t>01/14/2020 03:35:37</t>
  </si>
  <si>
    <t>01/14/2020 03:37:32</t>
  </si>
  <si>
    <t>01/14/2020 03:38:07</t>
  </si>
  <si>
    <t>01/14/2020 03:40:33</t>
  </si>
  <si>
    <t>01/14/2020 03:41:02</t>
  </si>
  <si>
    <t>01/14/2020 03:45:33</t>
  </si>
  <si>
    <t>01/14/2020 03:41:08</t>
  </si>
  <si>
    <t>01/14/2020 03:45:10</t>
  </si>
  <si>
    <t>01/14/2020 03:47:33</t>
  </si>
  <si>
    <t>01/14/2020 03:47:45</t>
  </si>
  <si>
    <t>01/14/2020 03:48:33</t>
  </si>
  <si>
    <t>01/14/2020 03:44:41</t>
  </si>
  <si>
    <t>01/14/2020 03:49:33</t>
  </si>
  <si>
    <t>01/14/2020 03:44:55</t>
  </si>
  <si>
    <t>01/14/2020 03:45:45</t>
  </si>
  <si>
    <t>01/14/2020 03:46:58</t>
  </si>
  <si>
    <t>01/14/2020 03:50:33</t>
  </si>
  <si>
    <t>01/14/2020 03:47:50</t>
  </si>
  <si>
    <t>01/14/2020 03:46:57</t>
  </si>
  <si>
    <t>01/14/2020 03:51:33</t>
  </si>
  <si>
    <t>01/14/2020 03:51:10</t>
  </si>
  <si>
    <t>01/14/2020 03:53:32</t>
  </si>
  <si>
    <t>01/14/2020 03:51:49</t>
  </si>
  <si>
    <t>01/14/2020 03:55:32</t>
  </si>
  <si>
    <t>01/14/2020 03:53:39</t>
  </si>
  <si>
    <t>01/14/2020 03:57:12</t>
  </si>
  <si>
    <t>01/14/2020 03:58:33</t>
  </si>
  <si>
    <t>01/14/2020 03:57:31</t>
  </si>
  <si>
    <t>01/14/2020 04:04:32</t>
  </si>
  <si>
    <t>01/14/2020 04:01:33</t>
  </si>
  <si>
    <t>01/14/2020 04:00:53</t>
  </si>
  <si>
    <t>01/14/2020 03:59:01</t>
  </si>
  <si>
    <t>01/14/2020 03:59:11</t>
  </si>
  <si>
    <t>01/14/2020 03:59:58</t>
  </si>
  <si>
    <t>01/14/2020 04:05:33</t>
  </si>
  <si>
    <t>01/14/2020 04:07:33</t>
  </si>
  <si>
    <t>01/14/2020 04:08:32</t>
  </si>
  <si>
    <t>01/14/2020 04:04:08</t>
  </si>
  <si>
    <t>01/14/2020 04:09:33</t>
  </si>
  <si>
    <t>01/14/2020 04:07:21</t>
  </si>
  <si>
    <t>01/14/2020 04:09:48</t>
  </si>
  <si>
    <t>01/14/2020 04:11:32</t>
  </si>
  <si>
    <t>01/14/2020 04:13:28</t>
  </si>
  <si>
    <t>01/14/2020 04:15:32</t>
  </si>
  <si>
    <t>01/14/2020 04:13:22</t>
  </si>
  <si>
    <t>01/14/2020 04:17:32</t>
  </si>
  <si>
    <t>01/14/2020 04:18:24</t>
  </si>
  <si>
    <t>01/14/2020 04:22:32</t>
  </si>
  <si>
    <t>01/14/2020 04:20:29</t>
  </si>
  <si>
    <t>01/14/2020 04:22:25</t>
  </si>
  <si>
    <t>01/14/2020 04:23:32</t>
  </si>
  <si>
    <t>01/14/2020 04:24:13</t>
  </si>
  <si>
    <t>01/14/2020 04:25:32</t>
  </si>
  <si>
    <t>01/14/2020 04:23:48</t>
  </si>
  <si>
    <t>01/14/2020 04:22:02</t>
  </si>
  <si>
    <t>01/14/2020 04:26:32</t>
  </si>
  <si>
    <t>01/14/2020 04:24:46</t>
  </si>
  <si>
    <t>01/14/2020 04:27:32</t>
  </si>
  <si>
    <t>01/14/2020 04:24:59</t>
  </si>
  <si>
    <t>01/14/2020 04:29:32</t>
  </si>
  <si>
    <t>01/14/2020 04:30:30</t>
  </si>
  <si>
    <t>01/14/2020 04:33:32</t>
  </si>
  <si>
    <t>01/14/2020 04:31:26</t>
  </si>
  <si>
    <t>01/14/2020 04:34:18</t>
  </si>
  <si>
    <t>01/14/2020 04:35:32</t>
  </si>
  <si>
    <t>01/14/2020 04:30:43</t>
  </si>
  <si>
    <t>01/14/2020 04:35:50</t>
  </si>
  <si>
    <t>01/14/2020 04:40:33</t>
  </si>
  <si>
    <t>01/14/2020 04:38:23</t>
  </si>
  <si>
    <t>01/14/2020 04:39:40</t>
  </si>
  <si>
    <t>01/14/2020 04:43:31</t>
  </si>
  <si>
    <t>01/14/2020 04:39:09</t>
  </si>
  <si>
    <t>01/14/2020 04:44:32</t>
  </si>
  <si>
    <t>01/14/2020 04:42:11</t>
  </si>
  <si>
    <t>01/14/2020 04:44:11</t>
  </si>
  <si>
    <t>01/14/2020 04:46:32</t>
  </si>
  <si>
    <t>01/14/2020 04:47:38</t>
  </si>
  <si>
    <t>01/14/2020 04:49:32</t>
  </si>
  <si>
    <t>01/14/2020 04:48:57</t>
  </si>
  <si>
    <t>01/14/2020 04:51:32</t>
  </si>
  <si>
    <t>01/14/2020 04:49:20</t>
  </si>
  <si>
    <t>01/14/2020 04:53:32</t>
  </si>
  <si>
    <t>01/14/2020 04:57:12</t>
  </si>
  <si>
    <t>01/14/2020 04:57:32</t>
  </si>
  <si>
    <t>01/14/2020 04:57:06</t>
  </si>
  <si>
    <t>01/14/2020 04:59:32</t>
  </si>
  <si>
    <t>01/14/2020 05:03:31</t>
  </si>
  <si>
    <t>01/14/2020 05:05:32</t>
  </si>
  <si>
    <t>01/14/2020 05:03:13</t>
  </si>
  <si>
    <t>01/14/2020 05:06:32</t>
  </si>
  <si>
    <t>01/14/2020 05:03:04</t>
  </si>
  <si>
    <t>01/14/2020 05:07:32</t>
  </si>
  <si>
    <t>01/14/2020 05:04:11</t>
  </si>
  <si>
    <t>01/14/2020 05:08:32</t>
  </si>
  <si>
    <t>01/14/2020 05:04:20</t>
  </si>
  <si>
    <t>01/14/2020 05:11:09</t>
  </si>
  <si>
    <t>01/14/2020 05:16:32</t>
  </si>
  <si>
    <t>01/14/2020 05:13:30</t>
  </si>
  <si>
    <t>01/14/2020 05:17:32</t>
  </si>
  <si>
    <t>01/14/2020 05:19:13</t>
  </si>
  <si>
    <t>01/14/2020 05:24:32</t>
  </si>
  <si>
    <t>01/14/2020 05:19:33</t>
  </si>
  <si>
    <t>01/14/2020 05:21:17</t>
  </si>
  <si>
    <t>01/14/2020 05:21:23</t>
  </si>
  <si>
    <t>01/14/2020 05:25:33</t>
  </si>
  <si>
    <t>01/14/2020 05:23:36</t>
  </si>
  <si>
    <t>01/14/2020 05:24:13</t>
  </si>
  <si>
    <t>01/14/2020 05:27:33</t>
  </si>
  <si>
    <t>01/14/2020 05:24:58</t>
  </si>
  <si>
    <t>01/14/2020 05:28:32</t>
  </si>
  <si>
    <t>b91418da-a541-4fa2-b4c5-159b45605e4c.tmp</t>
  </si>
  <si>
    <t>\\acsfs\profiles$\ROBERTM\Downloads\b91418da-a541-4fa2-b4c5-159b45605e4c.tmp</t>
  </si>
  <si>
    <t>01/14/2020 05:26:43</t>
  </si>
  <si>
    <t>01/14/2020 05:31:32</t>
  </si>
  <si>
    <t>01/14/2020 05:33:00</t>
  </si>
  <si>
    <t>01/14/2020 05:35:32</t>
  </si>
  <si>
    <t>01/14/2020 05:30:58</t>
  </si>
  <si>
    <t>01/14/2020 05:36:32</t>
  </si>
  <si>
    <t>01/14/2020 05:35:23</t>
  </si>
  <si>
    <t>01/14/2020 05:38:32</t>
  </si>
  <si>
    <t>01/14/2020 05:38:15</t>
  </si>
  <si>
    <t>01/14/2020 05:40:32</t>
  </si>
  <si>
    <t>01/14/2020 05:39:36</t>
  </si>
  <si>
    <t>01/14/2020 05:42:33</t>
  </si>
  <si>
    <t>01/14/2020 05:44:32</t>
  </si>
  <si>
    <t>01/14/2020 05:49:33</t>
  </si>
  <si>
    <t>01/14/2020 05:44:52</t>
  </si>
  <si>
    <t>01/14/2020 05:49:15</t>
  </si>
  <si>
    <t>23d1b217-6804-4454-adf9-b42cc7f34c88.tmp</t>
  </si>
  <si>
    <t>\\acsfs\profiles$\ROZENCAM\Downloads\23d1b217-6804-4454-adf9-b42cc7f34c88.tmp</t>
  </si>
  <si>
    <t>01/14/2020 05:50:17</t>
  </si>
  <si>
    <t>01/14/2020 05:54:32</t>
  </si>
  <si>
    <t>cffd0bc8-7d42-4faf-8f2f-f2148eece4dc.tmp</t>
  </si>
  <si>
    <t>\\acsfs\profiles$\ROZENCAM\Downloads\cffd0bc8-7d42-4faf-8f2f-f2148eece4dc.tmp</t>
  </si>
  <si>
    <t>01/14/2020 05:58:56</t>
  </si>
  <si>
    <t>01/14/2020 05:59:32</t>
  </si>
  <si>
    <t>01/14/2020 05:56:52</t>
  </si>
  <si>
    <t>cd3282ab-6ed1-458b-8e9a-e8ff2e9874d5.tmp</t>
  </si>
  <si>
    <t>\\acsfs\profiles$\lucasqdss\Downloads\cd3282ab-6ed1-458b-8e9a-e8ff2e9874d5.tmp</t>
  </si>
  <si>
    <t>01/14/2020 05:58:19</t>
  </si>
  <si>
    <t>74d0abf9-4846-4474-a50d-74b601fc1251.tmp</t>
  </si>
  <si>
    <t>\\acsfs\profiles$\lucasqdss\Downloads\74d0abf9-4846-4474-a50d-74b601fc1251.tmp</t>
  </si>
  <si>
    <t>01/14/2020 06:16:33</t>
  </si>
  <si>
    <t>01/14/2020 06:17:32</t>
  </si>
  <si>
    <t>01/14/2020 06:14:51</t>
  </si>
  <si>
    <t>01/14/2020 06:18:32</t>
  </si>
  <si>
    <t>01/14/2020 06:19:27</t>
  </si>
  <si>
    <t>01/14/2020 06:20:32</t>
  </si>
  <si>
    <t>01/14/2020 06:21:40</t>
  </si>
  <si>
    <t>01/14/2020 06:23:32</t>
  </si>
  <si>
    <t>01/14/2020 06:21:03</t>
  </si>
  <si>
    <t>01/14/2020 06:23:23</t>
  </si>
  <si>
    <t>01/14/2020 06:25:32</t>
  </si>
  <si>
    <t>01/14/2020 06:22:46</t>
  </si>
  <si>
    <t>01/14/2020 06:27:32</t>
  </si>
  <si>
    <t>01/14/2020 06:25:08</t>
  </si>
  <si>
    <t>01/14/2020 06:23:21</t>
  </si>
  <si>
    <t>01/14/2020 06:28:32</t>
  </si>
  <si>
    <t>01/14/2020 06:27:47</t>
  </si>
  <si>
    <t>01/14/2020 06:28:01</t>
  </si>
  <si>
    <t>b4592cf4-9a80-4543-9425-6054c9d84380.tmp</t>
  </si>
  <si>
    <t>\\acsfs\profiles$\ALYNYA\Downloads\b4592cf4-9a80-4543-9425-6054c9d84380.tmp</t>
  </si>
  <si>
    <t>01/14/2020 06:26:53</t>
  </si>
  <si>
    <t>01/14/2020 06:27:53</t>
  </si>
  <si>
    <t>01/14/2020 06:32:33</t>
  </si>
  <si>
    <t>32aea9b8-3e2d-4dbe-b62d-f7127d2a6446.tmp</t>
  </si>
  <si>
    <t>\\acsfs\profiles$\danielac\Downloads\32aea9b8-3e2d-4dbe-b62d-f7127d2a6446.tmp</t>
  </si>
  <si>
    <t>01/14/2020 06:29:18</t>
  </si>
  <si>
    <t>98ca228f-e829-43a8-a90c-6f787fb19f82.tmp</t>
  </si>
  <si>
    <t>\\acsfs\profiles$\danielac\Downloads\98ca228f-e829-43a8-a90c-6f787fb19f82.tmp</t>
  </si>
  <si>
    <t>01/14/2020 06:28:36</t>
  </si>
  <si>
    <t>01/14/2020 06:33:33</t>
  </si>
  <si>
    <t>7d5900da-5d6c-4e1a-90c3-7697058739fd.tmp</t>
  </si>
  <si>
    <t>\\acsfs\profiles$\BRUNAAR\Downloads\7d5900da-5d6c-4e1a-90c3-7697058739fd.tmp</t>
  </si>
  <si>
    <t>01/14/2020 06:29:39</t>
  </si>
  <si>
    <t>8444be1c-a359-480c-8fff-b3436ca6d883.tmp</t>
  </si>
  <si>
    <t>\\acsfs\profiles$\BRUNAAR\Downloads\8444be1c-a359-480c-8fff-b3436ca6d883.tmp</t>
  </si>
  <si>
    <t>01/14/2020 06:31:54</t>
  </si>
  <si>
    <t>01/14/2020 06:29:35</t>
  </si>
  <si>
    <t>3b77dffe-5d06-4be8-b5cb-9fc12f40a3b0.tmp</t>
  </si>
  <si>
    <t>\\acsfs\profiles$\ALYNYA\Downloads\3b77dffe-5d06-4be8-b5cb-9fc12f40a3b0.tmp</t>
  </si>
  <si>
    <t>01/14/2020 06:35:34</t>
  </si>
  <si>
    <t>01/14/2020 06:37:32</t>
  </si>
  <si>
    <t>01/14/2020 06:34:05</t>
  </si>
  <si>
    <t>01/14/2020 06:38:32</t>
  </si>
  <si>
    <t>01/14/2020 06:35:11</t>
  </si>
  <si>
    <t>01/14/2020 06:36:15</t>
  </si>
  <si>
    <t>01/14/2020 06:39:32</t>
  </si>
  <si>
    <t>00bae466-a66c-4406-a149-f7b2b8bea4fd.tmp</t>
  </si>
  <si>
    <t>\\acsfs\profiles$\ROZENCAM\Downloads\00bae466-a66c-4406-a149-f7b2b8bea4fd.tmp</t>
  </si>
  <si>
    <t>01/14/2020 06:37:19</t>
  </si>
  <si>
    <t>01/14/2020 06:40:33</t>
  </si>
  <si>
    <t>01/14/2020 06:36:27</t>
  </si>
  <si>
    <t>01/14/2020 06:41:32</t>
  </si>
  <si>
    <t>01/14/2020 06:39:50</t>
  </si>
  <si>
    <t>f8342e27-3a62-4d51-bf51-720a04ad56ce.tmp</t>
  </si>
  <si>
    <t>\\acsfs\profiles$\monicargds\Downloads\f8342e27-3a62-4d51-bf51-720a04ad56ce.tmp</t>
  </si>
  <si>
    <t>01/14/2020 06:39:51</t>
  </si>
  <si>
    <t>a90b7fee-9ee3-41bb-8020-df7312a27331.tmp</t>
  </si>
  <si>
    <t>\\acsfs\profiles$\monicargds\Downloads\a90b7fee-9ee3-41bb-8020-df7312a27331.tmp</t>
  </si>
  <si>
    <t>01/14/2020 06:40:01</t>
  </si>
  <si>
    <t>01/14/2020 06:40:57</t>
  </si>
  <si>
    <t>01/14/2020 06:43:33</t>
  </si>
  <si>
    <t>01/14/2020 06:42:03</t>
  </si>
  <si>
    <t>01/14/2020 06:46:32</t>
  </si>
  <si>
    <t>f680f8ce-2331-49dd-80dc-b6f60dcdef33.tmp</t>
  </si>
  <si>
    <t>\\acsfs\profiles$\monicargds\Downloads\f680f8ce-2331-49dd-80dc-b6f60dcdef33.tmp</t>
  </si>
  <si>
    <t>01/14/2020 06:44:46</t>
  </si>
  <si>
    <t>bdd1b211-0a1e-4151-8671-bd4f744f7a24.tmp</t>
  </si>
  <si>
    <t>\\acsfs\profiles$\monicargds\Downloads\bdd1b211-0a1e-4151-8671-bd4f744f7a24.tmp</t>
  </si>
  <si>
    <t>01/14/2020 06:45:12</t>
  </si>
  <si>
    <t>01/14/2020 06:47:33</t>
  </si>
  <si>
    <t>01/14/2020 06:43:15</t>
  </si>
  <si>
    <t>01/14/2020 06:45:39</t>
  </si>
  <si>
    <t>01/14/2020 06:44:20</t>
  </si>
  <si>
    <t>01/14/2020 06:48:33</t>
  </si>
  <si>
    <t>01/14/2020 06:44:09</t>
  </si>
  <si>
    <t>01/14/2020 06:43:32</t>
  </si>
  <si>
    <t>2cba728e-8683-4534-90d9-3253d744ce39.tmp</t>
  </si>
  <si>
    <t>\\acsfs\profiles$\ALYNYA\Downloads\2cba728e-8683-4534-90d9-3253d744ce39.tmp</t>
  </si>
  <si>
    <t>01/14/2020 06:47:46</t>
  </si>
  <si>
    <t>01/14/2020 06:51:33</t>
  </si>
  <si>
    <t>01/14/2020 06:52:03</t>
  </si>
  <si>
    <t>01/14/2020 06:53:33</t>
  </si>
  <si>
    <t>01/14/2020 06:52:04</t>
  </si>
  <si>
    <t>lu11748c87e.tmp</t>
  </si>
  <si>
    <t>\\acsfs\profiles$\BRUNAAR\Numero\lu11748c87e.tmp</t>
  </si>
  <si>
    <t>01/14/2020 06:53:46</t>
  </si>
  <si>
    <t>01/14/2020 06:56:32</t>
  </si>
  <si>
    <t>01/14/2020 06:54:33</t>
  </si>
  <si>
    <t>841cf03c-fc23-451d-aa62-3b52231564fb.tmp</t>
  </si>
  <si>
    <t>\\acsfs\profiles$\cintiadcf\Downloads\841cf03c-fc23-451d-aa62-3b52231564fb.tmp</t>
  </si>
  <si>
    <t>01/14/2020 06:54:35</t>
  </si>
  <si>
    <t>0b4a07fa-d069-410a-922c-d751eed6549c.tmp</t>
  </si>
  <si>
    <t>\\acsfs\profiles$\cintiadcf\Downloads\0b4a07fa-d069-410a-922c-d751eed6549c.tmp</t>
  </si>
  <si>
    <t>01/14/2020 06:54:05</t>
  </si>
  <si>
    <t>01/14/2020 06:57:33</t>
  </si>
  <si>
    <t>01/14/2020 06:54:55</t>
  </si>
  <si>
    <t>01/14/2020 06:58:33</t>
  </si>
  <si>
    <t>01/14/2020 06:55:47</t>
  </si>
  <si>
    <t>a689428e-278e-4b85-b5a1-8ae84869de12.tmp</t>
  </si>
  <si>
    <t>\\acsfs\profiles$\ALYNYA\Downloads\a689428e-278e-4b85-b5a1-8ae84869de12.tmp</t>
  </si>
  <si>
    <t>01/14/2020 06:54:47</t>
  </si>
  <si>
    <t>01/14/2020 06:59:33</t>
  </si>
  <si>
    <t>99bf5880-8af6-4197-9cad-59aa25d190b7.tmp</t>
  </si>
  <si>
    <t>\\acsfs\profiles$\vivianealda\Downloads\99bf5880-8af6-4197-9cad-59aa25d190b7.tmp</t>
  </si>
  <si>
    <t>01/14/2020 06:56:12</t>
  </si>
  <si>
    <t>1d936971-4fd5-4688-a5ed-3a39fd368416.tmp</t>
  </si>
  <si>
    <t>\\acsfs\profiles$\vivianealda\Downloads\1d936971-4fd5-4688-a5ed-3a39fd368416.tmp</t>
  </si>
  <si>
    <t>01/14/2020 06:57:55</t>
  </si>
  <si>
    <t>d166836e-6db1-4cfc-805e-a70032ee91e7.tmp</t>
  </si>
  <si>
    <t>\\acsfs\profiles$\anafsb\Downloads\d166836e-6db1-4cfc-805e-a70032ee91e7.tmp</t>
  </si>
  <si>
    <t>01/14/2020 06:57:56</t>
  </si>
  <si>
    <t>81ca5a35-afcc-4890-b476-0a8b26c828e5.tmp</t>
  </si>
  <si>
    <t>\\acsfs\profiles$\anafsb\Downloads\81ca5a35-afcc-4890-b476-0a8b26c828e5.tmp</t>
  </si>
  <si>
    <t>01/14/2020 06:58:00</t>
  </si>
  <si>
    <t>83abdffc-d5b4-41bb-94ba-23d9665743a3.tmp</t>
  </si>
  <si>
    <t>\\acsfs\profiles$\anafsb\Downloads\83abdffc-d5b4-41bb-94ba-23d9665743a3.tmp</t>
  </si>
  <si>
    <t>01/14/2020 06:58:23</t>
  </si>
  <si>
    <t>1ecd9138-acf1-491f-8de9-351496b3da81.tmp</t>
  </si>
  <si>
    <t>\\acsfs\profiles$\anafsb\Downloads\1ecd9138-acf1-491f-8de9-351496b3da81.tmp</t>
  </si>
  <si>
    <t>01/14/2020 06:58:24</t>
  </si>
  <si>
    <t>49fa5ef4-30e0-4ed2-acce-193671d0d22b.tmp</t>
  </si>
  <si>
    <t>\\acsfs\profiles$\anafsb\Downloads\49fa5ef4-30e0-4ed2-acce-193671d0d22b.tmp</t>
  </si>
  <si>
    <t>01/14/2020 06:58:50</t>
  </si>
  <si>
    <t>bce66240-af0d-48d9-826a-fc8bc9350d1b.tmp</t>
  </si>
  <si>
    <t>\\acsfs\profiles$\nayarasds\Downloads\bce66240-af0d-48d9-826a-fc8bc9350d1b.tmp</t>
  </si>
  <si>
    <t>01/14/2020 06:58:41</t>
  </si>
  <si>
    <t>09c8c188-afe6-40a6-acb4-15ec72f7462e.tmp</t>
  </si>
  <si>
    <t>\\acsfs\profiles$\gustavoab\Downloads\09c8c188-afe6-40a6-acb4-15ec72f7462e.tmp</t>
  </si>
  <si>
    <t>01/14/2020 06:56:02</t>
  </si>
  <si>
    <t>01/14/2020 07:01:33</t>
  </si>
  <si>
    <t>2724984e-0b9d-4873-b477-40c56eb8a9ba.tmp</t>
  </si>
  <si>
    <t>\\acsfs\profiles$\cintiadcf\Downloads\2724984e-0b9d-4873-b477-40c56eb8a9ba.tmp</t>
  </si>
  <si>
    <t>01/14/2020 06:59:40</t>
  </si>
  <si>
    <t>01/14/2020 07:02:33</t>
  </si>
  <si>
    <t>01/14/2020 06:59:41</t>
  </si>
  <si>
    <t>01/14/2020 06:59:42</t>
  </si>
  <si>
    <t>01/14/2020 06:59:43</t>
  </si>
  <si>
    <t>01/14/2020 06:59:44</t>
  </si>
  <si>
    <t>01/14/2020 06:59:45</t>
  </si>
  <si>
    <t>01/14/2020 06:59:46</t>
  </si>
  <si>
    <t>01/14/2020 06:59:47</t>
  </si>
  <si>
    <t>01/14/2020 06:59:48</t>
  </si>
  <si>
    <t>01/14/2020 06:59:49</t>
  </si>
  <si>
    <t>01/14/2020 06:59:50</t>
  </si>
  <si>
    <t>01/14/2020 06:59:51</t>
  </si>
  <si>
    <t>01/14/2020 06:59:52</t>
  </si>
  <si>
    <t>01/14/2020 06:59:53</t>
  </si>
  <si>
    <t>01/14/2020 06:59:54</t>
  </si>
  <si>
    <t>01/14/2020 06:59:55</t>
  </si>
  <si>
    <t>01/14/2020 06:59:56</t>
  </si>
  <si>
    <t>01/14/2020 06:59:57</t>
  </si>
  <si>
    <t>01/14/2020 06:59:58</t>
  </si>
  <si>
    <t>01/14/2020 06:59:59</t>
  </si>
  <si>
    <t>01/14/2020 07:00:00</t>
  </si>
  <si>
    <t>01/14/2020 07:00:01</t>
  </si>
  <si>
    <t>01/14/2020 07:00:02</t>
  </si>
  <si>
    <t>01/14/2020 07:00:16</t>
  </si>
  <si>
    <t>01/14/2020 06:58:43</t>
  </si>
  <si>
    <t>01/14/2020 07:04:33</t>
  </si>
  <si>
    <t>a26fc154-f5a4-4634-ad0f-1d2ae7d5f01d.tmp</t>
  </si>
  <si>
    <t>\\acsfs\profiles$\vivianealda\Downloads\a26fc154-f5a4-4634-ad0f-1d2ae7d5f01d.tmp</t>
  </si>
  <si>
    <t>01/14/2020 06:59:32</t>
  </si>
  <si>
    <t>edbd447b-212c-4d7c-9301-7590e04742b2.tmp</t>
  </si>
  <si>
    <t>\\acsfs\profiles$\vivianealda\Downloads\edbd447b-212c-4d7c-9301-7590e04742b2.tmp</t>
  </si>
  <si>
    <t>01/14/2020 07:00:54</t>
  </si>
  <si>
    <t>b664a4c3-4781-4d26-bfe6-a26384c09ac5.tmp</t>
  </si>
  <si>
    <t>\\acsfs\profiles$\vivianealda\Downloads\b664a4c3-4781-4d26-bfe6-a26384c09ac5.tmp</t>
  </si>
  <si>
    <t>01/14/2020 07:02:44</t>
  </si>
  <si>
    <t>c79741d0-f733-4e78-bc95-152cea9ab933.tmp</t>
  </si>
  <si>
    <t>\\acsfs\profiles$\vivianealda\Downloads\c79741d0-f733-4e78-bc95-152cea9ab933.tmp</t>
  </si>
  <si>
    <t>de7a72c2-db1d-4456-b4dd-6f9620ba29ca.tmp</t>
  </si>
  <si>
    <t>\\acsfs\profiles$\anafsb\Downloads\de7a72c2-db1d-4456-b4dd-6f9620ba29ca.tmp</t>
  </si>
  <si>
    <t>01/14/2020 07:00:20</t>
  </si>
  <si>
    <t>5fcfc593-e9fc-474e-8a00-4f61f9efc1a2.tmp</t>
  </si>
  <si>
    <t>\\acsfs\profiles$\anafsb\Downloads\5fcfc593-e9fc-474e-8a00-4f61f9efc1a2.tmp</t>
  </si>
  <si>
    <t>3cff790d-64b7-4d04-ada6-bffa28160751.tmp</t>
  </si>
  <si>
    <t>\\acsfs\profiles$\nayarasds\Downloads\3cff790d-64b7-4d04-ada6-bffa28160751.tmp</t>
  </si>
  <si>
    <t>01/14/2020 07:01:53</t>
  </si>
  <si>
    <t>91d9283a-32b8-4b6f-8a9d-0cd5e1b7ec31.tmp</t>
  </si>
  <si>
    <t>\\acsfs\profiles$\nayarasds\Downloads\91d9283a-32b8-4b6f-8a9d-0cd5e1b7ec31.tmp</t>
  </si>
  <si>
    <t>01/14/2020 07:01:59</t>
  </si>
  <si>
    <t>c0a65754-76f7-426a-b2f3-1a6cd7057763.tmp</t>
  </si>
  <si>
    <t>\\acsfs\profiles$\nayarasds\Downloads\c0a65754-76f7-426a-b2f3-1a6cd7057763.tmp</t>
  </si>
  <si>
    <t>01/14/2020 07:02:42</t>
  </si>
  <si>
    <t>8233f65c-3978-4b13-a79d-f969bebba1bb.tmp</t>
  </si>
  <si>
    <t>\\acsfs\profiles$\nayarasds\Downloads\8233f65c-3978-4b13-a79d-f969bebba1bb.tmp</t>
  </si>
  <si>
    <t>01/14/2020 07:02:17</t>
  </si>
  <si>
    <t>01/14/2020 06:59:37</t>
  </si>
  <si>
    <t>f520c75f-152b-4f08-8635-dfd1eb118c06.tmp</t>
  </si>
  <si>
    <t>\\acsfs\profiles$\gustavoab\Downloads\f520c75f-152b-4f08-8635-dfd1eb118c06.tmp</t>
  </si>
  <si>
    <t>88e13bbd-d59a-4ef8-bb02-93690a6ec13d.tmp</t>
  </si>
  <si>
    <t>\\acsfs\profiles$\gustavoab\Downloads\88e13bbd-d59a-4ef8-bb02-93690a6ec13d.tmp</t>
  </si>
  <si>
    <t>01/14/2020 07:00:30</t>
  </si>
  <si>
    <t>a8c98554-c501-4751-aa8c-4adef497652c.tmp</t>
  </si>
  <si>
    <t>\\acsfs\profiles$\gustavoab\Downloads\a8c98554-c501-4751-aa8c-4adef497652c.tmp</t>
  </si>
  <si>
    <t>01/14/2020 07:00:23</t>
  </si>
  <si>
    <t>01/14/2020 07:05:04</t>
  </si>
  <si>
    <t>01/14/2020 07:07:33</t>
  </si>
  <si>
    <t>01/14/2020 07:03:49</t>
  </si>
  <si>
    <t>01/14/2020 07:04:09</t>
  </si>
  <si>
    <t>01/14/2020 07:04:22</t>
  </si>
  <si>
    <t>01/14/2020 07:04:26</t>
  </si>
  <si>
    <t>01/14/2020 07:06:17</t>
  </si>
  <si>
    <t>01/14/2020 07:06:18</t>
  </si>
  <si>
    <t>01/14/2020 07:06:19</t>
  </si>
  <si>
    <t>01/14/2020 07:06:20</t>
  </si>
  <si>
    <t>01/14/2020 07:06:21</t>
  </si>
  <si>
    <t>01/14/2020 07:06:22</t>
  </si>
  <si>
    <t>01/14/2020 07:06:24</t>
  </si>
  <si>
    <t>01/14/2020 07:06:25</t>
  </si>
  <si>
    <t>01/14/2020 07:05:23</t>
  </si>
  <si>
    <t>01/14/2020 07:06:26</t>
  </si>
  <si>
    <t>01/14/2020 07:06:27</t>
  </si>
  <si>
    <t>01/14/2020 07:06:28</t>
  </si>
  <si>
    <t>01/14/2020 07:06:29</t>
  </si>
  <si>
    <t>01/14/2020 07:06:30</t>
  </si>
  <si>
    <t>01/14/2020 07:06:31</t>
  </si>
  <si>
    <t>01/14/2020 07:06:32</t>
  </si>
  <si>
    <t>01/14/2020 07:06:33</t>
  </si>
  <si>
    <t>01/14/2020 07:08:33</t>
  </si>
  <si>
    <t>01/14/2020 07:06:34</t>
  </si>
  <si>
    <t>01/14/2020 07:04:56</t>
  </si>
  <si>
    <t>84bd214d-0899-4133-aed5-e2ed974f705e.tmp</t>
  </si>
  <si>
    <t>\\acsfs\profiles$\ALYNYA\Downloads\84bd214d-0899-4133-aed5-e2ed974f705e.tmp</t>
  </si>
  <si>
    <t>01/14/2020 07:06:35</t>
  </si>
  <si>
    <t>01/14/2020 07:09:33</t>
  </si>
  <si>
    <t>01/14/2020 07:04:48</t>
  </si>
  <si>
    <t>bef457c6-cd68-409f-838d-47021f89df40.tmp</t>
  </si>
  <si>
    <t>\\acsfs\profiles$\eduardobb\Downloads\bef457c6-cd68-409f-838d-47021f89df40.tmp</t>
  </si>
  <si>
    <t>01/14/2020 07:06:00</t>
  </si>
  <si>
    <t>c23f004d-5360-41b8-938c-93dff76218a5.tmp</t>
  </si>
  <si>
    <t>\\acsfs\profiles$\eduardobb\Downloads\c23f004d-5360-41b8-938c-93dff76218a5.tmp</t>
  </si>
  <si>
    <t>a53bfb58-a955-453c-9d00-397d5807072e.tmp</t>
  </si>
  <si>
    <t>\\acsfs\profiles$\eduardobb\Downloads\a53bfb58-a955-453c-9d00-397d5807072e.tmp</t>
  </si>
  <si>
    <t>01/14/2020 07:07:31</t>
  </si>
  <si>
    <t>7d18abf0-dbed-425b-b523-dfa2c06ef1c0.tmp</t>
  </si>
  <si>
    <t>\\acsfs\profiles$\eduardobb\Downloads\7d18abf0-dbed-425b-b523-dfa2c06ef1c0.tmp</t>
  </si>
  <si>
    <t>01/14/2020 07:06:36</t>
  </si>
  <si>
    <t>01/14/2020 07:06:37</t>
  </si>
  <si>
    <t>01/14/2020 07:10:33</t>
  </si>
  <si>
    <t>01/14/2020 07:06:38</t>
  </si>
  <si>
    <t>01/14/2020 07:08:26</t>
  </si>
  <si>
    <t>01/14/2020 07:08:28</t>
  </si>
  <si>
    <t>01/14/2020 07:08:06</t>
  </si>
  <si>
    <t>01/14/2020 07:07:17</t>
  </si>
  <si>
    <t>01/14/2020 07:11:33</t>
  </si>
  <si>
    <t>01/14/2020 07:10:17</t>
  </si>
  <si>
    <t>01/14/2020 07:12:33</t>
  </si>
  <si>
    <t>01/14/2020 07:09:22</t>
  </si>
  <si>
    <t>01/14/2020 07:09:23</t>
  </si>
  <si>
    <t>01/14/2020 07:09:34</t>
  </si>
  <si>
    <t>01/14/2020 07:11:17</t>
  </si>
  <si>
    <t>01/14/2020 07:14:33</t>
  </si>
  <si>
    <t>4166bee2-6990-4b78-b253-a367d9ed377e.tmp</t>
  </si>
  <si>
    <t>\\acsfs\profiles$\vivianealda\Downloads\4166bee2-6990-4b78-b253-a367d9ed377e.tmp</t>
  </si>
  <si>
    <t>01/14/2020 07:09:17</t>
  </si>
  <si>
    <t>b6c139be-6b4f-4cd0-a99d-bbafe641639a.tmp</t>
  </si>
  <si>
    <t>\\acsfs\profiles$\eduardobb\Downloads\b6c139be-6b4f-4cd0-a99d-bbafe641639a.tmp</t>
  </si>
  <si>
    <t>01/14/2020 07:11:36</t>
  </si>
  <si>
    <t>01/14/2020 07:15:33</t>
  </si>
  <si>
    <t>01/14/2020 07:11:42</t>
  </si>
  <si>
    <t>01/14/2020 07:11:50</t>
  </si>
  <si>
    <t>01/14/2020 07:11:55</t>
  </si>
  <si>
    <t>01/14/2020 07:12:32</t>
  </si>
  <si>
    <t>01/14/2020 07:13:37</t>
  </si>
  <si>
    <t>01/14/2020 07:14:21</t>
  </si>
  <si>
    <t>01/14/2020 07:14:29</t>
  </si>
  <si>
    <t>01/14/2020 07:14:34</t>
  </si>
  <si>
    <t>01/14/2020 07:14:39</t>
  </si>
  <si>
    <t>01/14/2020 07:10:55</t>
  </si>
  <si>
    <t>01/14/2020 07:16:33</t>
  </si>
  <si>
    <t>01/14/2020 07:06:39</t>
  </si>
  <si>
    <t>01/14/2020 07:06:40</t>
  </si>
  <si>
    <t>01/14/2020 07:06:41</t>
  </si>
  <si>
    <t>01/14/2020 07:13:24</t>
  </si>
  <si>
    <t>01/14/2020 07:13:25</t>
  </si>
  <si>
    <t>01/14/2020 07:13:26</t>
  </si>
  <si>
    <t>01/14/2020 07:13:27</t>
  </si>
  <si>
    <t>01/14/2020 07:13:28</t>
  </si>
  <si>
    <t>01/14/2020 07:13:29</t>
  </si>
  <si>
    <t>01/14/2020 07:13:30</t>
  </si>
  <si>
    <t>01/14/2020 07:13:31</t>
  </si>
  <si>
    <t>01/14/2020 07:13:32</t>
  </si>
  <si>
    <t>01/14/2020 07:13:33</t>
  </si>
  <si>
    <t>01/14/2020 07:13:34</t>
  </si>
  <si>
    <t>01/14/2020 07:13:35</t>
  </si>
  <si>
    <t>01/14/2020 07:13:36</t>
  </si>
  <si>
    <t>01/14/2020 07:13:38</t>
  </si>
  <si>
    <t>01/14/2020 07:13:39</t>
  </si>
  <si>
    <t>01/14/2020 07:13:40</t>
  </si>
  <si>
    <t>01/14/2020 07:13:41</t>
  </si>
  <si>
    <t>01/14/2020 07:13:42</t>
  </si>
  <si>
    <t>01/14/2020 07:13:43</t>
  </si>
  <si>
    <t>01/14/2020 07:13:44</t>
  </si>
  <si>
    <t>01/14/2020 07:14:06</t>
  </si>
  <si>
    <t>01/14/2020 07:18:33</t>
  </si>
  <si>
    <t>01/14/2020 07:14:07</t>
  </si>
  <si>
    <t>lu11748c87h.tmp</t>
  </si>
  <si>
    <t>\\acsfs\profiles$\BRUNAAR\Numero\lu11748c87h.tmp</t>
  </si>
  <si>
    <t>01/14/2020 07:15:20</t>
  </si>
  <si>
    <t>01/14/2020 07:19:32</t>
  </si>
  <si>
    <t>01/14/2020 07:18:32</t>
  </si>
  <si>
    <t>01/14/2020 07:17:14</t>
  </si>
  <si>
    <t>01/14/2020 07:20:33</t>
  </si>
  <si>
    <t>01/14/2020 07:15:17</t>
  </si>
  <si>
    <t>01/14/2020 07:21:33</t>
  </si>
  <si>
    <t>01/14/2020 07:19:11</t>
  </si>
  <si>
    <t>01/14/2020 07:22:33</t>
  </si>
  <si>
    <t>8b9c232a-d66d-4e05-8ada-4431be773cb9.tmp</t>
  </si>
  <si>
    <t>\\acsfs\profiles$\inarajst\Downloads\8b9c232a-d66d-4e05-8ada-4431be773cb9.tmp</t>
  </si>
  <si>
    <t>01/14/2020 07:19:16</t>
  </si>
  <si>
    <t>5261249d-6da2-442e-9b8b-499df1c83c1e.tmp</t>
  </si>
  <si>
    <t>\\acsfs\profiles$\inarajst\Downloads\5261249d-6da2-442e-9b8b-499df1c83c1e.tmp</t>
  </si>
  <si>
    <t>01/14/2020 07:19:38</t>
  </si>
  <si>
    <t>d82bb934-c994-46c1-af8e-dc8e3fcbeac5.tmp</t>
  </si>
  <si>
    <t>\\acsfs\profiles$\inarajst\Downloads\d82bb934-c994-46c1-af8e-dc8e3fcbeac5.tmp</t>
  </si>
  <si>
    <t>01/14/2020 07:20:00</t>
  </si>
  <si>
    <t>fd740208-3644-494b-b4a9-081bda296f2f.tmp</t>
  </si>
  <si>
    <t>\\acsfs\profiles$\inarajst\Downloads\fd740208-3644-494b-b4a9-081bda296f2f.tmp</t>
  </si>
  <si>
    <t>01/14/2020 07:21:32</t>
  </si>
  <si>
    <t>e9774937-c9ee-4b97-b913-34b2c49dbf01.tmp</t>
  </si>
  <si>
    <t>\\acsfs\profiles$\inarajst\Downloads\e9774937-c9ee-4b97-b913-34b2c49dbf01.tmp</t>
  </si>
  <si>
    <t>01/14/2020 07:19:08</t>
  </si>
  <si>
    <t>01/14/2020 07:23:33</t>
  </si>
  <si>
    <t>01/14/2020 07:20:03</t>
  </si>
  <si>
    <t>01/14/2020 07:26:34</t>
  </si>
  <si>
    <t>01/14/2020 07:25:32</t>
  </si>
  <si>
    <t>0ef3cc02-9596-4773-af3f-a8199944234c.tmp</t>
  </si>
  <si>
    <t>\\acsfs\profiles$\sarahbal\Downloads\0ef3cc02-9596-4773-af3f-a8199944234c.tmp</t>
  </si>
  <si>
    <t>01/13/2020 21:58:10</t>
  </si>
  <si>
    <t>01/14/2020 07:27:33</t>
  </si>
  <si>
    <t>192.168.1.12</t>
  </si>
  <si>
    <t>vocabulario atualizado- 13-01-20.xlsx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ibed%2Ctrashing</t>
  </si>
  <si>
    <t>01/14/2020 07:23:17</t>
  </si>
  <si>
    <t>4758d65f-0cb3-46ab-99b9-d113b7651835.tmp</t>
  </si>
  <si>
    <t>\\acsfs\profiles$\inarajst\Downloads\4758d65f-0cb3-46ab-99b9-d113b7651835.tmp</t>
  </si>
  <si>
    <t>01/14/2020 07:25:13</t>
  </si>
  <si>
    <t>01/14/2020 07:28:33</t>
  </si>
  <si>
    <t>01/14/2020 07:26:43</t>
  </si>
  <si>
    <t>01/13/2020 14:50:38</t>
  </si>
  <si>
    <t>01/14/2020 07:27:42</t>
  </si>
  <si>
    <t>01/14/2020 07:29:33</t>
  </si>
  <si>
    <t>01/14/2020 07:28:38</t>
  </si>
  <si>
    <t>01/14/2020 07:30:33</t>
  </si>
  <si>
    <t>01/14/2020 07:28:39</t>
  </si>
  <si>
    <t>01/14/2020 07:28:40</t>
  </si>
  <si>
    <t>01/14/2020 07:28:41</t>
  </si>
  <si>
    <t>01/14/2020 07:28:42</t>
  </si>
  <si>
    <t>01/14/2020 07:28:43</t>
  </si>
  <si>
    <t>01/14/2020 07:28:44</t>
  </si>
  <si>
    <t>01/14/2020 07:28:45</t>
  </si>
  <si>
    <t>01/14/2020 07:28:46</t>
  </si>
  <si>
    <t>01/14/2020 07:28:47</t>
  </si>
  <si>
    <t>01/14/2020 07:28:48</t>
  </si>
  <si>
    <t>01/14/2020 07:28:49</t>
  </si>
  <si>
    <t>01/14/2020 07:28:50</t>
  </si>
  <si>
    <t>01/14/2020 07:28:51</t>
  </si>
  <si>
    <t>01/14/2020 07:28:52</t>
  </si>
  <si>
    <t>01/14/2020 07:28:53</t>
  </si>
  <si>
    <t>01/14/2020 07:28:54</t>
  </si>
  <si>
    <t>01/14/2020 07:28:55</t>
  </si>
  <si>
    <t>01/14/2020 07:28:56</t>
  </si>
  <si>
    <t>01/14/2020 07:28:57</t>
  </si>
  <si>
    <t>01/14/2020 07:28:58</t>
  </si>
  <si>
    <t>01/14/2020 07:28:59</t>
  </si>
  <si>
    <t>c1894d7a-1f8d-4689-877d-1f650cf5e672.tmp</t>
  </si>
  <si>
    <t>\\acsfs\profiles$\mariajra\Downloads\c1894d7a-1f8d-4689-877d-1f650cf5e672.tmp</t>
  </si>
  <si>
    <t>468c2b1e-d8e1-46eb-a314-bfdbb7a1cd1f.tmp</t>
  </si>
  <si>
    <t>\\acsfs\profiles$\mariajra\Downloads\468c2b1e-d8e1-46eb-a314-bfdbb7a1cd1f.tmp</t>
  </si>
  <si>
    <t>01/14/2020 07:31:33</t>
  </si>
  <si>
    <t>01/14/2020 07:26:00</t>
  </si>
  <si>
    <t>04f4decf-00a5-4820-959d-63f80e87ef48.tmp</t>
  </si>
  <si>
    <t>\\acsfs\profiles$\sarahbal\Downloads\04f4decf-00a5-4820-959d-63f80e87ef48.tmp</t>
  </si>
  <si>
    <t>01/14/2020 07:26:49</t>
  </si>
  <si>
    <t>5187b2c1-1e71-4bb5-832a-bd2fa0067a6d.tmp</t>
  </si>
  <si>
    <t>\\acsfs\profiles$\sarahbal\Downloads\5187b2c1-1e71-4bb5-832a-bd2fa0067a6d.tmp</t>
  </si>
  <si>
    <t>01/14/2020 07:27:03</t>
  </si>
  <si>
    <t>c641bdb8-9b62-4309-a750-8ab1158a8519.tmp</t>
  </si>
  <si>
    <t>\\acsfs\profiles$\sarahbal\Downloads\c641bdb8-9b62-4309-a750-8ab1158a8519.tmp</t>
  </si>
  <si>
    <t>01/14/2020 07:27:25</t>
  </si>
  <si>
    <t>b748a32a-2668-4c31-9cda-7b5b191851fe.tmp</t>
  </si>
  <si>
    <t>\\acsfs\profiles$\sarahbal\Downloads\b748a32a-2668-4c31-9cda-7b5b191851fe.tmp</t>
  </si>
  <si>
    <t>01/14/2020 07:32:30</t>
  </si>
  <si>
    <t>01/14/2020 07:33:34</t>
  </si>
  <si>
    <t>2d479109-e967-49ec-8996-481b7080d438.tmp</t>
  </si>
  <si>
    <t>\\acsfs\profiles$\ERICALSR\Downloads\2d479109-e967-49ec-8996-481b7080d438.tmp</t>
  </si>
  <si>
    <t>01/14/2020 07:33:07</t>
  </si>
  <si>
    <t>01/14/2020 07:33:21</t>
  </si>
  <si>
    <t>6442e4b7-e16c-4589-aeaf-f451d6d8702f.tmp</t>
  </si>
  <si>
    <t>\\acsfs\profiles$\ERICALSR\Downloads\6442e4b7-e16c-4589-aeaf-f451d6d8702f.tmp</t>
  </si>
  <si>
    <t>01/14/2020 07:30:12</t>
  </si>
  <si>
    <t>01/14/2020 07:34:33</t>
  </si>
  <si>
    <t>01/14/2020 07:32:01</t>
  </si>
  <si>
    <t>01/14/2020 07:32:03</t>
  </si>
  <si>
    <t>01/14/2020 07:32:05</t>
  </si>
  <si>
    <t>01/14/2020 07:32:06</t>
  </si>
  <si>
    <t>01/14/2020 07:32:10</t>
  </si>
  <si>
    <t>01/14/2020 07:32:11</t>
  </si>
  <si>
    <t>01/14/2020 07:32:12</t>
  </si>
  <si>
    <t>01/14/2020 07:32:13</t>
  </si>
  <si>
    <t>01/14/2020 07:32:14</t>
  </si>
  <si>
    <t>01/14/2020 07:32:15</t>
  </si>
  <si>
    <t>01/14/2020 07:32:19</t>
  </si>
  <si>
    <t>01/14/2020 07:32:21</t>
  </si>
  <si>
    <t>01/14/2020 07:32:22</t>
  </si>
  <si>
    <t>01/14/2020 07:32:26</t>
  </si>
  <si>
    <t>01/14/2020 07:32:27</t>
  </si>
  <si>
    <t>01/14/2020 07:32:29</t>
  </si>
  <si>
    <t>01/14/2020 07:32:31</t>
  </si>
  <si>
    <t>01/14/2020 07:32:34</t>
  </si>
  <si>
    <t>01/14/2020 07:32:35</t>
  </si>
  <si>
    <t>01/14/2020 07:32:36</t>
  </si>
  <si>
    <t>01/14/2020 07:32:38</t>
  </si>
  <si>
    <t>01/14/2020 07:32:39</t>
  </si>
  <si>
    <t>01/14/2020 07:32:40</t>
  </si>
  <si>
    <t>01/14/2020 07:32:41</t>
  </si>
  <si>
    <t>01/14/2020 07:32:42</t>
  </si>
  <si>
    <t>01/14/2020 07:32:43</t>
  </si>
  <si>
    <t>01/14/2020 07:32:44</t>
  </si>
  <si>
    <t>01/14/2020 07:32:45</t>
  </si>
  <si>
    <t>01/14/2020 07:32:46</t>
  </si>
  <si>
    <t>01/14/2020 07:32:47</t>
  </si>
  <si>
    <t>01/14/2020 07:32:48</t>
  </si>
  <si>
    <t>01/14/2020 07:32:49</t>
  </si>
  <si>
    <t>01/14/2020 07:32:50</t>
  </si>
  <si>
    <t>01/14/2020 07:32:51</t>
  </si>
  <si>
    <t>01/14/2020 07:32:53</t>
  </si>
  <si>
    <t>01/14/2020 07:33:37</t>
  </si>
  <si>
    <t>01/14/2020 07:33:41</t>
  </si>
  <si>
    <t>01/14/2020 07:35:34</t>
  </si>
  <si>
    <t>01/14/2020 07:36:33</t>
  </si>
  <si>
    <t>01/14/2020 07:35:49</t>
  </si>
  <si>
    <t>01/14/2020 07:37:33</t>
  </si>
  <si>
    <t>01/14/2020 07:34:43</t>
  </si>
  <si>
    <t>01/14/2020 07:38:33</t>
  </si>
  <si>
    <t>dd4de8ec-cf08-4125-a3da-ab19cfde8416.tmp</t>
  </si>
  <si>
    <t>\\acsfs\profiles$\ERICALSR\Downloads\dd4de8ec-cf08-4125-a3da-ab19cfde8416.tmp</t>
  </si>
  <si>
    <t>01/14/2020 07:37:45</t>
  </si>
  <si>
    <t>01/14/2020 07:39:33</t>
  </si>
  <si>
    <t>01/14/2020 07:35:03</t>
  </si>
  <si>
    <t>7668d397-57ec-4047-86cf-709d1e83e552.tmp</t>
  </si>
  <si>
    <t>\\acsfs\profiles$\dhiulliananads\Downloads\7668d397-57ec-4047-86cf-709d1e83e552.tmp</t>
  </si>
  <si>
    <t>01/14/2020 07:35:27</t>
  </si>
  <si>
    <t>346a548a-7dc9-4169-b413-f6ff3694e485.tmp</t>
  </si>
  <si>
    <t>\\acsfs\profiles$\dhiulliananads\Downloads\346a548a-7dc9-4169-b413-f6ff3694e485.tmp</t>
  </si>
  <si>
    <t>01/14/2020 07:37:58</t>
  </si>
  <si>
    <t>f918a799-c3b7-43dd-988f-136d826d0a9f.tmp</t>
  </si>
  <si>
    <t>\\acsfs\profiles$\dhiulliananads\Downloads\f918a799-c3b7-43dd-988f-136d826d0a9f.tmp</t>
  </si>
  <si>
    <t>01/14/2020 07:41:33</t>
  </si>
  <si>
    <t>01/14/2020 07:40:16</t>
  </si>
  <si>
    <t>https://udpmailboxap01.acs.com.br:8443/h/search?si=0&amp;so=0&amp;sc=72183&amp;sfi=2&amp;st=conversation&amp;action=compose</t>
  </si>
  <si>
    <t>01/14/2020 07:41:17</t>
  </si>
  <si>
    <t>01/14/2020 07:42:34</t>
  </si>
  <si>
    <t>01/14/2020 07:40:34</t>
  </si>
  <si>
    <t>01/14/2020 07:43:33</t>
  </si>
  <si>
    <t>01/14/2020 07:39:50</t>
  </si>
  <si>
    <t>01/14/2020 07:44:33</t>
  </si>
  <si>
    <t>01/14/2020 07:41:28</t>
  </si>
  <si>
    <t>01/14/2020 07:42:22</t>
  </si>
  <si>
    <t>01/14/2020 07:45:33</t>
  </si>
  <si>
    <t>01/14/2020 07:46:33</t>
  </si>
  <si>
    <t>01/14/2020 07:41:46</t>
  </si>
  <si>
    <t>01/14/2020 07:42:16</t>
  </si>
  <si>
    <t>01/14/2020 07:42:46</t>
  </si>
  <si>
    <t>01/14/2020 07:43:16</t>
  </si>
  <si>
    <t>01/14/2020 07:43:46</t>
  </si>
  <si>
    <t>01/14/2020 07:46:23</t>
  </si>
  <si>
    <t>01/14/2020 07:47:33</t>
  </si>
  <si>
    <t>01/14/2020 07:42:15</t>
  </si>
  <si>
    <t>a4f84cdc-f0af-4b9f-a63e-585a08f4a1b5.tmp</t>
  </si>
  <si>
    <t>\\acsfs\profiles$\antoniosva\Downloads\a4f84cdc-f0af-4b9f-a63e-585a08f4a1b5.tmp</t>
  </si>
  <si>
    <t>01/14/2020 07:44:14</t>
  </si>
  <si>
    <t>2bf3fc07-d9cc-477a-b7a1-163d5979038a.tmp</t>
  </si>
  <si>
    <t>\\acsfs\profiles$\antoniosva\Downloads\2bf3fc07-d9cc-477a-b7a1-163d5979038a.tmp</t>
  </si>
  <si>
    <t>01/14/2020 07:44:52</t>
  </si>
  <si>
    <t>af652b1e-e724-4c57-aab5-654854e9a154.tmp</t>
  </si>
  <si>
    <t>\\acsfs\profiles$\antoniosva\Downloads\af652b1e-e724-4c57-aab5-654854e9a154.tmp</t>
  </si>
  <si>
    <t>01/14/2020 07:46:34</t>
  </si>
  <si>
    <t>3f29d0b0-4930-4de2-9116-13abcb145a04.tmp</t>
  </si>
  <si>
    <t>\\acsfs\profiles$\antoniosva\Downloads\3f29d0b0-4930-4de2-9116-13abcb145a04.tmp</t>
  </si>
  <si>
    <t>01/14/2020 07:46:15</t>
  </si>
  <si>
    <t>a47222b6-7ec8-4fd0-94c7-328af28f43c4.tmp</t>
  </si>
  <si>
    <t>\\acsfs\profiles$\geovannasm\Downloads\a47222b6-7ec8-4fd0-94c7-328af28f43c4.tmp</t>
  </si>
  <si>
    <t>ac91c54c-666a-4512-a0c6-595bed171e51.tmp</t>
  </si>
  <si>
    <t>\\acsfs\profiles$\geovannasm\Downloads\ac91c54c-666a-4512-a0c6-595bed171e51.tmp</t>
  </si>
  <si>
    <t>01/14/2020 07:46:19</t>
  </si>
  <si>
    <t>feade4a2-38ad-4741-bad5-bd54650d3fa4.tmp</t>
  </si>
  <si>
    <t>\\acsfs\profiles$\geovannasm\Downloads\feade4a2-38ad-4741-bad5-bd54650d3fa4.tmp</t>
  </si>
  <si>
    <t>01/14/2020 07:46:42</t>
  </si>
  <si>
    <t>01/14/2020 07:48:33</t>
  </si>
  <si>
    <t>01/14/2020 07:44:49</t>
  </si>
  <si>
    <t>28fba57e-9973-443e-a727-e9d732a0e0d7.tmp</t>
  </si>
  <si>
    <t>\\acsfs\profiles$\ERICALSR\Downloads\28fba57e-9973-443e-a727-e9d732a0e0d7.tmp</t>
  </si>
  <si>
    <t>01/14/2020 07:47:46</t>
  </si>
  <si>
    <t>01/14/2020 07:45:45</t>
  </si>
  <si>
    <t>01/14/2020 07:50:33</t>
  </si>
  <si>
    <t>01/14/2020 07:48:57</t>
  </si>
  <si>
    <t>01/14/2020 07:49:03</t>
  </si>
  <si>
    <t>01/14/2020 07:49:16</t>
  </si>
  <si>
    <t>01/14/2020 07:49:23</t>
  </si>
  <si>
    <t>01/14/2020 07:49:27</t>
  </si>
  <si>
    <t>01/14/2020 07:49:33</t>
  </si>
  <si>
    <t>01/14/2020 07:50:01</t>
  </si>
  <si>
    <t>01/14/2020 07:51:34</t>
  </si>
  <si>
    <t>01/14/2020 07:47:39</t>
  </si>
  <si>
    <t>01/14/2020 07:52:33</t>
  </si>
  <si>
    <t>27ed8d68-c82e-4305-bf95-0c064e18cc97.tmp</t>
  </si>
  <si>
    <t>\\acsfs\profiles$\luanarda\Downloads\27ed8d68-c82e-4305-bf95-0c064e18cc97.tmp</t>
  </si>
  <si>
    <t>01/14/2020 07:48:54</t>
  </si>
  <si>
    <t>01/14/2020 07:48:00</t>
  </si>
  <si>
    <t>18319c12-07f4-4405-af43-d02484925201.tmp</t>
  </si>
  <si>
    <t>\\acsfs\profiles$\antoniosva\Downloads\18319c12-07f4-4405-af43-d02484925201.tmp</t>
  </si>
  <si>
    <t>01/14/2020 07:48:14</t>
  </si>
  <si>
    <t>7fa602a4-f035-477d-a42d-03ce120d18ea.tmp</t>
  </si>
  <si>
    <t>\\acsfs\profiles$\danielac\Downloads\7fa602a4-f035-477d-a42d-03ce120d18ea.tmp</t>
  </si>
  <si>
    <t>01/14/2020 07:50:58</t>
  </si>
  <si>
    <t>a7fcbb9d-ed01-426a-a2f8-b20770e6382d.tmp</t>
  </si>
  <si>
    <t>\\acsfs\profiles$\danielac\Downloads\a7fcbb9d-ed01-426a-a2f8-b20770e6382d.tmp</t>
  </si>
  <si>
    <t>01/14/2020 07:48:45</t>
  </si>
  <si>
    <t>aeae8133-55c4-4a51-a270-d9354bfe9726.tmp</t>
  </si>
  <si>
    <t>\\acsfs\profiles$\geovannasm\Downloads\aeae8133-55c4-4a51-a270-d9354bfe9726.tmp</t>
  </si>
  <si>
    <t>01/14/2020 07:51:25</t>
  </si>
  <si>
    <t>01/14/2020 07:54:33</t>
  </si>
  <si>
    <t>01/14/2020 07:53:38</t>
  </si>
  <si>
    <t>01/14/2020 07:53:42</t>
  </si>
  <si>
    <t>01/14/2020 07:49:44</t>
  </si>
  <si>
    <t>df96fc8b-a320-40f3-9001-d71b7adfd387.tmp</t>
  </si>
  <si>
    <t>\\acsfs\profiles$\leticiala\Downloads\df96fc8b-a320-40f3-9001-d71b7adfd387.tmp</t>
  </si>
  <si>
    <t>01/14/2020 07:49:47</t>
  </si>
  <si>
    <t>c0e7ed92-0954-46da-adb3-036a00194c79.tmp</t>
  </si>
  <si>
    <t>\\acsfs\profiles$\leticiala\Downloads\c0e7ed92-0954-46da-adb3-036a00194c79.tmp</t>
  </si>
  <si>
    <t>01/14/2020 07:51:10</t>
  </si>
  <si>
    <t>e581f814-1340-4a94-97a7-e101d092f113.tmp</t>
  </si>
  <si>
    <t>\\acsfs\profiles$\leticiala\Downloads\e581f814-1340-4a94-97a7-e101d092f113.tmp</t>
  </si>
  <si>
    <t>01/14/2020 07:50:35</t>
  </si>
  <si>
    <t>01/14/2020 07:55:34</t>
  </si>
  <si>
    <t>01/14/2020 07:50:40</t>
  </si>
  <si>
    <t>01/14/2020 07:50:53</t>
  </si>
  <si>
    <t>01/14/2020 07:51:00</t>
  </si>
  <si>
    <t>01/14/2020 07:51:12</t>
  </si>
  <si>
    <t>01/14/2020 07:51:17</t>
  </si>
  <si>
    <t>01/14/2020 07:56:33</t>
  </si>
  <si>
    <t>01/14/2020 07:52:28</t>
  </si>
  <si>
    <t>01/14/2020 07:57:33</t>
  </si>
  <si>
    <t>lu1802411gr7m.tmp</t>
  </si>
  <si>
    <t>\\acsfs\profiles$\luanarda\lu1802411gr7m.tmp</t>
  </si>
  <si>
    <t>\\acsfs\profiles$\luanarda\lu1802411gr7m.tmp\</t>
  </si>
  <si>
    <t>\\acsfs\profiles$\luanarda\lu1802411gr7m.tmp\META-INF\</t>
  </si>
  <si>
    <t>01/14/2020 07:52:29</t>
  </si>
  <si>
    <t>\\acsfs\profiles$\luanarda\lu1802411gr7m.tmp\Thumbnails\</t>
  </si>
  <si>
    <t>01/14/2020 07:52:42</t>
  </si>
  <si>
    <t>01/14/2020 07:53:13</t>
  </si>
  <si>
    <t>\\acsfs\profiles$\luanarda\.~lock.VENDAS.ods#</t>
  </si>
  <si>
    <t>01/14/2020 07:53:53</t>
  </si>
  <si>
    <t>01/14/2020 07:54:09</t>
  </si>
  <si>
    <t>01/14/2020 07:54:45</t>
  </si>
  <si>
    <t>abccf398-0345-4f68-8890-900010bfaccd.tmp</t>
  </si>
  <si>
    <t>\\acsfs\profiles$\luanarda\Downloads\abccf398-0345-4f68-8890-900010bfaccd.tmp</t>
  </si>
  <si>
    <t>01/14/2020 07:56:13</t>
  </si>
  <si>
    <t>daniloma@algartech.com</t>
  </si>
  <si>
    <t>\\acsfs\dsti\CIT- Coordenação de Inteligência de Tecnologia\20- Gerenciamento de Mudanças\05 - Outros documentos - Auditoria\ISAE\2019\Ger. Mudanças\Item 2.3\</t>
  </si>
  <si>
    <t>CA - Relatorio de Acessos 543814-2018-19 - Copia.xlsx</t>
  </si>
  <si>
    <t>01/14/2020 07:54:18</t>
  </si>
  <si>
    <t>428f6afa-bfde-4f6e-97ee-0ba79e161637.tmp</t>
  </si>
  <si>
    <t>\\acsfs\profiles$\geovannasm\Downloads\428f6afa-bfde-4f6e-97ee-0ba79e161637.tmp</t>
  </si>
  <si>
    <t>01/13/2020 18:58:37</t>
  </si>
  <si>
    <t>01/14/2020 07:58:33</t>
  </si>
  <si>
    <t>01/14/2020 07:57:04</t>
  </si>
  <si>
    <t>01/14/2020 07:56:35</t>
  </si>
  <si>
    <t>01/14/2020 07:59:33</t>
  </si>
  <si>
    <t>96438886-399e-4db0-a02b-70ed04283f55.tmp</t>
  </si>
  <si>
    <t>\\acsfs\profiles$\marcellewdl\Downloads\96438886-399e-4db0-a02b-70ed04283f55.tmp</t>
  </si>
  <si>
    <t>01/14/2020 07:57:41</t>
  </si>
  <si>
    <t>11d01204-99e5-4ee0-ac10-3fc9122df4d2.tmp</t>
  </si>
  <si>
    <t>\\acsfs\profiles$\marcellewdl\Downloads\11d01204-99e5-4ee0-ac10-3fc9122df4d2.tmp</t>
  </si>
  <si>
    <t>01/14/2020 07:57:58</t>
  </si>
  <si>
    <t>14bf4a4b-8c08-4bf4-ac5f-8c75901804cc.tmp</t>
  </si>
  <si>
    <t>\\acsfs\profiles$\marcellewdl\Downloads\14bf4a4b-8c08-4bf4-ac5f-8c75901804cc.tmp</t>
  </si>
  <si>
    <t>01/14/2020 07:58:25</t>
  </si>
  <si>
    <t>4ba41407-e1f2-49ce-b94e-bcd5bb420579.tmp</t>
  </si>
  <si>
    <t>\\acsfs\profiles$\vivianealda\Downloads\4ba41407-e1f2-49ce-b94e-bcd5bb420579.tmp</t>
  </si>
  <si>
    <t>01/14/2020 07:53:49</t>
  </si>
  <si>
    <t>01/14/2020 07:53:58</t>
  </si>
  <si>
    <t>01/14/2020 07:54:14</t>
  </si>
  <si>
    <t>01/14/2020 07:54:47</t>
  </si>
  <si>
    <t>01/14/2020 07:54:58</t>
  </si>
  <si>
    <t>01/14/2020 07:55:04</t>
  </si>
  <si>
    <t>01/14/2020 07:55:19</t>
  </si>
  <si>
    <t>01/14/2020 07:56:03</t>
  </si>
  <si>
    <t>01/14/2020 07:56:06</t>
  </si>
  <si>
    <t>01/14/2020 07:56:10</t>
  </si>
  <si>
    <t>01/14/2020 07:56:21</t>
  </si>
  <si>
    <t>01/14/2020 07:56:26</t>
  </si>
  <si>
    <t>01/14/2020 07:56:41</t>
  </si>
  <si>
    <t>01/14/2020 07:56:44</t>
  </si>
  <si>
    <t>01/14/2020 07:56:49</t>
  </si>
  <si>
    <t>01/14/2020 07:57:02</t>
  </si>
  <si>
    <t>01/14/2020 07:57:59</t>
  </si>
  <si>
    <t>01/14/2020 07:58:08</t>
  </si>
  <si>
    <t>01/14/2020 07:58:18</t>
  </si>
  <si>
    <t>01/14/2020 07:58:37</t>
  </si>
  <si>
    <t>01/14/2020 07:56:47</t>
  </si>
  <si>
    <t>4a5bd41f-5fca-4615-ae83-a36f2415d861.tmp</t>
  </si>
  <si>
    <t>\\acsfs\profiles$\THYAGOSP\Downloads\4a5bd41f-5fca-4615-ae83-a36f2415d861.tmp</t>
  </si>
  <si>
    <t>01/14/2020 07:55:01</t>
  </si>
  <si>
    <t>01/14/2020 07:55:49</t>
  </si>
  <si>
    <t>01/14/2020 08:00:33</t>
  </si>
  <si>
    <t>01/14/2020 07:58:45</t>
  </si>
  <si>
    <t>01/14/2020 07:59:03</t>
  </si>
  <si>
    <t>01/14/2020 07:59:08</t>
  </si>
  <si>
    <t>01/14/2020 07:59:10</t>
  </si>
  <si>
    <t>01/14/2020 07:59:21</t>
  </si>
  <si>
    <t>01/14/2020 07:59:45</t>
  </si>
  <si>
    <t>01/14/2020 07:59:51</t>
  </si>
  <si>
    <t>01/14/2020 08:00:17</t>
  </si>
  <si>
    <t>18419581-7c78-4529-8000-082634dcaae0.tmp</t>
  </si>
  <si>
    <t>\\acsfs\profiles$\mariajra\Downloads\18419581-7c78-4529-8000-082634dcaae0.tmp</t>
  </si>
  <si>
    <t>01/14/2020 07:59:59</t>
  </si>
  <si>
    <t>ee50271a-c966-4ff9-8763-1f4813e2e05f.tmp</t>
  </si>
  <si>
    <t>\\acsfs\profiles$\ANAPDSB\Downloads\ee50271a-c966-4ff9-8763-1f4813e2e05f.tmp</t>
  </si>
  <si>
    <t>01/14/2020 08:00:05</t>
  </si>
  <si>
    <t>01/14/2020 08:00:10</t>
  </si>
  <si>
    <t>01/14/2020 08:01:34</t>
  </si>
  <si>
    <t>01/14/2020 07:56:16</t>
  </si>
  <si>
    <t>01/14/2020 07:56:46</t>
  </si>
  <si>
    <t>01/14/2020 07:59:16</t>
  </si>
  <si>
    <t>01/14/2020 08:00:16</t>
  </si>
  <si>
    <t>01/14/2020 07:58:09</t>
  </si>
  <si>
    <t>01/14/2020 07:58:38</t>
  </si>
  <si>
    <t>c4fc180f-a374-47ab-a85e-9a71adb830ae.tmp</t>
  </si>
  <si>
    <t>\\acsfs\profiles$\RAFAELRF\Downloads\c4fc180f-a374-47ab-a85e-9a71adb830ae.tmp</t>
  </si>
  <si>
    <t>01/14/2020 07:59:25</t>
  </si>
  <si>
    <t>501c000b-853b-4958-8fd0-74aa9c2ac551.tmp</t>
  </si>
  <si>
    <t>\\acsfs\profiles$\RAFAELRF\Downloads\501c000b-853b-4958-8fd0-74aa9c2ac551.tmp</t>
  </si>
  <si>
    <t>01/13/2020 17:31:23</t>
  </si>
  <si>
    <t>10.200.66.57</t>
  </si>
  <si>
    <t>01/14/2020 07:56:27</t>
  </si>
  <si>
    <t>e57e8e3f-d7b9-49f5-b905-da6fcc77e921.tmp</t>
  </si>
  <si>
    <t>\\acsfs\profiles$\sarahbal\Downloads\e57e8e3f-d7b9-49f5-b905-da6fcc77e921.tmp</t>
  </si>
  <si>
    <t>01/14/2020 07:59:00</t>
  </si>
  <si>
    <t>01/14/2020 08:02:34</t>
  </si>
  <si>
    <t>8666bfa5-2c4a-4221-b707-7affff41150e.tmp</t>
  </si>
  <si>
    <t>\\acsfs\profiles$\vivianalds\Downloads\8666bfa5-2c4a-4221-b707-7affff41150e.tmp</t>
  </si>
  <si>
    <t>01/14/2020 08:00:21</t>
  </si>
  <si>
    <t>ea2468b6-939e-4211-8338-5718ab5e8c60.tmp</t>
  </si>
  <si>
    <t>\\acsfs\profiles$\vivianalds\Downloads\ea2468b6-939e-4211-8338-5718ab5e8c60.tmp</t>
  </si>
  <si>
    <t>01/14/2020 07:58:43</t>
  </si>
  <si>
    <t>01/14/2020 07:57:56</t>
  </si>
  <si>
    <t>01/14/2020 08:03:34</t>
  </si>
  <si>
    <t>2852f8c9-114b-43d7-969b-00aa6b390a3a.tmp</t>
  </si>
  <si>
    <t>\\acsfs\profiles$\wenderbnm\Downloads\2852f8c9-114b-43d7-969b-00aa6b390a3a.tmp</t>
  </si>
  <si>
    <t>01/14/2020 07:58:51</t>
  </si>
  <si>
    <t>13cb632f-3ac6-4f1f-8724-4a6f53a31e4a.tmp</t>
  </si>
  <si>
    <t>\\acsfs\profiles$\wenderbnm\Downloads\13cb632f-3ac6-4f1f-8724-4a6f53a31e4a.tmp</t>
  </si>
  <si>
    <t>362635c4-5e14-4f65-9be8-4771f1a8da7d.tmp</t>
  </si>
  <si>
    <t>\\acsfs\profiles$\rafaelahpn\Downloads\362635c4-5e14-4f65-9be8-4771f1a8da7d.tmp</t>
  </si>
  <si>
    <t>01/14/2020 08:04:35</t>
  </si>
  <si>
    <t>01/14/2020 08:00:59</t>
  </si>
  <si>
    <t>ad718d33-4f57-42bc-9fd8-5e061b813d3f.tmp</t>
  </si>
  <si>
    <t>\\acsfs\profiles$\vivianealda\Downloads\ad718d33-4f57-42bc-9fd8-5e061b813d3f.tmp</t>
  </si>
  <si>
    <t>01/14/2020 07:58:57</t>
  </si>
  <si>
    <t>01/14/2020 07:59:01</t>
  </si>
  <si>
    <t>01/14/2020 07:59:04</t>
  </si>
  <si>
    <t>mail.google.com/sync/u/0/i/s?hl=pt-BR&amp;c=569</t>
  </si>
  <si>
    <t>01/14/2020 07:59:13</t>
  </si>
  <si>
    <t>01/14/2020 08:01:02</t>
  </si>
  <si>
    <t>01/14/2020 08:01:04</t>
  </si>
  <si>
    <t>01/14/2020 08:01:10</t>
  </si>
  <si>
    <t>01/14/2020 08:01:18</t>
  </si>
  <si>
    <t>01/14/2020 08:01:22</t>
  </si>
  <si>
    <t>01/14/2020 08:01:36</t>
  </si>
  <si>
    <t>01/14/2020 08:01:40</t>
  </si>
  <si>
    <t>01/14/2020 08:02:02</t>
  </si>
  <si>
    <t>01/14/2020 08:02:06</t>
  </si>
  <si>
    <t>01/14/2020 08:02:20</t>
  </si>
  <si>
    <t>01/14/2020 08:02:24</t>
  </si>
  <si>
    <t>01/14/2020 08:02:36</t>
  </si>
  <si>
    <t>01/14/2020 08:02:40</t>
  </si>
  <si>
    <t>01/14/2020 08:02:58</t>
  </si>
  <si>
    <t>01/14/2020 08:03:03</t>
  </si>
  <si>
    <t>01/14/2020 08:03:04</t>
  </si>
  <si>
    <t>01/14/2020 08:03:19</t>
  </si>
  <si>
    <t>01/14/2020 08:03:25</t>
  </si>
  <si>
    <t>01/14/2020 08:03:28</t>
  </si>
  <si>
    <t>01/14/2020 07:58:52</t>
  </si>
  <si>
    <t>923d1dab-189d-41ce-bab0-7891bf6cf00b.tmp</t>
  </si>
  <si>
    <t>\\acsfs\profiles$\THYAGOSP\Downloads\923d1dab-189d-41ce-bab0-7891bf6cf00b.tmp</t>
  </si>
  <si>
    <t>01/14/2020 08:00:42</t>
  </si>
  <si>
    <t>01/14/2020 08:02:28</t>
  </si>
  <si>
    <t>6ddb2fbb-e814-449c-b291-a60d8d07eb57.tmp</t>
  </si>
  <si>
    <t>\\acsfs\profiles$\paulovadc\Downloads\6ddb2fbb-e814-449c-b291-a60d8d07eb57.tmp</t>
  </si>
  <si>
    <t>01/14/2020 08:03:48</t>
  </si>
  <si>
    <t>6f216f24-2774-4dda-9a47-f9c7ea45b457.tmp</t>
  </si>
  <si>
    <t>\\acsfs\profiles$\paulovadc\Downloads\6f216f24-2774-4dda-9a47-f9c7ea45b457.tmp</t>
  </si>
  <si>
    <t>01/14/2020 08:00:36</t>
  </si>
  <si>
    <t>01/14/2020 08:05:34</t>
  </si>
  <si>
    <t>01/14/2020 08:04:44</t>
  </si>
  <si>
    <t>01/14/2020 08:03:00</t>
  </si>
  <si>
    <t>b86a31f1-a712-4256-a64c-af62b91fc298.tmp</t>
  </si>
  <si>
    <t>\\acsfs\profiles$\quindaizaagds\Downloads\b86a31f1-a712-4256-a64c-af62b91fc298.tmp</t>
  </si>
  <si>
    <t>01/14/2020 08:04:47</t>
  </si>
  <si>
    <t>0b03c4b2-9040-477e-827b-20f28975c378.tmp</t>
  </si>
  <si>
    <t>\\acsfs\profiles$\quindaizaagds\Downloads\0b03c4b2-9040-477e-827b-20f28975c378.tmp</t>
  </si>
  <si>
    <t>01/14/2020 08:01:43</t>
  </si>
  <si>
    <t>Anotações Importantes.txt</t>
  </si>
  <si>
    <t>\\acsfs\profiles$\diosquellysc\Anotações Importantes.txt</t>
  </si>
  <si>
    <t>01/14/2020 08:03:40</t>
  </si>
  <si>
    <t>01/14/2020 08:04:34</t>
  </si>
  <si>
    <t>01/14/2020 08:02:00</t>
  </si>
  <si>
    <t>01/14/2020 08:02:01</t>
  </si>
  <si>
    <t>lu1000011qr4l.tmp</t>
  </si>
  <si>
    <t>\\acsfs\profiles$\jonathanwap\lu1000011qr4l.tmp</t>
  </si>
  <si>
    <t>\\acsfs\profiles$\jonathanwap\lu1000011qr4l.tmp\</t>
  </si>
  <si>
    <t>\\acsfs\profiles$\jonathanwap\lu1000011qr4l.tmp\META-INF\</t>
  </si>
  <si>
    <t>\\acsfs\profiles$\jonathanwap\lu1000011qr4l.tmp\Thumbnails\</t>
  </si>
  <si>
    <t>01/14/2020 08:00:24</t>
  </si>
  <si>
    <t>01/14/2020 08:00:32</t>
  </si>
  <si>
    <t>01/14/2020 08:00:50</t>
  </si>
  <si>
    <t>01/14/2020 08:04:13</t>
  </si>
  <si>
    <t>01/14/2020 08:04:16</t>
  </si>
  <si>
    <t>01/14/2020 08:04:25</t>
  </si>
  <si>
    <t>01/14/2020 08:04:36</t>
  </si>
  <si>
    <t>01/14/2020 08:04:41</t>
  </si>
  <si>
    <t>01/14/2020 08:04:53</t>
  </si>
  <si>
    <t>01/14/2020 08:05:02</t>
  </si>
  <si>
    <t>01/14/2020 08:05:07</t>
  </si>
  <si>
    <t>01/14/2020 08:05:14</t>
  </si>
  <si>
    <t>14979d12-6659-4431-ace8-515f135039ea.tmp</t>
  </si>
  <si>
    <t>\\acsfs\profiles$\ANAPDSB\Downloads\14979d12-6659-4431-ace8-515f135039ea.tmp</t>
  </si>
  <si>
    <t>01/14/2020 08:01:53</t>
  </si>
  <si>
    <t>01/14/2020 08:02:31</t>
  </si>
  <si>
    <t>01/14/2020 08:06:35</t>
  </si>
  <si>
    <t>01/14/2020 08:03:02</t>
  </si>
  <si>
    <t>01/14/2020 08:07:34</t>
  </si>
  <si>
    <t>450c5f06-7383-49ed-82f1-0ed27f61ea47.tmp</t>
  </si>
  <si>
    <t>\\acsfs\profiles$\felipetds\Downloads\450c5f06-7383-49ed-82f1-0ed27f61ea47.tmp</t>
  </si>
  <si>
    <t>01/14/2020 08:03:55</t>
  </si>
  <si>
    <t>01/14/2020 08:04:04</t>
  </si>
  <si>
    <t>5f651ff1-0d1b-4883-a67a-2c3ca9e1fb97.tmp</t>
  </si>
  <si>
    <t>\\acsfs\profiles$\felipetds\Downloads\5f651ff1-0d1b-4883-a67a-2c3ca9e1fb97.tmp</t>
  </si>
  <si>
    <t>01/14/2020 08:05:06</t>
  </si>
  <si>
    <t>f755e6cd-4b71-4224-99de-79adea260f7c.tmp</t>
  </si>
  <si>
    <t>\\acsfs\profiles$\felipetds\Downloads\f755e6cd-4b71-4224-99de-79adea260f7c.tmp</t>
  </si>
  <si>
    <t>01/14/2020 08:03:16</t>
  </si>
  <si>
    <t>01/14/2020 08:08:34</t>
  </si>
  <si>
    <t>a8b6553d-0235-49d5-9c5b-e69955469f20.tmp</t>
  </si>
  <si>
    <t>\\acsfs\profiles$\rafaelahpn\Downloads\a8b6553d-0235-49d5-9c5b-e69955469f20.tmp</t>
  </si>
  <si>
    <t>01/14/2020 08:04:11</t>
  </si>
  <si>
    <t>3428c387-7a60-4630-920f-98bccd25d145.tmp</t>
  </si>
  <si>
    <t>\\acsfs\profiles$\rafaelahpn\Downloads\3428c387-7a60-4630-920f-98bccd25d145.tmp</t>
  </si>
  <si>
    <t>01/14/2020 08:04:15</t>
  </si>
  <si>
    <t>0e769f18-24ec-4f90-94b9-65defc67e6a4.tmp</t>
  </si>
  <si>
    <t>\\acsfs\profiles$\rafaelahpn\Downloads\0e769f18-24ec-4f90-94b9-65defc67e6a4.tmp</t>
  </si>
  <si>
    <t>01/14/2020 08:04:57</t>
  </si>
  <si>
    <t>b50c223a-fb36-4311-b42d-465166c110f5.tmp</t>
  </si>
  <si>
    <t>\\acsfs\profiles$\rafaelahpn\Downloads\b50c223a-fb36-4311-b42d-465166c110f5.tmp</t>
  </si>
  <si>
    <t>01/14/2020 08:07:57</t>
  </si>
  <si>
    <t>7ec8bf32-02b1-4a41-86aa-6d57d15c080b.tmp</t>
  </si>
  <si>
    <t>\\acsfs\profiles$\rafaelahpn\Downloads\7ec8bf32-02b1-4a41-86aa-6d57d15c080b.tmp</t>
  </si>
  <si>
    <t>01/14/2020 08:05:09</t>
  </si>
  <si>
    <t>01/14/2020 08:09:34</t>
  </si>
  <si>
    <t>01/14/2020 08:06:02</t>
  </si>
  <si>
    <t>002a4d2d-9bd7-4184-9bb6-ee17c1f6d2e9.tmp</t>
  </si>
  <si>
    <t>\\acsfs\profiles$\anafsb\Downloads\002a4d2d-9bd7-4184-9bb6-ee17c1f6d2e9.tmp</t>
  </si>
  <si>
    <t>01/14/2020 08:07:45</t>
  </si>
  <si>
    <t>01/14/2020 08:06:05</t>
  </si>
  <si>
    <t>01/14/2020 08:10:34</t>
  </si>
  <si>
    <t>01/14/2020 08:07:39</t>
  </si>
  <si>
    <t>01/14/2020 08:08:05</t>
  </si>
  <si>
    <t>01/14/2020 08:03:49</t>
  </si>
  <si>
    <t>01/14/2020 08:09:43</t>
  </si>
  <si>
    <t>01/14/2020 08:03:53</t>
  </si>
  <si>
    <t>01/14/2020 08:03:56</t>
  </si>
  <si>
    <t>01/14/2020 08:04:08</t>
  </si>
  <si>
    <t>01/14/2020 08:04:22</t>
  </si>
  <si>
    <t>01/14/2020 08:04:29</t>
  </si>
  <si>
    <t>01/14/2020 08:04:40</t>
  </si>
  <si>
    <t>01/14/2020 08:04:48</t>
  </si>
  <si>
    <t>01/14/2020 08:04:54</t>
  </si>
  <si>
    <t>01/14/2020 08:05:13</t>
  </si>
  <si>
    <t>01/14/2020 08:05:22</t>
  </si>
  <si>
    <t>01/14/2020 08:05:43</t>
  </si>
  <si>
    <t>01/14/2020 08:05:52</t>
  </si>
  <si>
    <t>01/14/2020 08:06:14</t>
  </si>
  <si>
    <t>01/14/2020 08:06:19</t>
  </si>
  <si>
    <t>01/14/2020 08:06:33</t>
  </si>
  <si>
    <t>01/14/2020 08:06:41</t>
  </si>
  <si>
    <t>01/14/2020 08:06:45</t>
  </si>
  <si>
    <t>01/14/2020 08:06:42</t>
  </si>
  <si>
    <t>226f8706-8572-4cb3-b130-42a131f6ddf3.tmp</t>
  </si>
  <si>
    <t>\\acsfs\profiles$\quindaizaagds\Downloads\226f8706-8572-4cb3-b130-42a131f6ddf3.tmp</t>
  </si>
  <si>
    <t>01/14/2020 08:05:23</t>
  </si>
  <si>
    <t>bvcartes-supervisores@algarnet.onmicrosoft.com;joaogvc@algartech.com;leonardoao@algartech.com;marianadjc@algartech.com;paulacn@algartech.com;rafaelggs@algartech.com;ricardodfm@algartech.com.br;taysdss@algartech.com;thiagordu@algartech.com;viniciussg@algartech.com;</t>
  </si>
  <si>
    <t>bvcartes-supervisores@algarnet.onmicrosoft.com,joaogvc@algartech.com,leonardoao@algartech.com,marianadjc@algartech.com,paulacn@algartech.com,rafaelggs@algartech.com,ricardodfm@algartech.com.br,taysdss@algartech.com,thiagordu@algartech.com,viniciussg@algartech.com</t>
  </si>
  <si>
    <t>01/14/2020 08:05:35</t>
  </si>
  <si>
    <t>01/14/2020 08:05:39</t>
  </si>
  <si>
    <t>01/14/2020 08:05:48</t>
  </si>
  <si>
    <t>01/14/2020 08:05:55</t>
  </si>
  <si>
    <t>01/14/2020 08:06:11</t>
  </si>
  <si>
    <t>01/14/2020 08:06:21</t>
  </si>
  <si>
    <t>01/14/2020 08:06:27</t>
  </si>
  <si>
    <t>01/14/2020 08:06:32</t>
  </si>
  <si>
    <t>01/14/2020 08:06:37</t>
  </si>
  <si>
    <t>joaogvc@algartech.com;katia.cardoso@bv.com.br;leonardoao@algartech.com;marianadjc@algartech.com;paulacn@algartech.com;rafaelggs@algartech.com;ricardodfm@algartech.com.br;taysdss@algartech.com;thiagordu@algartech.com;viniciussg@algartech.com;</t>
  </si>
  <si>
    <t>joaogvc@algartech.com,katia.cardoso@bv.com.br,leonardoao@algartech.com,marianadjc@algartech.com,paulacn@algartech.com,rafaelggs@algartech.com,ricardodfm@algartech.com.br,taysdss@algartech.com,thiagordu@algartech.com,viniciussg@algartech.com</t>
  </si>
  <si>
    <t>01/14/2020 08:06:47</t>
  </si>
  <si>
    <t>01/14/2020 08:06:52</t>
  </si>
  <si>
    <t>01/14/2020 08:06:56</t>
  </si>
  <si>
    <t>01/14/2020 08:07:04</t>
  </si>
  <si>
    <t>01/14/2020 08:07:10</t>
  </si>
  <si>
    <t>01/14/2020 08:07:25</t>
  </si>
  <si>
    <t>mail.google.com/_/upload?authuser=0&amp;dcp=asu-n&amp;upload_id=AEnB2Uqs0aZ_XnQS5qEaVPVAGxnDSMBsRfZbdH6k29u4yh7fixF80yFteW_UgsndCfQrHH3Iz-uSg0RYDwWrGJB7L67GUbL9Sg&amp;upload_protocol=resumable</t>
  </si>
  <si>
    <t>01/14/2020 08:07:26</t>
  </si>
  <si>
    <t>01/14/2020 08:07:52</t>
  </si>
  <si>
    <t>01/14/2020 08:09:55</t>
  </si>
  <si>
    <t>01/14/2020 08:10:04</t>
  </si>
  <si>
    <t>01/14/2020 08:10:13</t>
  </si>
  <si>
    <t>01/14/2020 08:06:57</t>
  </si>
  <si>
    <t>01/14/2020 08:11:35</t>
  </si>
  <si>
    <t>04d3a171-fc5a-4f85-861b-bc1e181966dc.tmp</t>
  </si>
  <si>
    <t>\\acsfs\profiles$\LUCASNS\Downloads\04d3a171-fc5a-4f85-861b-bc1e181966dc.tmp</t>
  </si>
  <si>
    <t>01/14/2020 08:07:06</t>
  </si>
  <si>
    <t>078db51f-2770-48dd-b073-f81b607a8e9c.tmp</t>
  </si>
  <si>
    <t>\\acsfs\profiles$\LUCASNS\Downloads\078db51f-2770-48dd-b073-f81b607a8e9c.tmp</t>
  </si>
  <si>
    <t>01/14/2020 08:06:46</t>
  </si>
  <si>
    <t>01/14/2020 08:07:16</t>
  </si>
  <si>
    <t>01/14/2020 08:09:16</t>
  </si>
  <si>
    <t>01/14/2020 08:09:26</t>
  </si>
  <si>
    <t>01/14/2020 08:12:34</t>
  </si>
  <si>
    <t>01/14/2020 08:09:27</t>
  </si>
  <si>
    <t>01/14/2020 08:10:49</t>
  </si>
  <si>
    <t>01/14/2020 08:11:03</t>
  </si>
  <si>
    <t>01/14/2020 08:11:04</t>
  </si>
  <si>
    <t>01/14/2020 08:11:52</t>
  </si>
  <si>
    <t>01/14/2020 08:13:35</t>
  </si>
  <si>
    <t>01/14/2020 08:09:23</t>
  </si>
  <si>
    <t>01/14/2020 08:14:34</t>
  </si>
  <si>
    <t>XLOG_cinthiacsda_14012020_080900.log</t>
  </si>
  <si>
    <t>\\acsfs\profiles$\cinthiacsda\My Documents\xworkcenter\logs\XLOG_cinthiacsda_14012020_080900.log</t>
  </si>
  <si>
    <t>01/13/2020 21:58:21</t>
  </si>
  <si>
    <t>01/14/2020 08:15:35</t>
  </si>
  <si>
    <t>01/14/2020 08:10:23</t>
  </si>
  <si>
    <t>01/14/2020 08:11:09</t>
  </si>
  <si>
    <t>01/14/2020 08:11:24</t>
  </si>
  <si>
    <t>01/14/2020 08:11:29</t>
  </si>
  <si>
    <t>joaogvc@algartech.com;marianadjc@algartech.com;planejamentodeoperacoesetrafego@bv.com.br;rafaelggs@algartech.com;raphaelmco@algartech.com.br;ricardodfm@algartech.com.br;taysdss@algartech.com;viniciussg@algartech.com;</t>
  </si>
  <si>
    <t>joaogvc@algartech.com,marianadjc@algartech.com,planejamentodeoperacoesetrafego@bv.com.br,rafaelggs@algartech.com,raphaelmco@algartech.com.br,ricardodfm@algartech.com.br,taysdss@algartech.com,viniciussg@algartech.com</t>
  </si>
  <si>
    <t>01/14/2020 08:11:34</t>
  </si>
  <si>
    <t>01/14/2020 08:11:36</t>
  </si>
  <si>
    <t>01/14/2020 08:11:41</t>
  </si>
  <si>
    <t>01/14/2020 08:16:34</t>
  </si>
  <si>
    <t>01/14/2020 08:14:15</t>
  </si>
  <si>
    <t>01/14/2020 08:14:59</t>
  </si>
  <si>
    <t>4ca2d04b-a6b9-40cc-909e-f3d57cdf58a1.tmp</t>
  </si>
  <si>
    <t>\\acsfs\profiles$\PEDROHAB\Downloads\4ca2d04b-a6b9-40cc-909e-f3d57cdf58a1.tmp</t>
  </si>
  <si>
    <t>01/14/2020 08:15:01</t>
  </si>
  <si>
    <t>ec2d68a8-7b27-4767-8813-c63d2a9eeb94.tmp</t>
  </si>
  <si>
    <t>\\acsfs\profiles$\PEDROHAB\Downloads\ec2d68a8-7b27-4767-8813-c63d2a9eeb94.tmp</t>
  </si>
  <si>
    <t>01/14/2020 08:14:46</t>
  </si>
  <si>
    <t>01/14/2020 08:17:35</t>
  </si>
  <si>
    <t>d106839e-e2a6-4874-96f6-fe58fa873723.tmp</t>
  </si>
  <si>
    <t>\\acsfs\profiles$\ayalabfi\Downloads\d106839e-e2a6-4874-96f6-fe58fa873723.tmp</t>
  </si>
  <si>
    <t>01/14/2020 08:14:49</t>
  </si>
  <si>
    <t>eed2114a-dee3-4bad-a191-ae0729047c24.tmp</t>
  </si>
  <si>
    <t>\\acsfs\profiles$\ayalabfi\Downloads\eed2114a-dee3-4bad-a191-ae0729047c24.tmp</t>
  </si>
  <si>
    <t>01/14/2020 08:15:05</t>
  </si>
  <si>
    <t>9d03c928-d123-4673-95aa-e78c190f2efa.tmp</t>
  </si>
  <si>
    <t>\\acsfs\profiles$\ayalabfi\Downloads\9d03c928-d123-4673-95aa-e78c190f2efa.tmp</t>
  </si>
  <si>
    <t>01/14/2020 08:15:04</t>
  </si>
  <si>
    <t>42ab557a-45c8-4a84-a6cb-cc83e31eb21a.tmp</t>
  </si>
  <si>
    <t>\\acsfs\profiles$\inarajst\Downloads\42ab557a-45c8-4a84-a6cb-cc83e31eb21a.tmp</t>
  </si>
  <si>
    <t>01/14/2020 08:15:07</t>
  </si>
  <si>
    <t>9a87aea1-3560-4e66-a9ce-5616845ab399.tmp</t>
  </si>
  <si>
    <t>\\acsfs\profiles$\inarajst\Downloads\9a87aea1-3560-4e66-a9ce-5616845ab399.tmp</t>
  </si>
  <si>
    <t>01/14/2020 08:15:18</t>
  </si>
  <si>
    <t>01/14/2020 08:18:34</t>
  </si>
  <si>
    <t>01/14/2020 08:18:19</t>
  </si>
  <si>
    <t>01/14/2020 08:19:34</t>
  </si>
  <si>
    <t>e5e95103-7213-450f-a92a-a9c323b05ed0.tmp</t>
  </si>
  <si>
    <t>\\acsfs\profiles$\leticiala\Downloads\e5e95103-7213-450f-a92a-a9c323b05ed0.tmp</t>
  </si>
  <si>
    <t>01/14/2020 08:15:51</t>
  </si>
  <si>
    <t>01/14/2020 08:18:33</t>
  </si>
  <si>
    <t>lu5832ujqz.tmp</t>
  </si>
  <si>
    <t>\\acsfs\profiles$\dhiulliananads\My Documents\lu5832ujqz.tmp</t>
  </si>
  <si>
    <t>\\acsfs\profiles$\dhiulliananads\My Documents\lu5832ujqz.tmp\</t>
  </si>
  <si>
    <t>01/14/2020 08:19:35</t>
  </si>
  <si>
    <t>\\acsfs\profiles$\dhiulliananads\My Documents\lu5832ujqz.tmp\META-INF\</t>
  </si>
  <si>
    <t>\\acsfs\profiles$\dhiulliananads\My Documents\lu5832ujqz.tmp\Thumbnails\</t>
  </si>
  <si>
    <t>01/14/2020 08:16:33</t>
  </si>
  <si>
    <t>01/14/2020 08:20:35</t>
  </si>
  <si>
    <t>01/14/2020 08:15:09</t>
  </si>
  <si>
    <t>01/14/2020 08:17:29</t>
  </si>
  <si>
    <t>IMG_1122.jpg</t>
  </si>
  <si>
    <t>01/14/2020 08:17:44</t>
  </si>
  <si>
    <t>01/14/2020 08:21:34</t>
  </si>
  <si>
    <t>01/14/2020 08:17:08</t>
  </si>
  <si>
    <t>Relatorio cdc.PNG</t>
  </si>
  <si>
    <t>\\acsfs\ACS\001 - Qualidade Lilian\PAULO\Pasta Tainara\Relatorio cdc.PNG</t>
  </si>
  <si>
    <t>01/14/2020 08:17:32</t>
  </si>
  <si>
    <t>Relatorio sac.PNG</t>
  </si>
  <si>
    <t>\\acsfs\ACS\001 - Qualidade Lilian\PAULO\Pasta Tainara\Relatorio sac.PNG</t>
  </si>
  <si>
    <t>01/14/2020 08:18:00</t>
  </si>
  <si>
    <t>Relatrio cons.PNG</t>
  </si>
  <si>
    <t>\\acsfs\ACS\001 - Qualidade Lilian\PAULO\Pasta Tainara\Relatrio cons.PNG</t>
  </si>
  <si>
    <t>01/14/2020 08:18:22</t>
  </si>
  <si>
    <t>relatorio chat.PNG</t>
  </si>
  <si>
    <t>\\acsfs\ACS\001 - Qualidade Lilian\PAULO\Pasta Tainara\relatorio chat.PNG</t>
  </si>
  <si>
    <t>01/14/2020 08:17:17</t>
  </si>
  <si>
    <t>01/14/2020 08:20:17</t>
  </si>
  <si>
    <t>01/14/2020 08:20:47</t>
  </si>
  <si>
    <t>01/14/2020 08:16:58</t>
  </si>
  <si>
    <t>e029e4ad-d9d0-4cfe-a331-d334c92e327b.tmp</t>
  </si>
  <si>
    <t>\\acsfs\profiles$\PEDROHAB\Downloads\e029e4ad-d9d0-4cfe-a331-d334c92e327b.tmp</t>
  </si>
  <si>
    <t>01/14/2020 08:19:02</t>
  </si>
  <si>
    <t>01/14/2020 08:19:52</t>
  </si>
  <si>
    <t>01/14/2020 08:22:34</t>
  </si>
  <si>
    <t>01/14/2020 08:21:35</t>
  </si>
  <si>
    <t>d5e034a9-2b61-4a88-bf88-7decd420e9a0.tmp</t>
  </si>
  <si>
    <t>\\acsfs\profiles$\lucasgpe\Downloads\d5e034a9-2b61-4a88-bf88-7decd420e9a0.tmp</t>
  </si>
  <si>
    <t>01/14/2020 08:19:29</t>
  </si>
  <si>
    <t>01/14/2020 08:17:38</t>
  </si>
  <si>
    <t>e6869517-a02f-47d0-8361-cf7fe5400660.tmp</t>
  </si>
  <si>
    <t>\\acsfs\profiles$\geovannasm\Downloads\e6869517-a02f-47d0-8361-cf7fe5400660.tmp</t>
  </si>
  <si>
    <t>01/14/2020 08:18:44</t>
  </si>
  <si>
    <t>9be9bbd6-033a-4b76-a4fb-d25b9edbd7da.tmp</t>
  </si>
  <si>
    <t>\\acsfs\profiles$\geovannasm\Downloads\9be9bbd6-033a-4b76-a4fb-d25b9edbd7da.tmp</t>
  </si>
  <si>
    <t>01/14/2020 08:18:53</t>
  </si>
  <si>
    <t>1dba9967-4375-42c4-9a6b-bc37a73fe6a1.tmp</t>
  </si>
  <si>
    <t>\\acsfs\profiles$\geovannasm\Downloads\1dba9967-4375-42c4-9a6b-bc37a73fe6a1.tmp</t>
  </si>
  <si>
    <t>01/14/2020 08:19:00</t>
  </si>
  <si>
    <t>eec47e04-b5e0-43f3-8d08-aac718293666.tmp</t>
  </si>
  <si>
    <t>\\acsfs\profiles$\geovannasm\Downloads\eec47e04-b5e0-43f3-8d08-aac718293666.tmp</t>
  </si>
  <si>
    <t>01/14/2020 08:20:30</t>
  </si>
  <si>
    <t>01/14/2020 08:23:34</t>
  </si>
  <si>
    <t>01/14/2020 08:20:11</t>
  </si>
  <si>
    <t>01/14/2020 08:18:39</t>
  </si>
  <si>
    <t>01/14/2020 08:21:07</t>
  </si>
  <si>
    <t>01/14/2020 08:24:35</t>
  </si>
  <si>
    <t>e2274f95-07e8-440e-8cc9-e6ed6dd983fc.tmp</t>
  </si>
  <si>
    <t>\\acsfs\profiles$\gabrielaff\Downloads\e2274f95-07e8-440e-8cc9-e6ed6dd983fc.tmp</t>
  </si>
  <si>
    <t>01/14/2020 08:22:08</t>
  </si>
  <si>
    <t>4e324e7d-e912-43ea-ad7e-246e4f48e326.tmp</t>
  </si>
  <si>
    <t>\\acsfs\profiles$\KARENDSR\Downloads\4e324e7d-e912-43ea-ad7e-246e4f48e326.tmp</t>
  </si>
  <si>
    <t>01/14/2020 08:22:52</t>
  </si>
  <si>
    <t>4e5a8ad4-7a50-4b7f-a24c-b4fced325843.tmp</t>
  </si>
  <si>
    <t>\\acsfs\profiles$\KARENDSR\Downloads\4e5a8ad4-7a50-4b7f-a24c-b4fced325843.tmp</t>
  </si>
  <si>
    <t>01/14/2020 08:23:20</t>
  </si>
  <si>
    <t>f371595e-28ac-4c2a-b13c-8c744fdfc3ae.tmp</t>
  </si>
  <si>
    <t>\\acsfs\profiles$\KARENDSR\Downloads\f371595e-28ac-4c2a-b13c-8c744fdfc3ae.tmp</t>
  </si>
  <si>
    <t>01/14/2020 08:22:19</t>
  </si>
  <si>
    <t>lu5832ujr5.tmp</t>
  </si>
  <si>
    <t>\\acsfs\profiles$\dhiulliananads\My Documents\lu5832ujr5.tmp</t>
  </si>
  <si>
    <t>\\acsfs\profiles$\dhiulliananads\My Documents\lu5832ujr5.tmp\</t>
  </si>
  <si>
    <t>\\acsfs\profiles$\dhiulliananads\My Documents\lu5832ujr5.tmp\META-INF\</t>
  </si>
  <si>
    <t>01/14/2020 08:22:20</t>
  </si>
  <si>
    <t>\\acsfs\profiles$\dhiulliananads\My Documents\lu5832ujr5.tmp\Thumbnails\</t>
  </si>
  <si>
    <t>01/14/2020 08:19:48</t>
  </si>
  <si>
    <t>01/14/2020 08:24:10</t>
  </si>
  <si>
    <t>01/14/2020 08:25:34</t>
  </si>
  <si>
    <t>01/14/2020 08:21:38</t>
  </si>
  <si>
    <t>01/14/2020 08:21:40</t>
  </si>
  <si>
    <t>01/14/2020 08:21:33</t>
  </si>
  <si>
    <t>35fd0eb5-516c-4bb3-87f7-e2ce68b2ce72.tmp</t>
  </si>
  <si>
    <t>\\acsfs\profiles$\lorrainerdl\Downloads\35fd0eb5-516c-4bb3-87f7-e2ce68b2ce72.tmp</t>
  </si>
  <si>
    <t>01/14/2020 08:22:03</t>
  </si>
  <si>
    <t>4cf30fb5-3a0c-4139-91dd-ca798a86c8b1.tmp</t>
  </si>
  <si>
    <t>\\acsfs\profiles$\lorrainerdl\Downloads\4cf30fb5-3a0c-4139-91dd-ca798a86c8b1.tmp</t>
  </si>
  <si>
    <t>01/14/2020 08:22:04</t>
  </si>
  <si>
    <t>86fb2632-2d56-4f07-af57-ad2f0601c3de.tmp</t>
  </si>
  <si>
    <t>\\acsfs\profiles$\lorrainerdl\Downloads\86fb2632-2d56-4f07-af57-ad2f0601c3de.tmp</t>
  </si>
  <si>
    <t>01/14/2020 08:21:58</t>
  </si>
  <si>
    <t>01/14/2020 08:22:01</t>
  </si>
  <si>
    <t>01/14/2020 08:24:06</t>
  </si>
  <si>
    <t>01/14/2020 08:24:07</t>
  </si>
  <si>
    <t>01/14/2020 08:26:34</t>
  </si>
  <si>
    <t>01/14/2020 08:24:17</t>
  </si>
  <si>
    <t>01/14/2020 08:24:47</t>
  </si>
  <si>
    <t>01/14/2020 08:22:58</t>
  </si>
  <si>
    <t>325e4516-88d5-4340-97d9-5ee6fd178850.tmp</t>
  </si>
  <si>
    <t>\\acsfs\profiles$\THYAGOSP\Downloads\325e4516-88d5-4340-97d9-5ee6fd178850.tmp</t>
  </si>
  <si>
    <t>01/14/2020 08:23:11</t>
  </si>
  <si>
    <t>01/14/2020 08:27:34</t>
  </si>
  <si>
    <t>fcfcbc7d-277a-4ce4-85ae-7de2fe7e28a3.tmp</t>
  </si>
  <si>
    <t>\\acsfs\profiles$\lucasgpe\Downloads\fcfcbc7d-277a-4ce4-85ae-7de2fe7e28a3.tmp</t>
  </si>
  <si>
    <t>01/14/2020 08:27:44</t>
  </si>
  <si>
    <t>01/14/2020 08:28:34</t>
  </si>
  <si>
    <t>01/14/2020 08:23:40</t>
  </si>
  <si>
    <t>01/14/2020 08:27:42</t>
  </si>
  <si>
    <t>01/14/2020 08:29:34</t>
  </si>
  <si>
    <t>f4fdb40f-174f-4f42-b1fd-d5e6a9b9045a.tmp</t>
  </si>
  <si>
    <t>\\acsfs\profiles$\larissaad\Downloads\f4fdb40f-174f-4f42-b1fd-d5e6a9b9045a.tmp</t>
  </si>
  <si>
    <t>01/14/2020 08:27:46</t>
  </si>
  <si>
    <t>ffb6b097-2af0-4817-9ded-25c9bad828b0.tmp</t>
  </si>
  <si>
    <t>\\acsfs\profiles$\larissaad\Downloads\ffb6b097-2af0-4817-9ded-25c9bad828b0.tmp</t>
  </si>
  <si>
    <t>01/14/2020 08:26:30</t>
  </si>
  <si>
    <t>3fd64235-fc6c-4d0f-aa04-1896ca072ded.tmp</t>
  </si>
  <si>
    <t>\\acsfs\profiles$\nayarasds\Downloads\3fd64235-fc6c-4d0f-aa04-1896ca072ded.tmp</t>
  </si>
  <si>
    <t>01/14/2020 08:26:38</t>
  </si>
  <si>
    <t>15a282c7-eb03-4873-a021-bf174de62d78.tmp</t>
  </si>
  <si>
    <t>\\acsfs\profiles$\leticiala\Downloads\15a282c7-eb03-4873-a021-bf174de62d78.tmp</t>
  </si>
  <si>
    <t>01/14/2020 08:27:18</t>
  </si>
  <si>
    <t>c97c18d8-0555-4caa-84ed-e3bf57213678.tmp</t>
  </si>
  <si>
    <t>\\acsfs\profiles$\leticiala\Downloads\c97c18d8-0555-4caa-84ed-e3bf57213678.tmp</t>
  </si>
  <si>
    <t>01/14/2020 08:25:29</t>
  </si>
  <si>
    <t>55388bd5-0533-40aa-8474-c9516df10480.tmp</t>
  </si>
  <si>
    <t>\\acsfs\profiles$\lorraynevam\Downloads\55388bd5-0533-40aa-8474-c9516df10480.tmp</t>
  </si>
  <si>
    <t>01/14/2020 08:27:23</t>
  </si>
  <si>
    <t>1be9298a-8453-4ae0-9773-9eebe87aa1a5.tmp</t>
  </si>
  <si>
    <t>\\acsfs\profiles$\lorraynevam\Downloads\1be9298a-8453-4ae0-9773-9eebe87aa1a5.tmp</t>
  </si>
  <si>
    <t>01/14/2020 08:28:00</t>
  </si>
  <si>
    <t>01/14/2020 08:28:01</t>
  </si>
  <si>
    <t>lu5832ujrb.tmp</t>
  </si>
  <si>
    <t>\\acsfs\profiles$\dhiulliananads\My Documents\lu5832ujrb.tmp</t>
  </si>
  <si>
    <t>\\acsfs\profiles$\dhiulliananads\My Documents\lu5832ujrb.tmp\</t>
  </si>
  <si>
    <t>\\acsfs\profiles$\dhiulliananads\My Documents\lu5832ujrb.tmp\META-INF\</t>
  </si>
  <si>
    <t>\\acsfs\profiles$\dhiulliananads\My Documents\lu5832ujrb.tmp\Thumbnails\</t>
  </si>
  <si>
    <t>01/14/2020 08:26:25</t>
  </si>
  <si>
    <t>01/14/2020 08:30:34</t>
  </si>
  <si>
    <t>01/14/2020 08:26:50</t>
  </si>
  <si>
    <t>a648bf33-21e0-4892-809a-5a368000dc7d.tmp</t>
  </si>
  <si>
    <t>\\acsfs\profiles$\dhiulliananads\Downloads\a648bf33-21e0-4892-809a-5a368000dc7d.tmp</t>
  </si>
  <si>
    <t>01/14/2020 08:26:09</t>
  </si>
  <si>
    <t>01/14/2020 08:28:29</t>
  </si>
  <si>
    <t>marianacds@algartech.com;thiagordu@algartech.com;</t>
  </si>
  <si>
    <t>marianacds@algartech.com,thiagordu@algartech.com</t>
  </si>
  <si>
    <t>01/14/2020 08:28:38</t>
  </si>
  <si>
    <t>01/14/2020 08:28:56</t>
  </si>
  <si>
    <t>01/14/2020 08:29:07</t>
  </si>
  <si>
    <t>01/14/2020 08:29:46</t>
  </si>
  <si>
    <t>e12cc3ee-5daa-4bc0-9e79-9c5a8526bf5d.tmp</t>
  </si>
  <si>
    <t>\\acsfs\profiles$\quindaizaagds\Downloads\e12cc3ee-5daa-4bc0-9e79-9c5a8526bf5d.tmp</t>
  </si>
  <si>
    <t>01/14/2020 08:28:16</t>
  </si>
  <si>
    <t>lu1000011qr4q.tmp</t>
  </si>
  <si>
    <t>\\acsfs\profiles$\jonathanwap\lu1000011qr4q.tmp</t>
  </si>
  <si>
    <t>\\acsfs\profiles$\jonathanwap\lu1000011qr4q.tmp\</t>
  </si>
  <si>
    <t>\\acsfs\profiles$\jonathanwap\lu1000011qr4q.tmp\META-INF\</t>
  </si>
  <si>
    <t>\\acsfs\profiles$\jonathanwap\lu1000011qr4q.tmp\Thumbnails\</t>
  </si>
  <si>
    <t>01/14/2020 08:27:43</t>
  </si>
  <si>
    <t>01/14/2020 08:31:34</t>
  </si>
  <si>
    <t>10.219.100.15</t>
  </si>
  <si>
    <t>90-32-4B-BF-77-2B</t>
  </si>
  <si>
    <t>C:\Users\akassiablc.ACS\Documents\BBN\</t>
  </si>
  <si>
    <t>BBN NOVAS LOCALIDADES 1.xlsx</t>
  </si>
  <si>
    <t>C:\Users\akassiablc.ACS\Documents\Fechamento 012020\Prévia Jan 2020 .zip\</t>
  </si>
  <si>
    <t>Pr‚via Jan 2020 .xlsx</t>
  </si>
  <si>
    <t>mail.google.com/_/upload?authuser=0&amp;dcp=asu-n&amp;upload_id=AEnB2UpjdqWssceaYUPQiV8AOiqV48VLtAIJDK1ZlxoJiwHvL0jYq28ZnpuwLtWN2pxOj2PLUgYy68jBQ0JHH0nYO-1fHp82PA&amp;upload_protocol=resumable</t>
  </si>
  <si>
    <t>01/13/2020 14:31:15</t>
  </si>
  <si>
    <t>Custos Pendentes - Receita BBN dez-19.xlsx</t>
  </si>
  <si>
    <t>01/14/2020 08:27:57</t>
  </si>
  <si>
    <t>d847a444-570e-4938-aa15-9d0e62973657.tmp</t>
  </si>
  <si>
    <t>\\acsfs\profiles$\cintiadcf\Downloads\d847a444-570e-4938-aa15-9d0e62973657.tmp</t>
  </si>
  <si>
    <t>01/14/2020 08:29:17</t>
  </si>
  <si>
    <t>01/14/2020 08:30:17</t>
  </si>
  <si>
    <t>01/14/2020 08:30:47</t>
  </si>
  <si>
    <t>01/14/2020 08:27:03</t>
  </si>
  <si>
    <t>01/14/2020 08:29:58</t>
  </si>
  <si>
    <t>01/14/2020 08:32:34</t>
  </si>
  <si>
    <t>01/14/2020 08:27:00</t>
  </si>
  <si>
    <t>5fb5b815-497b-4909-a90e-bdd6b862c6fb.tmp</t>
  </si>
  <si>
    <t>\\acsfs\profiles$\lorrainerdl\Downloads\5fb5b815-497b-4909-a90e-bdd6b862c6fb.tmp</t>
  </si>
  <si>
    <t>01/14/2020 08:31:12</t>
  </si>
  <si>
    <t>01/14/2020 08:33:34</t>
  </si>
  <si>
    <t>http:///batch?%24ct=multipart%2Fmixed%3B%20boundary%3D%22%3D%3D%3D%3D%3D90uhotha44bb%3D%3D%3D%3D%3D%22&amp;key=AIzaSyAy9VVXHSpS2IJpptzYtGbLP3-3_l0aBk4</t>
  </si>
  <si>
    <t>_x0002_�_x0019_�\]�$�e[�a_x0004_�mw���1_x0004_j4&gt;g��&gt;_x0008_����~�j�_x0012_�i_x001D_;"mozilla/5.0 (windows nt 6.1) applewebkit/537.36 (khtml;0] _x0018_�2_x0007_c-4e;0]ackages\tornado\platform\interface.py;0]l;0]ll;0]m1 ];1;124;125;13;13700014;13700109;13700167;13700185;13700451;13700883;13700946;13700951;13701078;13701207;13701214;13701239;13701262;13701298;13701418;13701422;13701430;13701450;13701486;13701506;13701510;13701537;13701573;13701577;13701609;13701625;13701653;13701657;13701693;13701693�;13701709;13701749;13701825;13701901;13701905;13701909;13701957;13701969;13702064;13702068;13702088;142961685;15;1578915882896000;1578915886959000;1578930052848000;1578930058554000;1578934278142;1578953843159;1578967086911;1578967387907;4repet0scaaaa4liaaaajmqf2kz44sg1npvhrp5ya-eah9mzpvg6kl9izriwjk97h6v_kcjh4sw2rf_itsulvo-3l6-wytsybqsmi4xv23fkeay8qmocdpcm6u6mkhgpg1ycp4mktrb_yi4ruhaswq2li4w3ybymavyxxvltnranpmk;5701393;80;[[13701418;[[13701573;[];[]]];adfn-ct7ciskssyu-68afh9xg7xv2c6f8dx_seofhsqerkx2bhpqslb3crfufkpjjmcd4mgjscrt;adfn-cuic5g8_16whytgiekdf3jxrbjnjvixuvd0lzn</t>
  </si>
  <si>
    <t>http://_x0002_�_x0019_�\]�$�e[�a_x0004_�mw���1_x0004_j4&gt;g��&gt;_x0008_����~�j�_x0012_�i_x001D_,"mozilla/5.0 (windows nt 6.1) applewebkit/537.36 (khtml,0] _x0018_�2_x0007_c-4e,0]ackages\tornado\platform\interface.py,0]l,0]ll,0]m1 ],1,124,125,13,13700014,13700109,13700167,13700185,13700451,13700883,13700946,13700951,13701078,13701207,13701214,13701239,13701262,13701298,13701418,13701422,13701430,13701450,13701486,13701506,13701510,13701537,13701573,13701577,13701609,13701625,13701653,13701657,13701693,13701693�,13701709,13701749,13701825,13701901,13701905,13701909,13701957,13701969,13702064,13702068,13702088,142961685,15,1578915882896000,1578915886959000,1578930052848000,1578930058554000,1578934278142,1578953843159,1578967086911,1578967387907,4repet0scaaaa4liaaaajmqf2kz44sg1npvhrp5ya-eah9mzpvg6kl9izriwjk97h6v_kcjh4sw2rf_itsulvo-3l6-wytsybqsmi4xv23fkeay8qmocdpcm6u6mkhgpg1ycp4mktrb_yi4ruhaswq2li4w3ybymavyxxvltnranpmk,5701393,80,[[13701418,[[13701573,[],[]]],adfn-ct7ciskssyu-68afh9xg7xv2c6f8dx_seofhsqerkx2bhpqslb3crfufkpjjmcd4mgjscrt,adfn-cuic5g8_16whytgiekdf3jxrbjnjvix</t>
  </si>
  <si>
    <t>01/14/2020 08:31:13</t>
  </si>
  <si>
    <t>http:///batch?%24ct=multipart%2Fmixed%3B%20boundary%3D%22%3D%3D%3D%3D%3D1xtw20xp3ymm%3D%3D%3D%3D%3D%22&amp;key=AIzaSyAy9VVXHSpS2IJpptzYtGbLP3-3_l0aBk4</t>
  </si>
  <si>
    <t>01/14/2020 08:31:14</t>
  </si>
  <si>
    <t>01/14/2020 08:31:15</t>
  </si>
  <si>
    <t>http:///batch?%24ct=multipart%2Fmixed%3B%20boundary%3D%22%3D%3D%3D%3D%3D9tpzdqpu9ifp%3D%3D%3D%3D%3D%22&amp;key=AIzaSyAy9VVXHSpS2IJpptzYtGbLP3-3_l0aBk4</t>
  </si>
  <si>
    <t>01/14/2020 08:31:50</t>
  </si>
  <si>
    <t>"mozilla/5.0 (windows nt 6.1) applewebkit/537.36 (khtml;0];0] _x0018_�2_x0007_c-4e;0]:0};0]\\\\\\\_�o &lt;l;0]\\\\\\\��1 &lt;l;0]\\\\\\l|{ &lt;l;0]\\��� &lt;l;0]ackages\tornado\platform\interface.py;0]ersion\&gt;\(ds��� 1.;0]l;0]ll;1;107;121;13;135;13700014;13700109;13700185;13700451;13700951;13701207;13701298;13701422;13701430;13701450;13701506;13701537;13701573;13701577;13701625;13701657;13701693�;13701749;13701825;13701901;13701905;13701957;13701969;13702068;13702088;142961685;147;151;1578930052848000;1578930058554000;1578942404414;1578946919315;1578952338029;1578959261631;1578961969976;1578966183923;1578970398365;1578974156685;1578975360790;1578978370554;1578987702036;1578991615377;161;192;1ya5yrwelrso-yxib3ctz0mdjsqkh2uffmn2kfrmynlkfp2vhk5vxrjlyzc1nx1i8okgrxz4hh9fxnqqavexbjgszjfxng_3tikapcccza7s5nl0iiv528sipt3_n6smfvjyvnmz5gmbld86jsedcdqpnbowbtwaejdtwlwiwyazylw418myzkyijnlherxkuhkwira1lepte7zdg9sclvmpo7jylbvlezgsriufy1njtv4nta\";1ya5yrwelrso-yxib3ctz0mdjsqkh2uffmn2kfrmynlkfp2vhk5vxrjlyzc1nx1i8okgrxz4hh9fxnqqavexbjgszjfxng_3tikapcc</t>
  </si>
  <si>
    <t>"mozilla/5.0 (windows nt 6.1) applewebkit/537.36 (khtml,0],0] _x0018_�2_x0007_c-4e,0]:0},0]\\\\\\\_�o &lt;l,0]\\\\\\\��1 &lt;l,0]\\\\\\l|{ &lt;l,0]\\��� &lt;l,0]ackages\tornado\platform\interface.py,0]ersion\&gt;\(ds��� 1.,0]l,0]ll,1,107,121,13,135,13700014,13700109,13700185,13700451,13700951,13701207,13701298,13701422,13701430,13701450,13701506,13701537,13701573,13701577,13701625,13701657,13701693�,13701749,13701825,13701901,13701905,13701957,13701969,13702068,13702088,142961685,147,151,1578930052848000,1578930058554000,1578942404414,1578946919315,1578952338029,1578959261631,1578961969976,1578966183923,1578970398365,1578974156685,1578975360790,1578978370554,1578987702036,1578991615377,161,192,1ya5yrwelrso-yxib3ctz0mdjsqkh2uffmn2kfrmynlkfp2vhk5vxrjlyzc1nx1i8okgrxz4hh9fxnqqavexbjgszjfxng_3tikapcccza7s5nl0iiv528sipt3_n6smfvjyvnmz5gmbld86jsedcdqpnbowbtwaejdtwlwiwyazylw418myzkyijnlherxkuhkwira1lepte7zdg9sclvmpo7jylbvlezgsriufy1njtv4nta\",1ya5yrwelrso-yxib3ctz0mdjsqkh2uffmn2kfrmynlkfp2vhk5vxrjlyzc1nx1i8okgrxz4hh9fxnqqavexbjgszjfxng_3tikapcc</t>
  </si>
  <si>
    <t>01/14/2020 08:31:54</t>
  </si>
  <si>
    <t>mail.google.com/sync/u/0/i/s?hl=pt-BR&amp;c=1474</t>
  </si>
  <si>
    <t>01/14/2020 08:31:59</t>
  </si>
  <si>
    <t>01/14/2020 08:32:07</t>
  </si>
  <si>
    <t>_x0002_�_x0019_�\]�$�e[�a_x0004_�mw���1_x0004_j4&gt;g��&gt;_x0008_����~�j�_x0012_�i_x001D_,"mozilla/5.0 (windows nt 6.1) applewebkit/537.36 (khtml,0] _x0018_�2_x0007_c-4e,0]ackages\tornado\platform\interface.py,0]l,0]ll,0]m1 ],1,124,125,13,13700014,13700109,13700167,13700185,13700451,13700883,13700946,13700951,13701078,13701207,13701214,13701239,13701262,13701298,13701418,13701422,13701430,13701450,13701486,13701506,13701510,13701537,13701573,13701577,13701609,13701625,13701653,13701657,13701693,13701693�,13701709,13701749,13701825,13701901,13701905,13701909,13701957,13701969,13702064,13702068,13702088,142961685,15,1578915882896000,1578915886959000,1578930052848000,1578930058554000,1578934278142,1578953843159,1578967086911,1578967387907,4repet0scaaaa4liaaaajmqf2kz44sg1npvhrp5ya-eah9mzpvg6kl9izriwjk97h6v_kcjh4sw2rf_itsulvo-3l6-wytsybqsmi4xv23fkeay8qmocdpcm6u6mkhgpg1ycp4mktrb_yi4ruhaswq2li4w3ybymavyxxvltnranpmk,5701393,80,[[13701418,[[13701573,[],[]]],adfn-ct7ciskssyu-68afh9xg7xv2c6f8dx_seofhsqerkx2bhpqslb3crfufkpjjmcd4mgjscrt,adfn-cuic5g8_16whytgiekdf3jxrbjnjvixuvd0lzn</t>
  </si>
  <si>
    <t>01/14/2020 08:32:27</t>
  </si>
  <si>
    <t>mail.google.com/sync/u/0/i/s?hl=pt-BR&amp;c=1481</t>
  </si>
  <si>
    <t>"mozilla/5.0 (windows nt 6.1) applewebkit/537.36 (khtml;0]als;0]l;1;13;13700014;13700109;13700185;13700451;13700951;13701207;13701298;13701422;13701430;13701450;13701506;13701537;13701573;13701577;13701625;13701657;13701693;13701749;13701825;13701901;13701905;13701957;13701969;13702068;13702088;142961685;1578930052848000;1578930058554000;1578992819204;1578993120155;1ya5yrwelrso-yxib3ctz0mdjsqkh2uffmn2kfrmynlkfp2vhk5vxrjlyzc1nx1i8okgrxz4hh9fxnqqavexbjgszjfxng_3tikapcccza7s5nl0iiv528sipt3_n6smfvjyvnmz5gmbld86jsedcdqpnbowbtwaejdtwlwiwyazylw418myzkyijnlherxkuhkwirbwlept_jddse4aiz1ggcdd4mn150fdtjp551rwkfzytw\";1ya5yrwelrso-yxib3ctz0mdjsqkh2uffmn2kfrmynlkfp2vhk5vxrjlyzc1nx1i8okgrxz4hh9fxnqqavexbjgszjfxng_3tikapcccza7s5nl0iiv528sipt3_n6smfvjyvnmz5gmbld86jsedcdqpnbowbtwaejdtwlwiwyazylw418myzkyijnlherxkuhkwirbzleptf4kgp4ikhhjrvpsf1rnctkfjnekwqq_kpvqesq\";209;210;5701393;[[13701418;[];[]]];adfn-ct7ciskssyu-68afh9xg7xv2c6f8dx_seofhsqerkx2bhpqslb3crfufkpjjmcd4mgjscrt;ancestorhasaugmentedpermissions;containsunsubscribedch</t>
  </si>
  <si>
    <t>"mozilla/5.0 (windows nt 6.1) applewebkit/537.36 (khtml,0]als,0]l,1,13,13700014,13700109,13700185,13700451,13700951,13701207,13701298,13701422,13701430,13701450,13701506,13701537,13701573,13701577,13701625,13701657,13701693,13701749,13701825,13701901,13701905,13701957,13701969,13702068,13702088,142961685,1578930052848000,1578930058554000,1578992819204,1578993120155,1ya5yrwelrso-yxib3ctz0mdjsqkh2uffmn2kfrmynlkfp2vhk5vxrjlyzc1nx1i8okgrxz4hh9fxnqqavexbjgszjfxng_3tikapcccza7s5nl0iiv528sipt3_n6smfvjyvnmz5gmbld86jsedcdqpnbowbtwaejdtwlwiwyazylw418myzkyijnlherxkuhkwirbwlept_jddse4aiz1ggcdd4mn150fdtjp551rwkfzytw\",1ya5yrwelrso-yxib3ctz0mdjsqkh2uffmn2kfrmynlkfp2vhk5vxrjlyzc1nx1i8okgrxz4hh9fxnqqavexbjgszjfxng_3tikapcccza7s5nl0iiv528sipt3_n6smfvjyvnmz5gmbld86jsedcdqpnbowbtwaejdtwlwiwyazylw418myzkyijnlherxkuhkwirbzleptf4kgp4ikhhjrvpsf1rnctkfjnekwqq_kpvqesq\",209,210,5701393,[[13701418,[],[]]],adfn-ct7ciskssyu-68afh9xg7xv2c6f8dx_seofhsqerkx2bhpqslb3crfufkpjjmcd4mgjscrt,ancestorhasaugmentedpermissions,containsunsubscribedch</t>
  </si>
  <si>
    <t>01/14/2020 08:32:23</t>
  </si>
  <si>
    <t>01/14/2020 08:32:26</t>
  </si>
  <si>
    <t>01/14/2020 08:28:48</t>
  </si>
  <si>
    <t>01/14/2020 08:34:34</t>
  </si>
  <si>
    <t>414505fd-1241-4ff7-85ab-0f9f30ecc7d6.tmp</t>
  </si>
  <si>
    <t>\\acsfs\profiles$\anafsb\Downloads\414505fd-1241-4ff7-85ab-0f9f30ecc7d6.tmp</t>
  </si>
  <si>
    <t>01/14/2020 08:29:04</t>
  </si>
  <si>
    <t>98400bdf-13d6-4803-9b57-57ad080fbb49.tmp</t>
  </si>
  <si>
    <t>\\acsfs\profiles$\larissaad\Downloads\98400bdf-13d6-4803-9b57-57ad080fbb49.tmp</t>
  </si>
  <si>
    <t>01/14/2020 08:29:02</t>
  </si>
  <si>
    <t>01/14/2020 08:33:06</t>
  </si>
  <si>
    <t>45496694-c2e0-4377-af99-5e225d43a5cd.tmp</t>
  </si>
  <si>
    <t>\\acsfs\profiles$\wedersonbadr\My Documents\My Music\45496694-c2e0-4377-af99-5e225d43a5cd.tmp</t>
  </si>
  <si>
    <t>01/14/2020 00:01:22</t>
  </si>
  <si>
    <t>01/14/2020 08:35:35</t>
  </si>
  <si>
    <t>01/14/2020 08:31:02</t>
  </si>
  <si>
    <t>01/14/2020 08:31:07</t>
  </si>
  <si>
    <t>75058113-f6a9-4fb2-b73c-4177d840aab0.tmp</t>
  </si>
  <si>
    <t>\\acsfs\profiles$\nataliacsl\Downloads\75058113-f6a9-4fb2-b73c-4177d840aab0.tmp</t>
  </si>
  <si>
    <t>01/14/2020 08:32:44</t>
  </si>
  <si>
    <t>e0f205d8-4508-44f5-be31-09edc16d1353.tmp</t>
  </si>
  <si>
    <t>\\acsfs\profiles$\nataliacsl\Downloads\e0f205d8-4508-44f5-be31-09edc16d1353.tmp</t>
  </si>
  <si>
    <t>01/14/2020 08:33:46</t>
  </si>
  <si>
    <t>01/14/2020 08:34:02</t>
  </si>
  <si>
    <t>01/14/2020 08:33:13</t>
  </si>
  <si>
    <t>01/14/2020 08:33:16</t>
  </si>
  <si>
    <t>01/14/2020 08:33:19</t>
  </si>
  <si>
    <t>01/14/2020 08:33:23</t>
  </si>
  <si>
    <t>01/14/2020 08:33:45</t>
  </si>
  <si>
    <t>01/14/2020 08:34:04</t>
  </si>
  <si>
    <t>01/14/2020 08:34:13</t>
  </si>
  <si>
    <t>01/14/2020 08:34:18</t>
  </si>
  <si>
    <t>01/14/2020 08:34:36</t>
  </si>
  <si>
    <t>01/14/2020 08:31:42</t>
  </si>
  <si>
    <t>ca30a501-414a-44d8-a553-a5877753f984.tmp</t>
  </si>
  <si>
    <t>\\acsfs\profiles$\mariajra\Downloads\ca30a501-414a-44d8-a553-a5877753f984.tmp</t>
  </si>
  <si>
    <t>01/14/2020 08:36:34</t>
  </si>
  <si>
    <t>01/14/2020 08:31:17</t>
  </si>
  <si>
    <t>01/14/2020 08:33:47</t>
  </si>
  <si>
    <t>01/14/2020 08:34:47</t>
  </si>
  <si>
    <t>01/14/2020 08:35:17</t>
  </si>
  <si>
    <t>01/14/2020 08:31:56</t>
  </si>
  <si>
    <t>01/14/2020 08:32:35</t>
  </si>
  <si>
    <t>01/14/2020 08:37:34</t>
  </si>
  <si>
    <t>\\acsfs\profiles$\camillaleb\Favorites\Início - 1.url</t>
  </si>
  <si>
    <t>01/14/2020 08:32:36</t>
  </si>
  <si>
    <t>\\acsfs\profiles$\camillaleb\Favorites\Início - 1.url\</t>
  </si>
  <si>
    <t>\\acsfs\profiles$\camillaleb\Favorites\Início - 1.url\:favicon:$DATA</t>
  </si>
  <si>
    <t>\\acsfs\profiles$\camillaleb\Favorites\Links\</t>
  </si>
  <si>
    <t>\\acsfs\profiles$\camillaleb\Favorites\Links\desktop.ini</t>
  </si>
  <si>
    <t>01/14/2020 08:32:39</t>
  </si>
  <si>
    <t>\\acsfs\profiles$\camillaleb\Favorites\$RECYCLE.BIN\</t>
  </si>
  <si>
    <t>$I49VBYD.url</t>
  </si>
  <si>
    <t>\\acsfs\profiles$\camillaleb\Favorites\$RECYCLE.BIN\$I49VBYD.url</t>
  </si>
  <si>
    <t>01/14/2020 08:32:48</t>
  </si>
  <si>
    <t>TotalView.url</t>
  </si>
  <si>
    <t>\\acsfs\profiles$\camillaleb\Favorites\TotalView.url</t>
  </si>
  <si>
    <t>01/14/2020 08:37:35</t>
  </si>
  <si>
    <t>01/14/2020 08:32:49</t>
  </si>
  <si>
    <t>\\acsfs\profiles$\camillaleb\Favorites\TotalView.url\</t>
  </si>
  <si>
    <t>\\acsfs\profiles$\camillaleb\Favorites\TotalView.url\:favicon:$DATA</t>
  </si>
  <si>
    <t>01/14/2020 08:37:13</t>
  </si>
  <si>
    <t>01/14/2020 08:38:34</t>
  </si>
  <si>
    <t>9ecddbf1-3fbe-4997-adc6-3c0769c18c7c.tmp</t>
  </si>
  <si>
    <t>\\acsfs\profiles$\websondsa\Downloads\9ecddbf1-3fbe-4997-adc6-3c0769c18c7c.tmp</t>
  </si>
  <si>
    <t>01/14/2020 08:37:19</t>
  </si>
  <si>
    <t>0e34dce8-9dbd-4f9e-b8d7-6b7f17a5fdc6.tmp</t>
  </si>
  <si>
    <t>\\acsfs\profiles$\websondsa\Downloads\0e34dce8-9dbd-4f9e-b8d7-6b7f17a5fdc6.tmp</t>
  </si>
  <si>
    <t>01/14/2020 08:36:35</t>
  </si>
  <si>
    <t>10.200.61.132</t>
  </si>
  <si>
    <t>64-1C-67-A0-39-2C</t>
  </si>
  <si>
    <t>NB-CAMILAT</t>
  </si>
  <si>
    <t>camilat</t>
  </si>
  <si>
    <t>C:\Users\camilat\Downloads\</t>
  </si>
  <si>
    <t>Template_Justificativa_Tratativa.V0_(1).xlsx</t>
  </si>
  <si>
    <t>01/13/2020 10:24:58</t>
  </si>
  <si>
    <t>camilat@algartech.com</t>
  </si>
  <si>
    <t>mail.google.com/_/upload?authuser=0&amp;dcp=asu-n&amp;upload_id=AEnB2Uo3ltfTJZsc9ZrvKhR2w0rfitjMxwZjuh5QfF4ZLMSFvxcKJzVMQyyWQZGIbnDmvdDAG4X651pCx_LbGTinJ941ds3HOohf70HnAGz8ncWHrYsCOXA&amp;upload_protocol=resumable</t>
  </si>
  <si>
    <t>jullian.faria@algartech.com;robertaasp@algartech.com;trilhas_estilos@algartech.com;</t>
  </si>
  <si>
    <t>SIMULAÇÃO (1).xlsx</t>
  </si>
  <si>
    <t>jullian.faria@algartech.com,robertaasp@algartech.com,trilhas_estilos@algartech.com</t>
  </si>
  <si>
    <t>01/13/2020 14:56:00</t>
  </si>
  <si>
    <t>alinemds@algartech.com;amandafdcs@algartech.com.br;angelasr@algartech.com;antoniocoj@algartech.com;camiladps@algartech.com.br;diogenespl@algartech.com.br;fabianapm@algartech.com;flavia@iclicconsultoria.com.br;fredericobs@algartech.com;fredericobs@algartecnologia.com.br;laricena@algartech.com.br;marcotvo@algartech.com;thaismo@algartech.com.br;tiagorpf@algartech.com.br;</t>
  </si>
  <si>
    <t>C:\Users\camilat\Desktop\Necessidade Migração Onda Full .msg\s1\</t>
  </si>
  <si>
    <t>Onda Full Necessidade.xlsx</t>
  </si>
  <si>
    <t>alinemds@algartech.com,amandafdcs@algartech.com.br,angelasr@algartech.com,antoniocoj@algartech.com,camiladps@algartech.com.br,diogenespl@algartech.com.br,fabianapm@algartech.com,flavia@iclicconsultoria.com.br,fredericobs@algartech.com,fredericobs@algartecnologia.com.br,laricena@algartech.com.br,marcotvo@algartech.com,thaismo@algartech.com.br,tiagorpf@algartech.com.br</t>
  </si>
  <si>
    <t>01/14/2020 08:35:10</t>
  </si>
  <si>
    <t>criciavdo</t>
  </si>
  <si>
    <t>\\acsfs\profiles$\criciavdo\Downloads\</t>
  </si>
  <si>
    <t>35a3bf25-2730-4489-8a34-b93a9e71c425.tmp</t>
  </si>
  <si>
    <t>\\acsfs\profiles$\criciavdo\Downloads\35a3bf25-2730-4489-8a34-b93a9e71c425.tmp</t>
  </si>
  <si>
    <t>01/14/2020 08:35:49</t>
  </si>
  <si>
    <t>01/14/2020 08:39:35</t>
  </si>
  <si>
    <t>af345d35-2bd7-43be-9b7f-4dfe9cf98d58.tmp</t>
  </si>
  <si>
    <t>\\acsfs\profiles$\larissaad\Downloads\af345d35-2bd7-43be-9b7f-4dfe9cf98d58.tmp</t>
  </si>
  <si>
    <t>01/14/2020 08:37:48</t>
  </si>
  <si>
    <t>5411bac5-dfe0-4ae8-b7b0-0fcce310c2cc.tmp</t>
  </si>
  <si>
    <t>\\acsfs\profiles$\nayarasds\Downloads\5411bac5-dfe0-4ae8-b7b0-0fcce310c2cc.tmp</t>
  </si>
  <si>
    <t>01/14/2020 08:37:08</t>
  </si>
  <si>
    <t>cd380f22-5aec-4ab2-ab16-6c6c41775fb3.tmp</t>
  </si>
  <si>
    <t>\\acsfs\profiles$\leticiala\Downloads\cd380f22-5aec-4ab2-ab16-6c6c41775fb3.tmp</t>
  </si>
  <si>
    <t>01/14/2020 08:34:14</t>
  </si>
  <si>
    <t>01/14/2020 08:38:00</t>
  </si>
  <si>
    <t>01/14/2020 08:36:39</t>
  </si>
  <si>
    <t>fbbb984d-8039-411f-bdcd-30e976e15e13.tmp</t>
  </si>
  <si>
    <t>\\acsfs\profiles$\wedersonbadr\My Documents\My Music\fbbb984d-8039-411f-bdcd-30e976e15e13.tmp</t>
  </si>
  <si>
    <t>01/14/2020 08:36:51</t>
  </si>
  <si>
    <t>df9bb48c-0419-4764-a5f1-8b5f9ad085b3.tmp</t>
  </si>
  <si>
    <t>\\acsfs\profiles$\wedersonbadr\My Documents\My Music\df9bb48c-0419-4764-a5f1-8b5f9ad085b3.tmp</t>
  </si>
  <si>
    <t>01/14/2020 08:40:34</t>
  </si>
  <si>
    <t>01/14/2020 08:35:42</t>
  </si>
  <si>
    <t>bc5b69f4-e25b-414c-b4c0-fe6042680e39.tmp</t>
  </si>
  <si>
    <t>\\acsfs\profiles$\victoriaksr\Downloads\bc5b69f4-e25b-414c-b4c0-fe6042680e39.tmp</t>
  </si>
  <si>
    <t>01/14/2020 08:36:10</t>
  </si>
  <si>
    <t>01/14/2020 08:36:57</t>
  </si>
  <si>
    <t>eb1462ae-38fd-48be-9698-e7c849a647b1.tmp</t>
  </si>
  <si>
    <t>\\acsfs\profiles$\victoriaksr\Downloads\eb1462ae-38fd-48be-9698-e7c849a647b1.tmp</t>
  </si>
  <si>
    <t>01/14/2020 08:34:54</t>
  </si>
  <si>
    <t>01/14/2020 08:35:23</t>
  </si>
  <si>
    <t>01/14/2020 08:35:27</t>
  </si>
  <si>
    <t>01/14/2020 08:35:57</t>
  </si>
  <si>
    <t>01/14/2020 08:38:12</t>
  </si>
  <si>
    <t>01/14/2020 08:39:04</t>
  </si>
  <si>
    <t>01/14/2020 08:39:05</t>
  </si>
  <si>
    <t>01/14/2020 08:40:12</t>
  </si>
  <si>
    <t>01/14/2020 08:40:13</t>
  </si>
  <si>
    <t>01/14/2020 08:41:34</t>
  </si>
  <si>
    <t>01/14/2020 08:37:17</t>
  </si>
  <si>
    <t>01/14/2020 08:37:47</t>
  </si>
  <si>
    <t>01/14/2020 08:40:17</t>
  </si>
  <si>
    <t>01/14/2020 08:40:47</t>
  </si>
  <si>
    <t>01/14/2020 08:41:09</t>
  </si>
  <si>
    <t>VIVIANA LEONEL DA SILVA_1_6777344933019847066_1_32.wav</t>
  </si>
  <si>
    <t>\\acsfs\Deptos\EDUCACAO EMPRESARIAL\KÉSIA\Ligações 2º ciclo - Janeiro 2020\VIVIANA LEONEL DA SILVA_1_6777344933019847066_1_32.wav</t>
  </si>
  <si>
    <t>01/14/2020 08:36:50</t>
  </si>
  <si>
    <t>01/14/2020 08:42:34</t>
  </si>
  <si>
    <t>01/14/2020 08:39:24</t>
  </si>
  <si>
    <t>8465a475-88b1-47d8-bf1d-bb8236a85cd1.tmp</t>
  </si>
  <si>
    <t>\\acsfs\profiles$\Angelicacldr\Downloads\8465a475-88b1-47d8-bf1d-bb8236a85cd1.tmp</t>
  </si>
  <si>
    <t>01/14/2020 08:40:58</t>
  </si>
  <si>
    <t>5c3bd888-6adc-40ca-9831-52aa068391b5.tmp</t>
  </si>
  <si>
    <t>\\acsfs\profiles$\Angelicacldr\Downloads\5c3bd888-6adc-40ca-9831-52aa068391b5.tmp</t>
  </si>
  <si>
    <t>01/14/2020 08:41:43</t>
  </si>
  <si>
    <t>2bbcebcb-14be-4c16-9776-87c99e784db7.tmp</t>
  </si>
  <si>
    <t>\\acsfs\profiles$\Angelicacldr\Downloads\2bbcebcb-14be-4c16-9776-87c99e784db7.tmp</t>
  </si>
  <si>
    <t>01/14/2020 08:40:20</t>
  </si>
  <si>
    <t>01/14/2020 08:43:34</t>
  </si>
  <si>
    <t>mail.google.com/_/upload?authuser=0&amp;dcp=asu-n&amp;upload_id=AEnB2Uok1xeB48i0varCr3qkULPNsRT-lTwUC4HMJLvS7RjJLusQOsNE-q-IvrMZUJcacaoLG43qKWqUgReaPxieRGOLRdwF3g&amp;upload_protocol=resumable</t>
  </si>
  <si>
    <t>01/14/2020 08:39:20</t>
  </si>
  <si>
    <t>a62de880-d24b-41da-b97f-5ee2b5e4992b.tmp</t>
  </si>
  <si>
    <t>\\acsfs\profiles$\websondsa\Downloads\a62de880-d24b-41da-b97f-5ee2b5e4992b.tmp</t>
  </si>
  <si>
    <t>01/14/2020 08:42:15</t>
  </si>
  <si>
    <t>6468860a-4f32-4d29-8cb2-2bae79565f48.tmp</t>
  </si>
  <si>
    <t>\\acsfs\profiles$\websondsa\Downloads\6468860a-4f32-4d29-8cb2-2bae79565f48.tmp</t>
  </si>
  <si>
    <t>01/14/2020 08:42:17</t>
  </si>
  <si>
    <t>067fa803-37e8-42f3-8688-7157dc7690df.tmp</t>
  </si>
  <si>
    <t>\\acsfs\profiles$\websondsa\Downloads\067fa803-37e8-42f3-8688-7157dc7690df.tmp</t>
  </si>
  <si>
    <t>01/14/2020 08:42:19</t>
  </si>
  <si>
    <t>f6da46e3-9dd9-4396-991c-f6bafb7a29b7.tmp</t>
  </si>
  <si>
    <t>\\acsfs\profiles$\websondsa\Downloads\f6da46e3-9dd9-4396-991c-f6bafb7a29b7.tmp</t>
  </si>
  <si>
    <t>01/14/2020 08:41:44</t>
  </si>
  <si>
    <t>01/14/2020 08:44:34</t>
  </si>
  <si>
    <t>8b0cef72-c078-4c2c-96d4-97630ad0b26e.tmp</t>
  </si>
  <si>
    <t>\\acsfs\profiles$\gabrielaff\Downloads\8b0cef72-c078-4c2c-96d4-97630ad0b26e.tmp</t>
  </si>
  <si>
    <t>01/14/2020 08:41:39</t>
  </si>
  <si>
    <t>01/14/2020 08:45:34</t>
  </si>
  <si>
    <t>01/14/2020 08:41:51</t>
  </si>
  <si>
    <t>andrelpsa@algartech.com;joaogvc@algartech.com;leonardoao@algartech.com;marianadjc@algartech.com;maristelavodq@bv.algartech.com;paulacn@algartech.com;ricardodfm@algartech.com.br;taysdss@algartech.com;</t>
  </si>
  <si>
    <t>andrelpsa@algartech.com,joaogvc@algartech.com,leonardoao@algartech.com,marianadjc@algartech.com,maristelavodq@bv.algartech.com,paulacn@algartech.com,ricardodfm@algartech.com.br,taysdss@algartech.com</t>
  </si>
  <si>
    <t>01/14/2020 08:41:55</t>
  </si>
  <si>
    <t>01/14/2020 08:41:58</t>
  </si>
  <si>
    <t>01/14/2020 08:42:03</t>
  </si>
  <si>
    <t>01/14/2020 08:42:11</t>
  </si>
  <si>
    <t>01/14/2020 08:42:16</t>
  </si>
  <si>
    <t>01/14/2020 08:42:22</t>
  </si>
  <si>
    <t>andrelpsa@algartech.com;joaogvc@algartech.com;katia.cardoso@bv.com.br;leonardoao@algartech.com;marianadjc@algartech.com;maristelavodq@bv.algartech.com;paulacn@algartech.com;ricardodfm@algartech.com.br;taysdss@algartech.com;</t>
  </si>
  <si>
    <t>andrelpsa@algartech.com,joaogvc@algartech.com,katia.cardoso@bv.com.br,leonardoao@algartech.com,marianadjc@algartech.com,maristelavodq@bv.algartech.com,paulacn@algartech.com,ricardodfm@algartech.com.br,taysdss@algartech.com</t>
  </si>
  <si>
    <t>01/14/2020 08:43:32</t>
  </si>
  <si>
    <t>01/14/2020 08:46:34</t>
  </si>
  <si>
    <t>01/14/2020 08:41:17</t>
  </si>
  <si>
    <t>01/14/2020 08:41:47</t>
  </si>
  <si>
    <t>01/14/2020 08:42:47</t>
  </si>
  <si>
    <t>01/14/2020 08:43:17</t>
  </si>
  <si>
    <t>01/14/2020 08:43:47</t>
  </si>
  <si>
    <t>01/14/2020 08:44:17</t>
  </si>
  <si>
    <t>01/14/2020 08:44:47</t>
  </si>
  <si>
    <t>01/14/2020 08:45:17</t>
  </si>
  <si>
    <t>01/14/2020 08:45:47</t>
  </si>
  <si>
    <t>01/14/2020 08:43:06</t>
  </si>
  <si>
    <t>01/14/2020 08:47:35</t>
  </si>
  <si>
    <t>01/14/2020 08:42:01</t>
  </si>
  <si>
    <t>f15ef821-9d30-4a5b-9f26-5a1e6b23483d.tmp</t>
  </si>
  <si>
    <t>\\acsfs\profiles$\Angelicacldr\Downloads\f15ef821-9d30-4a5b-9f26-5a1e6b23483d.tmp</t>
  </si>
  <si>
    <t>01/14/2020 08:42:25</t>
  </si>
  <si>
    <t>63b32708-32eb-465b-8267-711b5a9bd9ee.tmp</t>
  </si>
  <si>
    <t>\\acsfs\profiles$\Angelicacldr\Downloads\63b32708-32eb-465b-8267-711b5a9bd9ee.tmp</t>
  </si>
  <si>
    <t>01/14/2020 08:43:24</t>
  </si>
  <si>
    <t>957da422-db7c-490f-9daa-1e01321c9f3a.tmp</t>
  </si>
  <si>
    <t>\\acsfs\profiles$\Angelicacldr\Downloads\957da422-db7c-490f-9daa-1e01321c9f3a.tmp</t>
  </si>
  <si>
    <t>01/14/2020 08:43:49</t>
  </si>
  <si>
    <t>01/14/2020 08:43:59</t>
  </si>
  <si>
    <t>01/14/2020 08:45:26</t>
  </si>
  <si>
    <t>01/14/2020 08:46:13</t>
  </si>
  <si>
    <t>01/14/2020 08:48:34</t>
  </si>
  <si>
    <t>lu11748c87k.tmp</t>
  </si>
  <si>
    <t>\\acsfs\profiles$\BRUNAAR\Numero\lu11748c87k.tmp</t>
  </si>
  <si>
    <t>01/14/2020 08:46:28</t>
  </si>
  <si>
    <t>VQ's e Skills - PA Digital Whirlpool.xlsx</t>
  </si>
  <si>
    <t>01/14/2020 08:49:05</t>
  </si>
  <si>
    <t>01/14/2020 08:49:34</t>
  </si>
  <si>
    <t>01/14/2020 08:45:27</t>
  </si>
  <si>
    <t>446da810-c001-45a6-8bb9-68634817f525.tmp</t>
  </si>
  <si>
    <t>\\acsfs\profiles$\wedersonbadr\My Documents\My Music\446da810-c001-45a6-8bb9-68634817f525.tmp</t>
  </si>
  <si>
    <t>01/14/2020 08:49:07</t>
  </si>
  <si>
    <t>33238e96-87cf-4998-9151-0db85a6a3cc0.tmp</t>
  </si>
  <si>
    <t>\\acsfs\profiles$\wedersonbadr\My Documents\My Music\33238e96-87cf-4998-9151-0db85a6a3cc0.tmp</t>
  </si>
  <si>
    <t>01/14/2020 08:48:01</t>
  </si>
  <si>
    <t>01/14/2020 08:50:34</t>
  </si>
  <si>
    <t>01/14/2020 08:48:31</t>
  </si>
  <si>
    <t>01/14/2020 08:45:44</t>
  </si>
  <si>
    <t>01/14/2020 08:45:54</t>
  </si>
  <si>
    <t>01/14/2020 08:45:59</t>
  </si>
  <si>
    <t>01/14/2020 08:46:04</t>
  </si>
  <si>
    <t>01/14/2020 08:47:36</t>
  </si>
  <si>
    <t>01/14/2020 08:47:48</t>
  </si>
  <si>
    <t>mail.google.com/_/upload?authuser=0&amp;dcp=asu-n&amp;upload_id=AEnB2Uo6YkuhDw5zoANNn2MUwx-PNLiRjPlT7DFl6SqUSh6SwSUoul7-5NBdEO4sS9sBWUdEBzrC5KnKtC2IH1ZIn6kyPPxM1Hz282EmqLy9q9tnorbC0PE&amp;upload_protocol=resumable</t>
  </si>
  <si>
    <t>01/14/2020 08:51:34</t>
  </si>
  <si>
    <t>01/14/2020 08:46:17</t>
  </si>
  <si>
    <t>01/14/2020 08:47:47</t>
  </si>
  <si>
    <t>01/14/2020 08:48:17</t>
  </si>
  <si>
    <t>01/14/2020 08:49:47</t>
  </si>
  <si>
    <t>01/14/2020 08:50:47</t>
  </si>
  <si>
    <t>01/14/2020 08:50:07</t>
  </si>
  <si>
    <t>FELIPE TOMAZ DA SILVA_1_6776950972849655735_1_32.wav</t>
  </si>
  <si>
    <t>\\acsfs\Deptos\EDUCACAO EMPRESARIAL\KÉSIA\Ligações 2º ciclo - Janeiro 2020\FELIPE TOMAZ DA SILVA_1_6776950972849655735_1_32.wav</t>
  </si>
  <si>
    <t>01/14/2020 08:49:51</t>
  </si>
  <si>
    <t>6e79c552-ecd6-458b-a71a-e6870f302e11.tmp</t>
  </si>
  <si>
    <t>\\acsfs\profiles$\THYAGOSP\Downloads\6e79c552-ecd6-458b-a71a-e6870f302e11.tmp</t>
  </si>
  <si>
    <t>01/14/2020 08:47:38</t>
  </si>
  <si>
    <t>01/14/2020 08:52:34</t>
  </si>
  <si>
    <t>01/14/2020 08:47:33</t>
  </si>
  <si>
    <t>10.200.61.45</t>
  </si>
  <si>
    <t>A4-1F-72-F9-F0-BF</t>
  </si>
  <si>
    <t>C:\Users\heliorg\Desktop\</t>
  </si>
  <si>
    <t>01/14/2020 08:51:22</t>
  </si>
  <si>
    <t>01/14/2020 08:52:40</t>
  </si>
  <si>
    <t>01/14/2020 08:53:34</t>
  </si>
  <si>
    <t>a8891a9b-3570-40b5-a2fb-6d1e9507017d.tmp</t>
  </si>
  <si>
    <t>\\acsfs\profiles$\rafaelahpn\Downloads\a8891a9b-3570-40b5-a2fb-6d1e9507017d.tmp</t>
  </si>
  <si>
    <t>01/14/2020 08:53:08</t>
  </si>
  <si>
    <t>01/14/2020 08:54:34</t>
  </si>
  <si>
    <t>7591ba69-630f-428f-9591-f8681d193788.tmp</t>
  </si>
  <si>
    <t>\\acsfs\profiles$\larissaad\Downloads\7591ba69-630f-428f-9591-f8681d193788.tmp</t>
  </si>
  <si>
    <t>01/14/2020 08:53:11</t>
  </si>
  <si>
    <t>0232cb65-f67c-4d25-9def-2e7403b340e3.tmp</t>
  </si>
  <si>
    <t>\\acsfs\profiles$\larissaad\Downloads\0232cb65-f67c-4d25-9def-2e7403b340e3.tmp</t>
  </si>
  <si>
    <t>01/14/2020 08:50:05</t>
  </si>
  <si>
    <t>e1bc1892-42b4-4556-87bd-895b421a5d95.tmp</t>
  </si>
  <si>
    <t>\\acsfs\profiles$\wedersonbadr\My Documents\My Music\e1bc1892-42b4-4556-87bd-895b421a5d95.tmp</t>
  </si>
  <si>
    <t>01/14/2020 08:51:29</t>
  </si>
  <si>
    <t>01/14/2020 08:52:24</t>
  </si>
  <si>
    <t>74c4ca9c-c679-468d-87f5-edfded287a8a.tmp</t>
  </si>
  <si>
    <t>\\acsfs\profiles$\claudiajca\Downloads\74c4ca9c-c679-468d-87f5-edfded287a8a.tmp</t>
  </si>
  <si>
    <t>01/14/2020 08:52:47</t>
  </si>
  <si>
    <t>197579b4-f6e6-4d96-b590-ae3c2be224cf.tmp</t>
  </si>
  <si>
    <t>\\acsfs\profiles$\claudiajca\Downloads\197579b4-f6e6-4d96-b590-ae3c2be224cf.tmp</t>
  </si>
  <si>
    <t>01/14/2020 08:52:55</t>
  </si>
  <si>
    <t>69dd570f-cffd-4fe6-ab77-c6264cd5b4e9.tmp</t>
  </si>
  <si>
    <t>\\acsfs\profiles$\claudiajca\Downloads\69dd570f-cffd-4fe6-ab77-c6264cd5b4e9.tmp</t>
  </si>
  <si>
    <t>01/14/2020 08:51:03</t>
  </si>
  <si>
    <t>01/14/2020 08:55:34</t>
  </si>
  <si>
    <t>01/14/2020 08:51:13</t>
  </si>
  <si>
    <t>01/14/2020 08:54:51</t>
  </si>
  <si>
    <t>41c90d4d-005d-431a-8df1-15e75a8b530a.tmp</t>
  </si>
  <si>
    <t>\\acsfs\profiles$\quindaizaagds\Downloads\41c90d4d-005d-431a-8df1-15e75a8b530a.tmp</t>
  </si>
  <si>
    <t>01/14/2020 08:55:01</t>
  </si>
  <si>
    <t>d413dc28-2325-40e6-8647-fd4ad7014d53.tmp</t>
  </si>
  <si>
    <t>\\acsfs\profiles$\quindaizaagds\Downloads\d413dc28-2325-40e6-8647-fd4ad7014d53.tmp</t>
  </si>
  <si>
    <t>01/14/2020 08:55:02</t>
  </si>
  <si>
    <t>daf8e155-1647-4b01-a888-935881600eff.tmp</t>
  </si>
  <si>
    <t>\\acsfs\profiles$\quindaizaagds\Downloads\daf8e155-1647-4b01-a888-935881600eff.tmp</t>
  </si>
  <si>
    <t>01/14/2020 08:52:16</t>
  </si>
  <si>
    <t>a7eb4219-bfa5-4c2d-a7e8-4ae2aebb78cd.tmp</t>
  </si>
  <si>
    <t>\\acsfs\profiles$\ANAPDSB\Downloads\a7eb4219-bfa5-4c2d-a7e8-4ae2aebb78cd.tmp</t>
  </si>
  <si>
    <t>01/14/2020 08:55:15</t>
  </si>
  <si>
    <t>01/14/2020 08:56:34</t>
  </si>
  <si>
    <t>01/14/2020 08:57:05</t>
  </si>
  <si>
    <t>01/14/2020 08:57:34</t>
  </si>
  <si>
    <t>6a8aa5fa-a0c5-4ace-be8c-79124cae4a34.tmp</t>
  </si>
  <si>
    <t>\\acsfs\profiles$\danielmlds\Downloads\6a8aa5fa-a0c5-4ace-be8c-79124cae4a34.tmp</t>
  </si>
  <si>
    <t>01/13/2020 20:40:42</t>
  </si>
  <si>
    <t>01/14/2020 08:58:33</t>
  </si>
  <si>
    <t>01/14/2020 08:54:08</t>
  </si>
  <si>
    <t>01/14/2020 08:57:21</t>
  </si>
  <si>
    <t>01/14/2020 08:57:22</t>
  </si>
  <si>
    <t>lu11748c87n.tmp</t>
  </si>
  <si>
    <t>\\acsfs\profiles$\BRUNAAR\Numero\lu11748c87n.tmp</t>
  </si>
  <si>
    <t>01/14/2020 08:55:06</t>
  </si>
  <si>
    <t>01/14/2020 08:57:04</t>
  </si>
  <si>
    <t>01/14/2020 09:00:34</t>
  </si>
  <si>
    <t>01/14/2020 08:58:21</t>
  </si>
  <si>
    <t>01/14/2020 08:55:07</t>
  </si>
  <si>
    <t>24348750-ee23-4d31-b8ca-1adbec287771.tmp</t>
  </si>
  <si>
    <t>\\acsfs\profiles$\quindaizaagds\Downloads\24348750-ee23-4d31-b8ca-1adbec287771.tmp</t>
  </si>
  <si>
    <t>01/14/2020 08:55:57</t>
  </si>
  <si>
    <t>01/14/2020 08:56:13</t>
  </si>
  <si>
    <t>01/14/2020 08:56:17</t>
  </si>
  <si>
    <t>01/14/2020 08:56:30</t>
  </si>
  <si>
    <t>01/14/2020 08:56:36</t>
  </si>
  <si>
    <t>01/14/2020 08:59:24</t>
  </si>
  <si>
    <t>01/14/2020 08:59:45</t>
  </si>
  <si>
    <t>01/14/2020 09:00:03</t>
  </si>
  <si>
    <t>01/14/2020 09:00:19</t>
  </si>
  <si>
    <t>01/14/2020 09:01:34</t>
  </si>
  <si>
    <t>01/14/2020 08:56:18</t>
  </si>
  <si>
    <t>01/14/2020 08:56:48</t>
  </si>
  <si>
    <t>01/14/2020 08:57:18</t>
  </si>
  <si>
    <t>01/14/2020 08:56:08</t>
  </si>
  <si>
    <t>517a4ad0-ac97-47ee-9ea6-6b9f3a9a2307.tmp</t>
  </si>
  <si>
    <t>\\acsfs\profiles$\gabriellalpr\Downloads\517a4ad0-ac97-47ee-9ea6-6b9f3a9a2307.tmp</t>
  </si>
  <si>
    <t>01/14/2020 08:56:32</t>
  </si>
  <si>
    <t>95039d78-646d-482b-bf63-33effafea449.tmp</t>
  </si>
  <si>
    <t>\\acsfs\profiles$\gabriellalpr\Downloads\95039d78-646d-482b-bf63-33effafea449.tmp</t>
  </si>
  <si>
    <t>01/14/2020 08:57:00</t>
  </si>
  <si>
    <t>cbe15587-2c29-4bfc-bd20-de4b3336612a.tmp</t>
  </si>
  <si>
    <t>\\acsfs\profiles$\gabriellalpr\Downloads\cbe15587-2c29-4bfc-bd20-de4b3336612a.tmp</t>
  </si>
  <si>
    <t>01/14/2020 08:57:51</t>
  </si>
  <si>
    <t>8e2c7c12-66b4-4d79-8fe7-8f76f9b458a0.tmp</t>
  </si>
  <si>
    <t>\\acsfs\profiles$\gabriellalpr\Downloads\8e2c7c12-66b4-4d79-8fe7-8f76f9b458a0.tmp</t>
  </si>
  <si>
    <t>01/14/2020 08:57:09</t>
  </si>
  <si>
    <t>01/14/2020 09:01:27</t>
  </si>
  <si>
    <t>01/14/2020 09:02:34</t>
  </si>
  <si>
    <t>01/14/2020 08:58:18</t>
  </si>
  <si>
    <t>6f8b6c73-7270-4fff-9cc1-4f1edcbec684.tmp</t>
  </si>
  <si>
    <t>\\acsfs\profiles$\danielmlds\Downloads\6f8b6c73-7270-4fff-9cc1-4f1edcbec684.tmp</t>
  </si>
  <si>
    <t>01/14/2020 09:01:42</t>
  </si>
  <si>
    <t>01/14/2020 08:59:20</t>
  </si>
  <si>
    <t>01/14/2020 09:03:34</t>
  </si>
  <si>
    <t>01/14/2020 08:59:11</t>
  </si>
  <si>
    <t>85ed9b66-8edc-4c1f-a8ec-7f65a0b2db71.tmp</t>
  </si>
  <si>
    <t>\\acsfs\profiles$\rafaelamsv\Downloads\85ed9b66-8edc-4c1f-a8ec-7f65a0b2db71.tmp</t>
  </si>
  <si>
    <t>01/14/2020 08:59:12</t>
  </si>
  <si>
    <t>1699146c-f2f8-4f5c-90d0-2c0be2bfeed6.tmp</t>
  </si>
  <si>
    <t>\\acsfs\profiles$\rafaelamsv\Downloads\1699146c-f2f8-4f5c-90d0-2c0be2bfeed6.tmp</t>
  </si>
  <si>
    <t>01/14/2020 09:01:09</t>
  </si>
  <si>
    <t>01/14/2020 09:04:35</t>
  </si>
  <si>
    <t>01/14/2020 09:00:32</t>
  </si>
  <si>
    <t>763a2810-ee53-4c19-88d0-98623908f8bd.tmp</t>
  </si>
  <si>
    <t>\\acsfs\profiles$\paulovadc\Downloads\763a2810-ee53-4c19-88d0-98623908f8bd.tmp</t>
  </si>
  <si>
    <t>01/14/2020 09:04:38</t>
  </si>
  <si>
    <t>01/14/2020 09:05:34</t>
  </si>
  <si>
    <t>01/14/2020 09:00:27</t>
  </si>
  <si>
    <t>01/14/2020 09:00:30</t>
  </si>
  <si>
    <t>01/14/2020 09:00:51</t>
  </si>
  <si>
    <t>01/14/2020 09:01:06</t>
  </si>
  <si>
    <t>01/14/2020 09:01:21</t>
  </si>
  <si>
    <t>01/14/2020 09:01:24</t>
  </si>
  <si>
    <t>01/14/2020 09:01:39</t>
  </si>
  <si>
    <t>01/14/2020 09:06:34</t>
  </si>
  <si>
    <t>01/14/2020 09:01:23</t>
  </si>
  <si>
    <t>01/14/2020 09:04:50</t>
  </si>
  <si>
    <t>01/14/2020 09:05:51</t>
  </si>
  <si>
    <t>01/14/2020 09:07:34</t>
  </si>
  <si>
    <t>01/14/2020 09:03:59</t>
  </si>
  <si>
    <t>01/14/2020 09:06:52</t>
  </si>
  <si>
    <t>fedbb2dc-acba-41db-bdf5-2a9f0f9ccd61.tmp</t>
  </si>
  <si>
    <t>\\acsfs\profiles$\kellzylenneasr\Downloads\fedbb2dc-acba-41db-bdf5-2a9f0f9ccd61.tmp</t>
  </si>
  <si>
    <t>01/14/2020 09:06:37</t>
  </si>
  <si>
    <t>01/14/2020 09:08:34</t>
  </si>
  <si>
    <t>01/14/2020 09:05:13</t>
  </si>
  <si>
    <t>01/14/2020 09:06:55</t>
  </si>
  <si>
    <t>01/14/2020 09:09:34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</t>
  </si>
  <si>
    <t>C:\Users\thiagolrc\Documents\</t>
  </si>
  <si>
    <t>Pasta 5.xlsx</t>
  </si>
  <si>
    <t>01/14/2020 09:07:20</t>
  </si>
  <si>
    <t>01/14/2020 09:10:07</t>
  </si>
  <si>
    <t>01/14/2020 09:10:34</t>
  </si>
  <si>
    <t>01/14/2020 09:10:08</t>
  </si>
  <si>
    <t>01/14/2020 09:11:35</t>
  </si>
  <si>
    <t>01/14/2020 09:07:25</t>
  </si>
  <si>
    <t>01/14/2020 09:12:34</t>
  </si>
  <si>
    <t>01/14/2020 09:07:26</t>
  </si>
  <si>
    <t>01/14/2020 09:07:39</t>
  </si>
  <si>
    <t>01/14/2020 09:07:40</t>
  </si>
  <si>
    <t>01/14/2020 09:07:58</t>
  </si>
  <si>
    <t>01/14/2020 09:07:59</t>
  </si>
  <si>
    <t>139311b4-c863-4ca4-afe0-563eecd14261.tmp</t>
  </si>
  <si>
    <t>\\acsfs\profiles$\kellzylenneasr\Downloads\139311b4-c863-4ca4-afe0-563eecd14261.tmp</t>
  </si>
  <si>
    <t>01/14/2020 09:10:01</t>
  </si>
  <si>
    <t>01/14/2020 09:10:02</t>
  </si>
  <si>
    <t>01/14/2020 09:10:50</t>
  </si>
  <si>
    <t>01/14/2020 09:13:35</t>
  </si>
  <si>
    <t>01/14/2020 09:10:51</t>
  </si>
  <si>
    <t>lu11748c87r.tmp</t>
  </si>
  <si>
    <t>\\acsfs\profiles$\BRUNAAR\Numero\lu11748c87r.tmp</t>
  </si>
  <si>
    <t>01/14/2020 09:08:09</t>
  </si>
  <si>
    <t>8eb7acf5-93d3-4390-8ae6-0cf376581252.tmp</t>
  </si>
  <si>
    <t>\\acsfs\profiles$\gabrielhca\Downloads\8eb7acf5-93d3-4390-8ae6-0cf376581252.tmp</t>
  </si>
  <si>
    <t>01/14/2020 09:08:11</t>
  </si>
  <si>
    <t>8e7c4a23-5125-437e-851b-02fce4e8dd42.tmp</t>
  </si>
  <si>
    <t>\\acsfs\profiles$\gabrielhca\Downloads\8e7c4a23-5125-437e-851b-02fce4e8dd42.tmp</t>
  </si>
  <si>
    <t>01/14/2020 09:08:18</t>
  </si>
  <si>
    <t>23db43ea-75a5-4deb-acb7-a74b801ec01b.tmp</t>
  </si>
  <si>
    <t>\\acsfs\profiles$\gabrielhca\Downloads\23db43ea-75a5-4deb-acb7-a74b801ec01b.tmp</t>
  </si>
  <si>
    <t>ec00a61d-7e3c-407d-ba52-19b00f35ab33.tmp</t>
  </si>
  <si>
    <t>\\acsfs\profiles$\gabrielhca\Downloads\ec00a61d-7e3c-407d-ba52-19b00f35ab33.tmp</t>
  </si>
  <si>
    <t>01/14/2020 09:13:04</t>
  </si>
  <si>
    <t>01/14/2020 09:14:34</t>
  </si>
  <si>
    <t>fc81a73b-b6e9-4b17-9066-d591e80a5d1e.tmp</t>
  </si>
  <si>
    <t>\\acsfs\profiles$\nathaliarmr\Downloads\fc81a73b-b6e9-4b17-9066-d591e80a5d1e.tmp</t>
  </si>
  <si>
    <t>01/14/2020 09:13:38</t>
  </si>
  <si>
    <t>6e58e1c9-aeea-4e20-9b5d-a22872c47c51.tmp</t>
  </si>
  <si>
    <t>\\acsfs\profiles$\leticiala\Downloads\6e58e1c9-aeea-4e20-9b5d-a22872c47c51.tmp</t>
  </si>
  <si>
    <t>01/14/2020 09:15:12</t>
  </si>
  <si>
    <t>01/14/2020 09:15:35</t>
  </si>
  <si>
    <t>01/14/2020 09:13:12</t>
  </si>
  <si>
    <t>01/14/2020 09:13:25</t>
  </si>
  <si>
    <t>01/14/2020 09:15:10</t>
  </si>
  <si>
    <t>01/14/2020 09:10:59</t>
  </si>
  <si>
    <t>01/14/2020 09:11:11</t>
  </si>
  <si>
    <t>01/14/2020 09:12:59</t>
  </si>
  <si>
    <t>01/14/2020 09:10:56</t>
  </si>
  <si>
    <t>01/14/2020 09:16:35</t>
  </si>
  <si>
    <t>01/14/2020 09:10:49</t>
  </si>
  <si>
    <t>01/14/2020 09:11:50</t>
  </si>
  <si>
    <t>1d686381-ca0e-48ec-bd49-c69853c147cb.tmp</t>
  </si>
  <si>
    <t>\\acsfs\profiles$\cintiadcf\Downloads\1d686381-ca0e-48ec-bd49-c69853c147cb.tmp</t>
  </si>
  <si>
    <t>01/14/2020 09:11:52</t>
  </si>
  <si>
    <t>af689dfb-8e30-4b1b-8ea6-4f8336103b92.tmp</t>
  </si>
  <si>
    <t>\\acsfs\profiles$\cintiadcf\Downloads\af689dfb-8e30-4b1b-8ea6-4f8336103b92.tmp</t>
  </si>
  <si>
    <t>01/14/2020 09:12:10</t>
  </si>
  <si>
    <t>01/14/2020 09:11:41</t>
  </si>
  <si>
    <t>\\acsfs\Deptos\Operacao\Banco_Votorantim\Supervisao\Maristela\CRBV vendas\Desligamento\Q29udHJvbGxlci5BQ09NLVNvdUJWXzE-.ica.crdownload</t>
  </si>
  <si>
    <t>01/14/2020 09:11:47</t>
  </si>
  <si>
    <t>\\acsfs\Deptos\Operacao\Banco_Votorantim\Supervisao\Maristela\CRBV vendas\Desligamento\Q29udHJvbGxlci5TQUNBLVNBQy1UUkFDRV8x.ica.crdownload</t>
  </si>
  <si>
    <t>01/14/2020 09:11:53</t>
  </si>
  <si>
    <t>Q29udHJvbGxlci5Xb3Jrc3BhY2UtRGVza3RvcC1F.ica.crdownload</t>
  </si>
  <si>
    <t>\\acsfs\Deptos\Operacao\Banco_Votorantim\Supervisao\Maristela\CRBV vendas\Desligamento\Q29udHJvbGxlci5Xb3Jrc3BhY2UtRGVza3RvcC1F.ica.crdownload</t>
  </si>
  <si>
    <t>01/14/2020 09:13:50</t>
  </si>
  <si>
    <t>01/14/2020 09:12:23</t>
  </si>
  <si>
    <t>KELLZYLENE APARECIDA SILVA RABELO_1_6778148749034204625_1_32.wav</t>
  </si>
  <si>
    <t>\\acsfs\Deptos\EDUCACAO EMPRESARIAL\KÉSIA\Ligações 2º ciclo - Janeiro 2020\KELLZYLENE APARECIDA SILVA RABELO_1_6778148749034204625_1_32.wav</t>
  </si>
  <si>
    <t>01/14/2020 09:16:44</t>
  </si>
  <si>
    <t>01/14/2020 09:18:35</t>
  </si>
  <si>
    <t>01/14/2020 09:15:22</t>
  </si>
  <si>
    <t>http:///batch?%24ct=multipart%2Fmixed%3B%20boundary%3D%22%3D%3D%3D%3D%3D8q4nwnej2r18%3D%3D%3D%3D%3D%22&amp;key=AIzaSyAy9VVXHSpS2IJpptzYtGbLP3-3_l0aBk4</t>
  </si>
  <si>
    <t>"mozilla/5.0 (windows nt 6.1) applewebkit/537.36 (khtml;&amp;_x001A_&amp;y(�_�z_x0010_^txl4l�v|�qa0�2�k�țtxl4l��|�qa0�2��'�_x0015__x0016__x0013_ _x0013_;&amp;_x001A_&amp;y(�_���*;&amp;_x001A_&amp;z;&gt;@���h�i�.`��_x0001_��f�wn�jfj �p]�_x001A_;&amp;_x001A_&amp;zi~b_x0017_b���h�i(�_x0002_��a�e��o�*;0] _x0018_�2_x0007_c-4e;0]\\\\\\\��� &lt;l;0]\\\\\\�*� &lt;l;0]l;0]thon-35.pyc;1;119;126;13;13700014;13700109;13700109�;13700185;13700451;13700951;13701207;13701298;13701422;13701430;13701450;13701506;13701537;13701573;13701577;13701625;13701657;13701693;13701693�;13701749;13701825;13701901;13701905;13701957;13701969;13702068;13702088;138;142961685;153;155;1578930052848000;1578930058554000;1578958057528;1578965581932;1578967688903;1578971301444;1578975962847;1578976564592;1579001247369;1ya5yrwelrso-yxib3ctz0mdjsqkh2uffmn2kfrmynlkfp2vhk5vxrjlyzc1nx1i8okgrxz4hh9fxnqqavexbjgszjfxng_3tikapcccza7s5nl0iiv528sipt3_n6smfvjyvnmz5gmbld86jsedcdqpnbowbtwaejdtwlwiwyazylw418myzkyijnlherxkuhkwira5leptyvbqa_jzeya8qcole_gvg3bkvh4xosewrhwsbq\";1ya5yrwelrso-yxib3ctz0mdjsqkh2uffmn2kfrmynlkfp2vhk5vxrjlyzc1nx1i8okgrxz4hh9fxnqqavexbjgszjfxng_3tikapcccza7s5nl0iiv528s</t>
  </si>
  <si>
    <t>http://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thon-35.pyc,1,119,126,13,13700014,13700109,13700109�,13700185,13700451,13700951,13701207,13701298,13701422,13701430,13701450,13701506,13701537,13701573,13701577,13701625,13701657,13701693,13701693�,13701693�,13701749,13701825,13701901,13701905,13701957,13701969,13702068,13702088,138,142961685,153,155,1578930052848000,1578930058554000,1578958057528,1578965581932,1578967688903,1578971301444,1578975962847,1578976564592,1579001247369,1ya5yrwelrso-yxib3ctz0mdjsqkh2uffmn2kfrmynlkfp2vhk5vxrjlyzc1nx1i8okgrxz4hh9fxnqqavexbjgszjfxng_3tikapcccza7s5nl0iiv528sipt3_n6smfvjyvnmz5gmbld86jsedcdqpnbowbtwaejdtwlwiwyazylw418myzkyijnlherxkuhkwira5leptyvbqa_jzeya8qcole_gvg3bkvh4xosewrhwsbq\",1ya5yrwelrso-yxib3ctz0mdjsqkh2uffmn2kfrmynlkfp2vhk5vxrjlyzc1nx1i8okgrxz4hh9fxnqqavexbjgszjfxng_3tikapc</t>
  </si>
  <si>
    <t>01/14/2020 09:15:23</t>
  </si>
  <si>
    <t>http:///batch?%24ct=multipart%2Fmixed%3B%20boundary%3D%22%3D%3D%3D%3D%3Dzdo3ypufp4dg%3D%3D%3D%3D%3D%22&amp;key=AIzaSyAy9VVXHSpS2IJpptzYtGbLP3-3_l0aBk4</t>
  </si>
  <si>
    <t>01/14/2020 09:15:24</t>
  </si>
  <si>
    <t>http:///batch?%24ct=multipart%2Fmixed%3B%20boundary%3D%22%3D%3D%3D%3D%3Dpn71nocmzqex%3D%3D%3D%3D%3D%22&amp;key=AIzaSyAy9VVXHSpS2IJpptzYtGbLP3-3_l0aBk4</t>
  </si>
  <si>
    <t>01/14/2020 09:16:52</t>
  </si>
  <si>
    <t>01/14/2020 09:19:35</t>
  </si>
  <si>
    <t>01/14/2020 09:16:57</t>
  </si>
  <si>
    <t>01/14/2020 09:14:59</t>
  </si>
  <si>
    <t>01/14/2020 09:15:00</t>
  </si>
  <si>
    <t>01/14/2020 09:15:01</t>
  </si>
  <si>
    <t>01/14/2020 09:15:02</t>
  </si>
  <si>
    <t>01/14/2020 09:15:03</t>
  </si>
  <si>
    <t>01/14/2020 09:15:04</t>
  </si>
  <si>
    <t>01/14/2020 09:15:05</t>
  </si>
  <si>
    <t>01/14/2020 09:15:06</t>
  </si>
  <si>
    <t>01/14/2020 09:15:07</t>
  </si>
  <si>
    <t>01/14/2020 09:15:08</t>
  </si>
  <si>
    <t>01/14/2020 09:15:09</t>
  </si>
  <si>
    <t>01/14/2020 09:15:11</t>
  </si>
  <si>
    <t>01/14/2020 09:15:13</t>
  </si>
  <si>
    <t>01/14/2020 09:15:14</t>
  </si>
  <si>
    <t>01/14/2020 09:15:15</t>
  </si>
  <si>
    <t>01/14/2020 09:16:00</t>
  </si>
  <si>
    <t>01/14/2020 09:20:35</t>
  </si>
  <si>
    <t>01/14/2020 09:17:55</t>
  </si>
  <si>
    <t>9b635ec8-a4d5-4777-9449-9635a6b1f2c9.tmp</t>
  </si>
  <si>
    <t>\\acsfs\profiles$\mariajra\Downloads\9b635ec8-a4d5-4777-9449-9635a6b1f2c9.tmp</t>
  </si>
  <si>
    <t>01/14/2020 09:17:58</t>
  </si>
  <si>
    <t>01/14/2020 09:18:30</t>
  </si>
  <si>
    <t>01/14/2020 09:19:29</t>
  </si>
  <si>
    <t>01/14/2020 09:21:35</t>
  </si>
  <si>
    <t>01/14/2020 09:17:19</t>
  </si>
  <si>
    <t>01/14/2020 09:20:19</t>
  </si>
  <si>
    <t>01/14/2020 09:19:17</t>
  </si>
  <si>
    <t>01/14/2020 09:22:34</t>
  </si>
  <si>
    <t>01/14/2020 09:18:24</t>
  </si>
  <si>
    <t>01/14/2020 09:23:35</t>
  </si>
  <si>
    <t>http:///batch?%24ct=multipart%2Fmixed%3B%20boundary%3D%22%3D%3D%3D%3D%3Dtsh76mhv4aba%3D%3D%3D%3D%3D%22&amp;key=AIzaSyAy9VVXHSpS2IJpptzYtGbLP3-3_l0aBk4</t>
  </si>
  <si>
    <t>"mozilla/5.0 (windows nt 6.1) applewebkit/537.36 (khtml;0;0]22] �_x0003_�_x0006_(�?_x0007_�=�_x0006_9995;0]l;0]ll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579002887516;17;1ya5yrwelrso-yxib3ctz0mdjsqkh2uffmn2kfrmynlkfp2vhk5vxrjlyzc1nx1i8okgrxz4hh9fxnqqavexbjgszjfxng_3tikapcccza7s5nl0iiv528sipt3_n6smfvjyvnmz5gmbld86jsedcdqpnbowbtwaejdtwlwiwyazylw418myzkyijnlherxkuhkwirbqlept6sanr3_vj4pcle54yuxc5co3rrqng4zvif1xww\";242;3;36;4;</t>
  </si>
  <si>
    <t>http://"mozilla/5.0 (windows nt 6.1) applewebkit/537.36 (khtml,0,0]22] �_x0003_�_x0006_(�?_x0007_�=�_x0006_9995,0]l,0]ll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579002887516,17,1ya5yrwelrso-yxib3ctz0mdjsqkh2uffmn2kfrmynlkfp2vhk5vxrjlyzc1nx1i8okgrxz4hh9fxnqqavexbjgszjfxng_3tikapcccza7s5nl0iiv528sipt3_n6smfvjyvnmz5gmbld86jsedcdqpnbowbtwaejdtwlwiwyazylw418myzkyijnlherxkuhkwirbqlept6sanr3_vj4pcle54yuxc5co3rrqng4zvif1xww\",242,</t>
  </si>
  <si>
    <t>01/14/2020 09:18:25</t>
  </si>
  <si>
    <t>http:///batch?%24ct=multipart%2Fmixed%3B%20boundary%3D%22%3D%3D%3D%3D%3Dwk1a10o4pzvu%3D%3D%3D%3D%3D%22&amp;key=AIzaSyAy9VVXHSpS2IJpptzYtGbLP3-3_l0aBk4</t>
  </si>
  <si>
    <t>01/14/2020 09:18:26</t>
  </si>
  <si>
    <t>http:///batch?%24ct=multipart%2Fmixed%3B%20boundary%3D%22%3D%3D%3D%3D%3Dg8iefee1lwxo%3D%3D%3D%3D%3D%22&amp;key=AIzaSyAy9VVXHSpS2IJpptzYtGbLP3-3_l0aBk4</t>
  </si>
  <si>
    <t>_x0003_���_x001C_x�*x_x0006_��e`y_x000E_;"mozilla/5.0 (windows nt 6.1) applewebkit/537.36 (khtml;0;0]22] �_x0003_�_x0006_(�?_x0007_�=�_x0006_9995;0]l;0]ll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579002887516;17;1ya5yrwelrso-yxib3ctz0mdjsqkh2uffmn2kfrmynlkfp2vhk5vxrjlyzc1nx1i8okgrxz4hh9fxnqqavexbjgszjfxng_3tikapcccza7s5nl0iiv528sipt3_n6smfvjyvnmz5gmbld86jsedcdqpnbowbtwaejdtwlwiwyazylw418myzkyijnlherxkuhkwirbqlept6sanr3_vj4pcle54yuxc5co3rrqng4zvif1</t>
  </si>
  <si>
    <t>http://_x0003_���_x001C_x�*x_x0006_��e`y_x000E_,"mozilla/5.0 (windows nt 6.1) applewebkit/537.36 (khtml,0,0]22] �_x0003_�_x0006_(�?_x0007_�=�_x0006_9995,0]l,0]ll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579002887516,17,1ya5yrwelrso-yxib3ctz0mdjsqkh2uffmn2kfrmynlkfp2vhk5vxrjlyzc1nx1i8okgrxz4hh9fxnqqavexbjgszjfxng_3tikapcccza7s5nl0iiv528sipt3_n6smfvjyvnmz5gmbld86jsedcdqpnbowbtwaejdtwlwiwyazylw418myzkyijnlherxkuhkwirbqlept6sanr3_vj4pcle54yuxc5co3rrqn</t>
  </si>
  <si>
    <t>01/14/2020 09:21:14</t>
  </si>
  <si>
    <t>3f8575c1-bc69-450b-ba69-a912e0309a65.tmp</t>
  </si>
  <si>
    <t>\\acsfs\profiles$\gabrielsma\Downloads\3f8575c1-bc69-450b-ba69-a912e0309a65.tmp</t>
  </si>
  <si>
    <t>01/14/2020 09:21:39</t>
  </si>
  <si>
    <t>Não confirmado 795662.crdownload</t>
  </si>
  <si>
    <t>\\acsfs\ACS\Gabriel da Silva\Contemporânea\VENDAS\Não confirmado 795662.crdownload</t>
  </si>
  <si>
    <t>65309f96-b5df-4fb4-a8e8-ed43720d2457.tmp</t>
  </si>
  <si>
    <t>\\acsfs\profiles$\gabrielsma\Downloads\65309f96-b5df-4fb4-a8e8-ed43720d2457.tmp</t>
  </si>
  <si>
    <t>Não confirmado 547075.crdownload</t>
  </si>
  <si>
    <t>\\acsfs\ACS\Gabriel da Silva\Contemporânea\VENDAS\Não confirmado 547075.crdownload</t>
  </si>
  <si>
    <t>01/14/2020 09:22:19</t>
  </si>
  <si>
    <t>01/14/2020 09:22:00</t>
  </si>
  <si>
    <t>d71540c8-002a-4d06-8984-ac4a8e119765.tmp</t>
  </si>
  <si>
    <t>\\acsfs\profiles$\ERICALSR\Downloads\d71540c8-002a-4d06-8984-ac4a8e119765.tmp</t>
  </si>
  <si>
    <t>01/14/2020 09:20:11</t>
  </si>
  <si>
    <t>01/14/2020 09:24:34</t>
  </si>
  <si>
    <t>01/14/2020 09:23:58</t>
  </si>
  <si>
    <t>01/14/2020 09:25:35</t>
  </si>
  <si>
    <t>01/14/2020 09:21:19</t>
  </si>
  <si>
    <t>01/14/2020 09:24:49</t>
  </si>
  <si>
    <t>andrelpsa@algartech.com;joaogvc@algartech.com;leonardoao@algartech.com;marianadjc@algartech.com;maristelavodq@bv.algartech.com;paulacn@algartech.com;planejamentodeoperacoesetrafego@bv.com.br;raphaelmco@algartech.com.br;ricardodfm@algartech.com.br;taysdss@algartech.com;viniciussg@algartech.com;</t>
  </si>
  <si>
    <t>andrelpsa@algartech.com,joaogvc@algartech.com,leonardoao@algartech.com,marianadjc@algartech.com,maristelavodq@bv.algartech.com,paulacn@algartech.com,planejamentodeoperacoesetrafego@bv.com.br,raphaelmco@algartech.com.br,ricardodfm@algartech.com.br,taysdss@algartech.com,viniciussg@algartech.com</t>
  </si>
  <si>
    <t>01/14/2020 09:24:52</t>
  </si>
  <si>
    <t>01/14/2020 09:25:11</t>
  </si>
  <si>
    <t>01/14/2020 09:26:35</t>
  </si>
  <si>
    <t>01/14/2020 09:23:09</t>
  </si>
  <si>
    <t>01/14/2020 09:22:49</t>
  </si>
  <si>
    <t>01/14/2020 09:23:19</t>
  </si>
  <si>
    <t>01/14/2020 09:23:49</t>
  </si>
  <si>
    <t>01/14/2020 09:21:28</t>
  </si>
  <si>
    <t>01/14/2020 09:23:48</t>
  </si>
  <si>
    <t>mail.google.com/_/upload?authuser=0&amp;dcp=asu-n&amp;upload_id=AEnB2UrS-Vw7JT1h1kBZr82X238X0BWyIyZuOE-VO-FOubMZROXE34cauggTgxHVNAOcWhwGPydJfp2DbG42gksrBWKyI_1k3W10W_1h1PEN2KyuV9v1oiI&amp;upload_protocol=resumable</t>
  </si>
  <si>
    <t>01/14/2020 09:25:55</t>
  </si>
  <si>
    <t>01/14/2020 09:25:24</t>
  </si>
  <si>
    <t>01/14/2020 09:27:35</t>
  </si>
  <si>
    <t>01/14/2020 09:25:53</t>
  </si>
  <si>
    <t>01/14/2020 09:23:45</t>
  </si>
  <si>
    <t>mail.google.com/_/upload?authuser=1&amp;dcp=asu-n&amp;upload_id=AEnB2UorEagU_xSEl05AUGOkeTUjCmaLurr0Qlz5CfCYbkGzxhciTbC8YzYyaNiI1D5kpTYzM2vUTTyF-3rOizA-OsCHsQGtZ7ND48Ctn5I4vqtJRQ_YaUg&amp;upload_protocol=resumable</t>
  </si>
  <si>
    <t>C:\Users\ericacdosc\Desktop\Nimbus\</t>
  </si>
  <si>
    <t>PMR Clientes Nimbus.xlsx</t>
  </si>
  <si>
    <t>01/14/2020 09:23:18</t>
  </si>
  <si>
    <t>01/14/2020 09:28:35</t>
  </si>
  <si>
    <t>01/14/2020 09:25:46</t>
  </si>
  <si>
    <t>\\acsfs\ACS\Gabriel da Silva\Contemporânea\BDBV\6C6E7C26.tmp\</t>
  </si>
  <si>
    <t>\\acsfs\ACS\Gabriel da Silva\Contemporânea\BDBV\6C6E7C26.tmp\:Zone.Identifier:$DATA</t>
  </si>
  <si>
    <t>01/14/2020 09:25:47</t>
  </si>
  <si>
    <t>01/14/2020 09:26:59</t>
  </si>
  <si>
    <t>b2399f30-0016-4188-8185-1b0c3d9cd851.tmp</t>
  </si>
  <si>
    <t>\\acsfs\profiles$\gabrielsma\Downloads\b2399f30-0016-4188-8185-1b0c3d9cd851.tmp</t>
  </si>
  <si>
    <t>01/14/2020 09:27:07</t>
  </si>
  <si>
    <t>Não confirmado 570762.crdownload</t>
  </si>
  <si>
    <t>\\acsfs\ACS\Gabriel da Silva\Contemporânea\Acessos\Não confirmado 570762.crdownload</t>
  </si>
  <si>
    <t>01/14/2020 09:26:56</t>
  </si>
  <si>
    <t>01/14/2020 09:29:35</t>
  </si>
  <si>
    <t>01/14/2020 09:28:58</t>
  </si>
  <si>
    <t>01/14/2020 09:29:13</t>
  </si>
  <si>
    <t>19f59c6b-0d4d-4efe-9fc6-457f20485f16.tmp</t>
  </si>
  <si>
    <t>\\acsfs\profiles$\wedersonbadr\My Documents\My Music\19f59c6b-0d4d-4efe-9fc6-457f20485f16.tmp</t>
  </si>
  <si>
    <t>01/14/2020 09:26:02</t>
  </si>
  <si>
    <t>01/14/2020 09:30:35</t>
  </si>
  <si>
    <t>01/14/2020 09:26:03</t>
  </si>
  <si>
    <t>lu12468p6xk0.tmp</t>
  </si>
  <si>
    <t>\\acsfs\profiles$\dhiulliananads\My Documents\lu12468p6xk0.tmp</t>
  </si>
  <si>
    <t>\\acsfs\profiles$\dhiulliananads\My Documents\lu12468p6xk0.tmp\</t>
  </si>
  <si>
    <t>\\acsfs\profiles$\dhiulliananads\My Documents\lu12468p6xk0.tmp\META-INF\</t>
  </si>
  <si>
    <t>\\acsfs\profiles$\dhiulliananads\My Documents\lu12468p6xk0.tmp\Thumbnails\</t>
  </si>
  <si>
    <t>01/14/2020 09:26:46</t>
  </si>
  <si>
    <t>01/14/2020 09:27:15</t>
  </si>
  <si>
    <t>01/14/2020 09:27:23</t>
  </si>
  <si>
    <t>01/14/2020 09:25:31</t>
  </si>
  <si>
    <t>01/14/2020 09:25:29</t>
  </si>
  <si>
    <t>joaogvc@algartech.com;katia.cardoso@bv.com.br;marianadjc@algartech.com;planejamentodeoperacoesetrafego@bv.com.br;raphaelmco@algartech.com.br;ricardodfm@algartech.com.br;taysdss@algartech.com;viniciussg@algartech.com;</t>
  </si>
  <si>
    <t>joaogvc@algartech.com,katia.cardoso@bv.com.br,marianadjc@algartech.com,planejamentodeoperacoesetrafego@bv.com.br,raphaelmco@algartech.com.br,ricardodfm@algartech.com.br,taysdss@algartech.com,viniciussg@algartech.com</t>
  </si>
  <si>
    <t>01/14/2020 09:27:06</t>
  </si>
  <si>
    <t>01/14/2020 09:25:39</t>
  </si>
  <si>
    <t>01/14/2020 09:25:42</t>
  </si>
  <si>
    <t>01/14/2020 09:25:44</t>
  </si>
  <si>
    <t>01/14/2020 09:25:54</t>
  </si>
  <si>
    <t>01/14/2020 09:26:05</t>
  </si>
  <si>
    <t>01/14/2020 09:26:06</t>
  </si>
  <si>
    <t>01/14/2020 09:31:35</t>
  </si>
  <si>
    <t>01/14/2020 09:26:49</t>
  </si>
  <si>
    <t>01/14/2020 09:27:19</t>
  </si>
  <si>
    <t>01/14/2020 09:27:49</t>
  </si>
  <si>
    <t>01/14/2020 09:28:19</t>
  </si>
  <si>
    <t>01/14/2020 09:28:49</t>
  </si>
  <si>
    <t>01/14/2020 09:29:19</t>
  </si>
  <si>
    <t>01/14/2020 09:29:49</t>
  </si>
  <si>
    <t>01/14/2020 09:30:19</t>
  </si>
  <si>
    <t>01/14/2020 09:29:17</t>
  </si>
  <si>
    <t>01/14/2020 09:27:56</t>
  </si>
  <si>
    <t>THYAGO SANTANA PASETTO_1_6779527300392232098_1_32.wav</t>
  </si>
  <si>
    <t>\\acsfs\Deptos\EDUCACAO EMPRESARIAL\KÉSIA\Ligações 2º ciclo - Janeiro 2020\THYAGO SANTANA PASETTO_1_6779527300392232098_1_32.wav</t>
  </si>
  <si>
    <t>01/14/2020 09:30:39</t>
  </si>
  <si>
    <t>01/14/2020 09:30:05</t>
  </si>
  <si>
    <t>01/14/2020 09:32:35</t>
  </si>
  <si>
    <t>01/14/2020 09:30:06</t>
  </si>
  <si>
    <t>\\acsfs\profiles$\THYAGOSP\My Documents\Planilha 2019 CR.ods\Object 5\</t>
  </si>
  <si>
    <t>01/14/2020 09:27:29</t>
  </si>
  <si>
    <t>01/14/2020 09:27:30</t>
  </si>
  <si>
    <t>lu15576izhq7.tmp</t>
  </si>
  <si>
    <t>\\acsfs\profiles$\VIVIANALDS\My Documents\lu15576izhq7.tmp</t>
  </si>
  <si>
    <t>\\acsfs\profiles$\VIVIANALDS\My Documents\lu15576izhq7.tmp\</t>
  </si>
  <si>
    <t>\\acsfs\profiles$\VIVIANALDS\My Documents\lu15576izhq7.tmp\META-INF\</t>
  </si>
  <si>
    <t>\\acsfs\profiles$\VIVIANALDS\My Documents\lu15576izhq7.tmp\Thumbnails\</t>
  </si>
  <si>
    <t>01/14/2020 09:27:36</t>
  </si>
  <si>
    <t>01/14/2020 09:27:37</t>
  </si>
  <si>
    <t>lu15576izhqb.tmp</t>
  </si>
  <si>
    <t>\\acsfs\profiles$\VIVIANALDS\My Documents\lu15576izhqb.tmp</t>
  </si>
  <si>
    <t>\\acsfs\profiles$\VIVIANALDS\My Documents\lu15576izhqb.tmp\</t>
  </si>
  <si>
    <t>\\acsfs\profiles$\VIVIANALDS\My Documents\lu15576izhqb.tmp\META-INF\</t>
  </si>
  <si>
    <t>\\acsfs\profiles$\VIVIANALDS\My Documents\lu15576izhqb.tmp\Thumbnails\</t>
  </si>
  <si>
    <t>01/14/2020 09:27:31</t>
  </si>
  <si>
    <t>2511a605-aa99-4f62-8954-2a37f88fa625.tmp</t>
  </si>
  <si>
    <t>\\acsfs\profiles$\antoniosva\Downloads\2511a605-aa99-4f62-8954-2a37f88fa625.tmp</t>
  </si>
  <si>
    <t>01/14/2020 09:32:28</t>
  </si>
  <si>
    <t>elton.r.luz@bradesco.com.br;emerson.r.correia@bradesco.com.br;fernanda.l.pereira@bradesco.com.br;karolinasr@algartech.com;luanasdsa@algartech.com;paulohm@algartech.com;</t>
  </si>
  <si>
    <t>elton.r.luz@bradesco.com.br,emerson.r.correia@bradesco.com.br,fernanda.l.pereira@bradesco.com.br,karolinasr@algartech.com,luanasdsa@algartech.com,paulohm@algartech.com</t>
  </si>
  <si>
    <t>01/14/2020 09:28:33</t>
  </si>
  <si>
    <t>01/14/2020 09:33:35</t>
  </si>
  <si>
    <t>01/14/2020 09:30:40</t>
  </si>
  <si>
    <t>andrelpsa@algartech.com;eliane.martins@bv.com.br;simeia.faria@bv.com.br;</t>
  </si>
  <si>
    <t>andrelpsa@algartech.com,eliane.martins@bv.com.br,simeia.faria@bv.com.br</t>
  </si>
  <si>
    <t>01/14/2020 09:31:00</t>
  </si>
  <si>
    <t>01/14/2020 09:33:09</t>
  </si>
  <si>
    <t>01/14/2020 09:29:41</t>
  </si>
  <si>
    <t>01/14/2020 09:34:35</t>
  </si>
  <si>
    <t>cf450a34-ce93-491f-84fc-5f46ca8b4bc0.tmp</t>
  </si>
  <si>
    <t>\\acsfs\profiles$\wedersonbadr\My Documents\My Music\cf450a34-ce93-491f-84fc-5f46ca8b4bc0.tmp</t>
  </si>
  <si>
    <t>01/14/2020 09:29:56</t>
  </si>
  <si>
    <t>9e8eb173-9e20-4b4c-9dfc-1231d0f04108.tmp</t>
  </si>
  <si>
    <t>\\acsfs\profiles$\henriquehmdo\Downloads\9e8eb173-9e20-4b4c-9dfc-1231d0f04108.tmp</t>
  </si>
  <si>
    <t>01/14/2020 09:30:13</t>
  </si>
  <si>
    <t>Q29udHJvbGxlci5DYWxjdWxhZG9yYURlVmVuY2lt (25).ica</t>
  </si>
  <si>
    <t>\\acsfs\profiles$\henriquehmdo\Downloads\Q29udHJvbGxlci5DYWxjdWxhZG9yYURlVmVuY2lt (25).ica</t>
  </si>
  <si>
    <t>01/14/2020 09:31:18</t>
  </si>
  <si>
    <t>d8a4555e-1971-469b-9204-e2fe9232a349.tmp</t>
  </si>
  <si>
    <t>\\acsfs\profiles$\henriquehmdo\Downloads\d8a4555e-1971-469b-9204-e2fe9232a349.tmp</t>
  </si>
  <si>
    <t>01/14/2020 09:29:48</t>
  </si>
  <si>
    <t>01/14/2020 09:35:35</t>
  </si>
  <si>
    <t>01/14/2020 09:34:34</t>
  </si>
  <si>
    <t>01/14/2020 09:31:10</t>
  </si>
  <si>
    <t>01/14/2020 09:31:26</t>
  </si>
  <si>
    <t>01/14/2020 09:31:38</t>
  </si>
  <si>
    <t>01/14/2020 09:31:54</t>
  </si>
  <si>
    <t>01/14/2020 09:32:01</t>
  </si>
  <si>
    <t>01/14/2020 09:32:41</t>
  </si>
  <si>
    <t>01/14/2020 09:32:49</t>
  </si>
  <si>
    <t>01/14/2020 09:32:58</t>
  </si>
  <si>
    <t>01/14/2020 09:33:02</t>
  </si>
  <si>
    <t>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4/2020 09:33:22</t>
  </si>
  <si>
    <t>01/14/2020 09:34:08</t>
  </si>
  <si>
    <t>01/14/2020 09:34:37</t>
  </si>
  <si>
    <t>01/14/2020 09:30:29</t>
  </si>
  <si>
    <t>RELATORIO DE LOGIN - FINANCEIRA - 13-01.xlsm</t>
  </si>
  <si>
    <t>\\acsfs\DEPTOS\Operacao\PCP\5 - Comum\PLANEJAMENTO BV\14 - ACOMPANHAMENTO\1 - REPORT ACOMPANHAMENTO\2020\1 - JANEIRO\FINANCEIRA\Login Logout Financeira\RELATORIO DE LOGIN - FINANCEIRA - 13-01.xlsm</t>
  </si>
  <si>
    <t>01/14/2020 09:34:45</t>
  </si>
  <si>
    <t>01/14/2020 09:31:34</t>
  </si>
  <si>
    <t>01/14/2020 09:35:06</t>
  </si>
  <si>
    <t>01/14/2020 09:35:14</t>
  </si>
  <si>
    <t>01/14/2020 09:35:17</t>
  </si>
  <si>
    <t>01/14/2020 09:31:46</t>
  </si>
  <si>
    <t>01/14/2020 09:31:53</t>
  </si>
  <si>
    <t>01/14/2020 09:31:59</t>
  </si>
  <si>
    <t>01/14/2020 09:32:02</t>
  </si>
  <si>
    <t>01/14/2020 09:32:09</t>
  </si>
  <si>
    <t>01/14/2020 09:32:23</t>
  </si>
  <si>
    <t>01/14/2020 09:32:33</t>
  </si>
  <si>
    <t>01/14/2020 09:32:42</t>
  </si>
  <si>
    <t>bvcartes-supervisores@algarnet.onmicrosoft.com;joaogvc@algartech.com;leonardoao@algartech.com;marianadjc@algartech.com;paulacn@algartech.com;planejamentodeoperacoesetrafego@bv.com.br;raphaelmco@algartech.com.br;ricardodfm@algartech.com.br;robsonams@algartech.com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robsonams@algartech.com,taysdss@algartech.com,viniciussg@algartech.com</t>
  </si>
  <si>
    <t>01/14/2020 09:32:54</t>
  </si>
  <si>
    <t>01/14/2020 09:33:01</t>
  </si>
  <si>
    <t>01/14/2020 09:33:14</t>
  </si>
  <si>
    <t>01/14/2020 09:33:32</t>
  </si>
  <si>
    <t>andrelpsa@algartech.com;joaogvc@algartech.com;leonardoao@algartech.com;marianadjc@algartech.com;maristelavodq@bv.algartech.com;paulacn@algartech.com;ricardodfm@algartech.com.br;robsonams@algartech.com;taysdss@algartech.com;viniciussg@algartech.com;</t>
  </si>
  <si>
    <t>andrelpsa@algartech.com,joaogvc@algartech.com,leonardoao@algartech.com,marianadjc@algartech.com,maristelavodq@bv.algartech.com,paulacn@algartech.com,ricardodfm@algartech.com.br,robsonams@algartech.com,taysdss@algartech.com,viniciussg@algartech.com</t>
  </si>
  <si>
    <t>01/14/2020 09:33:40</t>
  </si>
  <si>
    <t>01/14/2020 09:34:03</t>
  </si>
  <si>
    <t>01/14/2020 09:34:06</t>
  </si>
  <si>
    <t>01/14/2020 09:34:17</t>
  </si>
  <si>
    <t>01/14/2020 09:34:26</t>
  </si>
  <si>
    <t>01/14/2020 09:36:34</t>
  </si>
  <si>
    <t>1648fcf2-fa5b-41dc-a6a5-ef607b84f149.tmp</t>
  </si>
  <si>
    <t>\\acsfs\profiles$\isabellegtds\Downloads\1648fcf2-fa5b-41dc-a6a5-ef607b84f149.tmp</t>
  </si>
  <si>
    <t>01/14/2020 09:35:27</t>
  </si>
  <si>
    <t>79ff2d44-abcb-43e5-8ccd-464535fcfd16.tmp</t>
  </si>
  <si>
    <t>\\acsfs\profiles$\isabellegtds\Downloads\79ff2d44-abcb-43e5-8ccd-464535fcfd16.tmp</t>
  </si>
  <si>
    <t>01/14/2020 09:32:50</t>
  </si>
  <si>
    <t>9b092e00-68ba-43c7-ad97-9e572ac626fa.tmp</t>
  </si>
  <si>
    <t>\\acsfs\profiles$\Flaviojmm\Downloads\9b092e00-68ba-43c7-ad97-9e572ac626fa.tmp</t>
  </si>
  <si>
    <t>01/14/2020 09:35:48</t>
  </si>
  <si>
    <t>53741403-2891-4046-86e5-c865f8e874a8.tmp</t>
  </si>
  <si>
    <t>\\acsfs\profiles$\Flaviojmm\Downloads\53741403-2891-4046-86e5-c865f8e874a8.tmp</t>
  </si>
  <si>
    <t>01/14/2020 09:32:08</t>
  </si>
  <si>
    <t>01/14/2020 09:37:35</t>
  </si>
  <si>
    <t>01/14/2020 09:34:46</t>
  </si>
  <si>
    <t>01/14/2020 09:34:47</t>
  </si>
  <si>
    <t>01/14/2020 09:33:38</t>
  </si>
  <si>
    <t>e1bd9af5-c3ae-4aab-a065-ce17f9b9e41b.tmp</t>
  </si>
  <si>
    <t>\\acsfs\profiles$\JOAOVAL\Downloads\e1bd9af5-c3ae-4aab-a065-ce17f9b9e41b.tmp</t>
  </si>
  <si>
    <t>01/14/2020 09:34:49</t>
  </si>
  <si>
    <t>2d6b3001-2d78-48d2-8d83-a6032b115a0d.tmp</t>
  </si>
  <si>
    <t>\\acsfs\profiles$\JOAOVAL\Downloads\2d6b3001-2d78-48d2-8d83-a6032b115a0d.tmp</t>
  </si>
  <si>
    <t>01/14/2020 09:35:37</t>
  </si>
  <si>
    <t>1ab5556a-5275-49c2-afb2-df731a0d2512.tmp</t>
  </si>
  <si>
    <t>\\acsfs\profiles$\JOAOVAL\Downloads\1ab5556a-5275-49c2-afb2-df731a0d2512.tmp</t>
  </si>
  <si>
    <t>01/14/2020 09:35:55</t>
  </si>
  <si>
    <t>C:\Users\renataalves\Desktop\CASE Customer SuCcess.pptx\</t>
  </si>
  <si>
    <t>D:\CASE Customer SuCcess.pptx</t>
  </si>
  <si>
    <t>01/14/2020 09:32:27</t>
  </si>
  <si>
    <t>bb558c14-c891-4b53-93b2-cc9f2486c2d3.tmp</t>
  </si>
  <si>
    <t>\\acsfs\profiles$\lorrainerdl\Downloads\bb558c14-c891-4b53-93b2-cc9f2486c2d3.tmp</t>
  </si>
  <si>
    <t>01/14/2020 09:35:54</t>
  </si>
  <si>
    <t>01/14/2020 09:38:34</t>
  </si>
  <si>
    <t>01/14/2020 09:37:32</t>
  </si>
  <si>
    <t>01/14/2020 09:36:21</t>
  </si>
  <si>
    <t>01/14/2020 09:39:35</t>
  </si>
  <si>
    <t>01/14/2020 09:38:08</t>
  </si>
  <si>
    <t>01/14/2020 09:40:34</t>
  </si>
  <si>
    <t>01/14/2020 09:35:31</t>
  </si>
  <si>
    <t>01/14/2020 09:35:56</t>
  </si>
  <si>
    <t>01/14/2020 09:36:11</t>
  </si>
  <si>
    <t>01/14/2020 09:36:32</t>
  </si>
  <si>
    <t>01/14/2020 09:36:41</t>
  </si>
  <si>
    <t>01/14/2020 09:36:44</t>
  </si>
  <si>
    <t>01/14/2020 09:37:04</t>
  </si>
  <si>
    <t>01/14/2020 09:37:15</t>
  </si>
  <si>
    <t>01/14/2020 09:37:25</t>
  </si>
  <si>
    <t>01/14/2020 09:37:28</t>
  </si>
  <si>
    <t>01/14/2020 09:37:36</t>
  </si>
  <si>
    <t>01/14/2020 09:37:58</t>
  </si>
  <si>
    <t>01/14/2020 09:38:07</t>
  </si>
  <si>
    <t>01/14/2020 09:38:12</t>
  </si>
  <si>
    <t>01/14/2020 09:38:36</t>
  </si>
  <si>
    <t>01/14/2020 09:38:41</t>
  </si>
  <si>
    <t>01/14/2020 09:38:45</t>
  </si>
  <si>
    <t>01/14/2020 09:38:49</t>
  </si>
  <si>
    <t>01/14/2020 09:38:54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</t>
  </si>
  <si>
    <t>01/14/2020 09:39:15</t>
  </si>
  <si>
    <t>01/14/2020 09:39:23</t>
  </si>
  <si>
    <t>01/14/2020 09:40:02</t>
  </si>
  <si>
    <t>01/14/2020 09:40:09</t>
  </si>
  <si>
    <t>01/14/2020 09:40:15</t>
  </si>
  <si>
    <t>01/14/2020 09:39:12</t>
  </si>
  <si>
    <t>01/14/2020 09:39:24</t>
  </si>
  <si>
    <t>01/14/2020 09:39:27</t>
  </si>
  <si>
    <t>01/14/2020 09:39:37</t>
  </si>
  <si>
    <t>01/14/2020 09:39:44</t>
  </si>
  <si>
    <t>01/14/2020 09:39:47</t>
  </si>
  <si>
    <t>01/14/2020 09:40:06</t>
  </si>
  <si>
    <t>01/14/2020 09:40:16</t>
  </si>
  <si>
    <t>01/14/2020 09:40:26</t>
  </si>
  <si>
    <t>01/14/2020 09:35:59</t>
  </si>
  <si>
    <t>01/14/2020 09:41:35</t>
  </si>
  <si>
    <t>01/14/2020 09:36:08</t>
  </si>
  <si>
    <t>01/14/2020 09:35:50</t>
  </si>
  <si>
    <t>01/14/2020 09:36:20</t>
  </si>
  <si>
    <t>01/14/2020 09:36:50</t>
  </si>
  <si>
    <t>01/14/2020 09:38:20</t>
  </si>
  <si>
    <t>01/14/2020 09:40:20</t>
  </si>
  <si>
    <t>01/14/2020 09:37:45</t>
  </si>
  <si>
    <t>01/14/2020 09:43:34</t>
  </si>
  <si>
    <t>f870a0a7-99c9-4e54-9490-a843993428e5.tmp</t>
  </si>
  <si>
    <t>\\acsfs\profiles$\LUCASBS\Downloads\f870a0a7-99c9-4e54-9490-a843993428e5.tmp</t>
  </si>
  <si>
    <t>ac5ecf9f-4973-4e8d-92b5-134898a70f8c.tmp</t>
  </si>
  <si>
    <t>\\acsfs\profiles$\LUCASBS\Downloads\ac5ecf9f-4973-4e8d-92b5-134898a70f8c.tmp</t>
  </si>
  <si>
    <t>01/14/2020 09:40:54</t>
  </si>
  <si>
    <t>3194084a-9a20-4d76-b45a-7f1201acb5b7.tmp</t>
  </si>
  <si>
    <t>\\acsfs\profiles$\ALYNYA\Downloads\3194084a-9a20-4d76-b45a-7f1201acb5b7.tmp</t>
  </si>
  <si>
    <t>01/14/2020 09:41:46</t>
  </si>
  <si>
    <t>01/14/2020 09:44:51</t>
  </si>
  <si>
    <t>01/14/2020 09:45:34</t>
  </si>
  <si>
    <t>01/14/2020 09:41:22</t>
  </si>
  <si>
    <t>01/14/2020 09:41:27</t>
  </si>
  <si>
    <t>01/14/2020 09:41:30</t>
  </si>
  <si>
    <t>01/14/2020 09:41:34</t>
  </si>
  <si>
    <t>01/14/2020 09:40:31</t>
  </si>
  <si>
    <t>01/14/2020 09:40:36</t>
  </si>
  <si>
    <t>01/14/2020 09:40:38</t>
  </si>
  <si>
    <t>andrelpsa@algartech.com;leonardoao@algartech.com;marianadjc@algartech.com;ricardodfm@algartech.com.br;sofiamses@algartech.com;taysdss@algartech.com;viniciussg@algartech.com;</t>
  </si>
  <si>
    <t>andrelpsa@algartech.com,leonardoao@algartech.com,marianadjc@algartech.com,ricardodfm@algartech.com.br,sofiamses@algartech.com,taysdss@algartech.com,viniciussg@algartech.com</t>
  </si>
  <si>
    <t>01/14/2020 09:40:56</t>
  </si>
  <si>
    <t>01/14/2020 09:41:05</t>
  </si>
  <si>
    <t>01/14/2020 09:41:06</t>
  </si>
  <si>
    <t>\\acsfs\DEPTOS\Operacao\PCP\5 - Comum\PLANEJAMENTO BV\14 - ACOMPANHAMENTO\1 - REPORT ACOMPANHAMENTO\2020\1 - JANEIRO\FINANCEIRA\Quantidade de Login - Financeira.xlsx</t>
  </si>
  <si>
    <t>01/14/2020 09:41:14</t>
  </si>
  <si>
    <t>mail.google.com/_/upload?authuser=0&amp;dcp=asu-n&amp;upload_id=AEnB2UpYnu-xz70fm--oDHNVDMoq7O8pyJ_vrGFqAdMT0TVV_De0UANGsFhLtsd8gKHS6Fza5iWObgVGDilrbTY-N3VbDKlqvwUYzA42GuJRgskIw5Hcu3E&amp;upload_protocol=resumable</t>
  </si>
  <si>
    <t>01/14/2020 09:41:15</t>
  </si>
  <si>
    <t>01/14/2020 09:41:17</t>
  </si>
  <si>
    <t>01/14/2020 09:41:38</t>
  </si>
  <si>
    <t>01/14/2020 09:42:00</t>
  </si>
  <si>
    <t>01/14/2020 09:42:58</t>
  </si>
  <si>
    <t>https://joaogvc@algartech.com,leonardoao@algartech.com,marianadjc@algartech.com,paulacn@algartech.com,rafaelggs@algartech.com,ricardodfm@algartech.com.br,taysdss@algartech.com,thiagordu@algartech.com,viniciussg@algartech.com</t>
  </si>
  <si>
    <t>01/14/2020 09:44:27</t>
  </si>
  <si>
    <t>01/14/2020 09:45:11</t>
  </si>
  <si>
    <t>01/14/2020 09:46:34</t>
  </si>
  <si>
    <t>01/14/2020 09:42:54</t>
  </si>
  <si>
    <t>01/14/2020 09:47:34</t>
  </si>
  <si>
    <t>4905f08c-2aef-4ae4-8aeb-3ad14e5c40f0.tmp</t>
  </si>
  <si>
    <t>\\acsfs\profiles$\THYAGOSP\Downloads\4905f08c-2aef-4ae4-8aeb-3ad14e5c40f0.tmp</t>
  </si>
  <si>
    <t>01/14/2020 09:45:41</t>
  </si>
  <si>
    <t>67280331-b950-4ade-b616-42c56b525aed.tmp</t>
  </si>
  <si>
    <t>\\acsfs\profiles$\jhonatadss\Downloads\67280331-b950-4ade-b616-42c56b525aed.tmp</t>
  </si>
  <si>
    <t>01/14/2020 09:42:45</t>
  </si>
  <si>
    <t>ce908d31-ecdc-4fe3-bec0-231243bdbd8d.tmp</t>
  </si>
  <si>
    <t>\\acsfs\profiles$\felipetds\Downloads\ce908d31-ecdc-4fe3-bec0-231243bdbd8d.tmp</t>
  </si>
  <si>
    <t>01/14/2020 09:42:34</t>
  </si>
  <si>
    <t>8a83d4cb-ced0-4255-a59b-e5518d687c33.tmp</t>
  </si>
  <si>
    <t>\\acsfs\profiles$\lorrainerdl\Downloads\8a83d4cb-ced0-4255-a59b-e5518d687c33.tmp</t>
  </si>
  <si>
    <t>01/14/2020 09:43:02</t>
  </si>
  <si>
    <t>e7492a50-47a3-4f6f-81a7-878b8535bf84.tmp</t>
  </si>
  <si>
    <t>\\acsfs\profiles$\lorrainerdl\Downloads\e7492a50-47a3-4f6f-81a7-878b8535bf84.tmp</t>
  </si>
  <si>
    <t>01/14/2020 09:45:58</t>
  </si>
  <si>
    <t>01/14/2020 09:45:30</t>
  </si>
  <si>
    <t>01/14/2020 09:48:35</t>
  </si>
  <si>
    <t>01/14/2020 09:46:40</t>
  </si>
  <si>
    <t>f8a59833-24a3-4dcc-938e-64f04d3d5a27.tmp</t>
  </si>
  <si>
    <t>\\acsfs\profiles$\gabrielsma\Downloads\f8a59833-24a3-4dcc-938e-64f04d3d5a27.tmp</t>
  </si>
  <si>
    <t>01/14/2020 09:44:59</t>
  </si>
  <si>
    <t>5b4b1c6c-94b0-4f34-b833-2c60f5fcb502.tmp</t>
  </si>
  <si>
    <t>\\acsfs\profiles$\adelvinsonle\Downloads\5b4b1c6c-94b0-4f34-b833-2c60f5fcb502.tmp</t>
  </si>
  <si>
    <t>01/14/2020 09:45:02</t>
  </si>
  <si>
    <t>01/14/2020 09:45:28</t>
  </si>
  <si>
    <t>01/14/2020 09:46:33</t>
  </si>
  <si>
    <t>c172994e-1f99-43fd-b02c-81a6e9c4daee.tmp</t>
  </si>
  <si>
    <t>\\acsfs\profiles$\adelvinsonle\Downloads\c172994e-1f99-43fd-b02c-81a6e9c4daee.tmp</t>
  </si>
  <si>
    <t>01/14/2020 09:46:18</t>
  </si>
  <si>
    <t>01/14/2020 09:49:34</t>
  </si>
  <si>
    <t>7d1bd406-173c-463d-8c3f-593c193b2c64.tmp</t>
  </si>
  <si>
    <t>\\acsfs\profiles$\larissaad\Downloads\7d1bd406-173c-463d-8c3f-593c193b2c64.tmp</t>
  </si>
  <si>
    <t>01/14/2020 09:47:13</t>
  </si>
  <si>
    <t>a37f53f2-f845-4a9f-8d02-d2647ab717e6.tmp</t>
  </si>
  <si>
    <t>\\acsfs\profiles$\larissaad\Downloads\a37f53f2-f845-4a9f-8d02-d2647ab717e6.tmp</t>
  </si>
  <si>
    <t>01/14/2020 09:47:17</t>
  </si>
  <si>
    <t>01/14/2020 09:50:34</t>
  </si>
  <si>
    <t>http:///batch?%24ct=multipart%2Fmixed%3B%20boundary%3D%22%3D%3D%3D%3D%3Dhmb8lan9eygi%3D%3D%3D%3D%3D%22&amp;key=AIzaSyAy9VVXHSpS2IJpptzYtGbLP3-3_l0aBk4</t>
  </si>
  <si>
    <t>01/14/2020 09:47:19</t>
  </si>
  <si>
    <t>http:///batch?%24ct=multipart%2Fmixed%3B%20boundary%3D%22%3D%3D%3D%3D%3Df6w2tfy0b2fy%3D%3D%3D%3D%3D%22&amp;key=AIzaSyAy9VVXHSpS2IJpptzYtGbLP3-3_l0aBk4</t>
  </si>
  <si>
    <t>01/14/2020 09:47:21</t>
  </si>
  <si>
    <t>http:///batch?%24ct=multipart%2Fmixed%3B%20boundary%3D%22%3D%3D%3D%3D%3Dor6ww6oxl6p9%3D%3D%3D%3D%3D%22&amp;key=AIzaSyAy9VVXHSpS2IJpptzYtGbLP3-3_l0aBk4</t>
  </si>
  <si>
    <t>ancestorhasaugmentedpermissions;containsunsubscribedchildren;displayn;displayname;domain;emailaddress;filesize;hasthumbnail;hasvisitorpermissions;id);items(kind;ken;lastmodifyinguse;lastmodifyinguser(kind;lastviewedbymedate;modifiedbymedate;modifieddate;ontainsunsubscribedchildren;owners(kind;permission;permissionid;picture;picture�;rpermissions;thumbnailversion;workspaceids;</t>
  </si>
  <si>
    <t>http://ancestorhasaugmentedpermissions,containsunsubscribedchildren,displayn,displayname,domain,emailaddress,filesize,hasthumbnail,hasvisitorpermissions,id),items(kind,ken,lastmodifyinguse,lastmodifyinguser(kind,lastviewedbymedate,modifiedbymedate,modifieddate,ontainsunsubscribedchildren,owners(kind,permission,permissionid,picture,picture�,rpermissions,thumbnailversion,workspaceids</t>
  </si>
  <si>
    <t>01/14/2020 09:47:24</t>
  </si>
  <si>
    <t>http:///batch?%24ct=multipart%2Fmixed%3B%20boundary%3D%22%3D%3D%3D%3D%3Dl649ooc4m9ha%3D%3D%3D%3D%3D%22&amp;key=AIzaSyAy9VVXHSpS2IJpptzYtGbLP3-3_l0aBk4</t>
  </si>
  <si>
    <t>ancestorhasaugmentedpe;ancestorhasaugmentedpermissions;containsunsubscribedchildren;displayn;displayname;domain;emailaddres;emailaddress;filesize;hasthumbnail;hasvisitorpermissions;id);items(kind;ken;lastmodifyinguse;lastmodifyinguser(kind;lastviewedbymedate;modifiedbymedate;modifieddate;ontainsunsubscribedchildren;owners(kind;permission;permissionid;picture;picture�;rpermissions;thumbnailversion;workspaceids;</t>
  </si>
  <si>
    <t>http://ancestorhasaugmentedpe,ancestorhasaugmentedpermissions,containsunsubscribedchildren,displayn,displayname,domain,emailaddres,emailaddress,filesize,hasthumbnail,hasvisitorpermissions,id),items(kind,ken,lastmodifyinguse,lastmodifyinguser(kind,lastviewedbymedate,modifiedbymedate,modifieddate,ontainsunsubscribedchildren,owners(kind,permission,permissionid,picture,picture�,rpermissions,thumbnailversion,workspaceids</t>
  </si>
  <si>
    <t>http:///batch?%24ct=multipart%2Fmixed%3B%20boundary%3D%22%3D%3D%3D%3D%3Ddvnm8hi4tv23%3D%3D%3D%3D%3D%22&amp;key=AIzaSyAy9VVXHSpS2IJpptzYtGbLP3-3_l0aBk4</t>
  </si>
  <si>
    <t>ancestorhasaugmentedpe;ancestorhasaugmentedpermissions;containsunsubscribedchildren;displayn;displayname;domain;emailaddres;emailaddress;file(kind;fileid;filesize;hasthumbnail;hasvisitorpermissions;id;id);items(deleted;items(kind;ken;kind;lastmodifyinguse;lastmodifyinguser(kind;lastviewedbymedate;modifiedbymedate;modifieddate;ontainsunsubscribedchildren;owners(kind;per;permission;permissionid;picture;picture�;rpermissions;shared;sharedwithmedate;thumbnailversion;title;userpermission(role);workspaceids;</t>
  </si>
  <si>
    <t>http://ancestorhasaugmentedpe,ancestorhasaugmentedpermissions,containsunsubscribedchildren,displayn,displayname,domain,emailaddres,emailaddress,file(kind,fileid,filesize,hasthumbnail,hasvisitorpermissions,id,id),items(deleted,items(kind,ken,kind,lastmodifyinguse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01/14/2020 09:47:26</t>
  </si>
  <si>
    <t>http:///batch?%24ct=multipart%2Fmixed%3B%20boundary%3D%22%3D%3D%3D%3D%3D8cr3ma8y01i3%3D%3D%3D%3D%3D%22&amp;key=AIzaSyAy9VVXHSpS2IJpptzYtGbLP3-3_l0aBk4</t>
  </si>
  <si>
    <t>01/14/2020 09:47:31</t>
  </si>
  <si>
    <t>http:///batch?%24ct=multipart%2Fmixed%3B%20boundary%3D%22%3D%3D%3D%3D%3Dizifvus442pt%3D%3D%3D%3D%3D%22&amp;key=AIzaSyAy9VVXHSpS2IJpptzYtGbLP3-3_l0aBk4</t>
  </si>
  <si>
    <t>http:///batch?%24ct=multipart%2Fmixed%3B%20boundary%3D%22%3D%3D%3D%3D%3Dk5i7ac6ue1vc%3D%3D%3D%3D%3D%22&amp;key=AIzaSyAy9VVXHSpS2IJpptzYtGbLP3-3_l0aBk4</t>
  </si>
  <si>
    <t>01/14/2020 09:47:37</t>
  </si>
  <si>
    <t>http:///batch?%24ct=multipart%2Fmixed%3B%20boundary%3D%22%3D%3D%3D%3D%3Da37mgo1nuxyt%3D%3D%3D%3D%3D%22&amp;key=AIzaSyAy9VVXHSpS2IJpptzYtGbLP3-3_l0aBk4</t>
  </si>
  <si>
    <t>01/14/2020 09:48:00</t>
  </si>
  <si>
    <t>https://br2-excel.officeapps.live.com/x/_layouts/remotetelemetry.ashx</t>
  </si>
  <si>
    <t>https://ancestorhasaugmentedpe,ancestorhasaugmentedpermissions,containsunsubscribedchildren,displayn,displayname,domain,emailaddres,emailaddress,file(kind,fileid,filesize,hasthumbnail,hasvisitorpermissions,id,id),items(deleted,items(kind,ken,kind,lastmodifyinguse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01/14/2020 09:49:46</t>
  </si>
  <si>
    <t>http:///batch?%24ct=multipart%2Fmixed%3B%20boundary%3D%22%3D%3D%3D%3D%3Dbdkaak9ech4w%3D%3D%3D%3D%3D%22&amp;key=AIzaSyAy9VVXHSpS2IJpptzYtGbLP3-3_l0aBk4</t>
  </si>
  <si>
    <t>01/14/2020 09:49:47</t>
  </si>
  <si>
    <t>http:///batch?%24ct=multipart%2Fmixed%3B%20boundary%3D%22%3D%3D%3D%3D%3Dx04jez1mawie%3D%3D%3D%3D%3D%22&amp;key=AIzaSyAy9VVXHSpS2IJpptzYtGbLP3-3_l0aBk4</t>
  </si>
  <si>
    <t>01/14/2020 09:49:48</t>
  </si>
  <si>
    <t>http:///batch?%24ct=multipart%2Fmixed%3B%20boundary%3D%22%3D%3D%3D%3D%3Dqlcmwe5sy5ur%3D%3D%3D%3D%3D%22&amp;key=AIzaSyAy9VVXHSpS2IJpptzYtGbLP3-3_l0aBk4</t>
  </si>
  <si>
    <t>01/14/2020 09:49:51</t>
  </si>
  <si>
    <t>https://br2-excel.officeapps.live.com/x/_layouts/beaconhandler.ashx?wacusertype=wopi&amp;usid=633888fe-aeb5-47bf-aec0-883587ab9b75&amp;noauth=1&amp;waccluster=br2&amp;webmethod=closeworkbook</t>
  </si>
  <si>
    <t>https://br2-excel.officeapps.live.com/x/_layouts/beaconhandler.ashx?wacusertype=wopi&amp;usid=633888fe-aeb5-47bf-aec0-883587ab9b75&amp;noauth=1&amp;waccluster=br2&amp;webmethod=xlrte</t>
  </si>
  <si>
    <t>01/14/2020 09:49:57</t>
  </si>
  <si>
    <t>http://signaler-pa.clients6.google.com/v1/acknowledgments?key=aizasycimh2ks6vpafrc2lqu_snz1lo76xgdnlc</t>
  </si>
  <si>
    <t>01/14/2020 09:49:58</t>
  </si>
  <si>
    <t>http:///batch?%24ct=multipart%2Fmixed%3B%20boundary%3D%22%3D%3D%3D%3D%3D9nb4wgefku5e%3D%3D%3D%3D%3D%22&amp;key=AIzaSyAy9VVXHSpS2IJpptzYtGbLP3-3_l0aBk4</t>
  </si>
  <si>
    <t>01/14/2020 09:49:09</t>
  </si>
  <si>
    <t>01/14/2020 09:49:54</t>
  </si>
  <si>
    <t>ef3e6195-7ca3-4abc-b0bf-b1b6a9a15042.tmp</t>
  </si>
  <si>
    <t>\\acsfs\profiles$\LAISLG\Downloads\ef3e6195-7ca3-4abc-b0bf-b1b6a9a15042.tmp</t>
  </si>
  <si>
    <t>01/14/2020 09:51:34</t>
  </si>
  <si>
    <t>01/14/2020 09:47:51</t>
  </si>
  <si>
    <t>01/14/2020 09:48:21</t>
  </si>
  <si>
    <t>01/14/2020 09:51:15</t>
  </si>
  <si>
    <t>WENDER BRUNO NUNES MENESES_1_6777696613531989255_1_32.wav</t>
  </si>
  <si>
    <t>\\acsfs\Deptos\EDUCACAO EMPRESARIAL\KÉSIA\Ligações 2º ciclo - Janeiro 2020\WENDER BRUNO NUNES MENESES_1_6777696613531989255_1_32.wav</t>
  </si>
  <si>
    <t>01/14/2020 09:46:57</t>
  </si>
  <si>
    <t>01/14/2020 09:52:35</t>
  </si>
  <si>
    <t>01/14/2020 09:51:00</t>
  </si>
  <si>
    <t>01/14/2020 09:47:18</t>
  </si>
  <si>
    <t>1edddf4e-f082-426c-a18e-d35d8ed235b4.tmp</t>
  </si>
  <si>
    <t>\\acsfs\profiles$\jhonatadss\Downloads\1edddf4e-f082-426c-a18e-d35d8ed235b4.tmp</t>
  </si>
  <si>
    <t>01/14/2020 09:48:37</t>
  </si>
  <si>
    <t>11fb49b7-bb94-4fb0-979e-7540caf86bf9.tmp</t>
  </si>
  <si>
    <t>\\acsfs\profiles$\jhonatadss\Downloads\11fb49b7-bb94-4fb0-979e-7540caf86bf9.tmp</t>
  </si>
  <si>
    <t>01/14/2020 09:48:42</t>
  </si>
  <si>
    <t>2fffaba8-4bae-402d-9955-dd337e440fbf.tmp</t>
  </si>
  <si>
    <t>\\acsfs\profiles$\jhonatadss\Downloads\2fffaba8-4bae-402d-9955-dd337e440fbf.tmp</t>
  </si>
  <si>
    <t>01/14/2020 09:48:49</t>
  </si>
  <si>
    <t>0a6ae3e9-e60a-471c-93fb-14e5a848f85b.tmp</t>
  </si>
  <si>
    <t>\\acsfs\profiles$\jhonatadss\Downloads\0a6ae3e9-e60a-471c-93fb-14e5a848f85b.tmp</t>
  </si>
  <si>
    <t>01/14/2020 09:49:39</t>
  </si>
  <si>
    <t>c8b58bb5-5885-4309-a449-3c3f0aa841b7.tmp</t>
  </si>
  <si>
    <t>\\acsfs\profiles$\inarajst\Downloads\c8b58bb5-5885-4309-a449-3c3f0aa841b7.tmp</t>
  </si>
  <si>
    <t>01/14/2020 09:52:02</t>
  </si>
  <si>
    <t>5c2a846b-234b-4c23-ad93-d8362c2cd6b5.tmp</t>
  </si>
  <si>
    <t>\\acsfs\profiles$\lorrainerdl\Downloads\5c2a846b-234b-4c23-ad93-d8362c2cd6b5.tmp</t>
  </si>
  <si>
    <t>01/14/2020 09:52:12</t>
  </si>
  <si>
    <t>01/14/2020 09:53:35</t>
  </si>
  <si>
    <t>dd0d6aba-939d-4ecd-a7ad-6e41f2b6a357.tmp</t>
  </si>
  <si>
    <t>\\acsfs\profiles$\LUCASBS\Downloads\dd0d6aba-939d-4ecd-a7ad-6e41f2b6a357.tmp</t>
  </si>
  <si>
    <t>01/14/2020 09:51:06</t>
  </si>
  <si>
    <t>https://isd1.algar.tech/bot/upload-intencao/</t>
  </si>
  <si>
    <t>C:\Users\paulohfg\Desktop\</t>
  </si>
  <si>
    <t>intencoes13_5e1dab2ec8d965e1dab2ec8de3.xlsx</t>
  </si>
  <si>
    <t>01/14/2020 09:52:08</t>
  </si>
  <si>
    <t>intencoes13_5e1dab2ec8d965e1dab2ec8de3.csv</t>
  </si>
  <si>
    <t>01/14/2020 09:48:09</t>
  </si>
  <si>
    <t>Incentivo BV - Consignado_Dezembro.19.xlsx</t>
  </si>
  <si>
    <t>\\acsfs\ACS\Gabriel da Silva\Contemporânea\Comissão e Incentivo\Incentivo BV - Consignado_Dezembro.19.xlsx</t>
  </si>
  <si>
    <t>01/14/2020 09:49:07</t>
  </si>
  <si>
    <t>dea124b9-9523-48c8-bbd0-2a0c650397b1.tmp</t>
  </si>
  <si>
    <t>\\acsfs\profiles$\gabrielsma\Downloads\dea124b9-9523-48c8-bbd0-2a0c650397b1.tmp</t>
  </si>
  <si>
    <t>01/14/2020 09:51:37</t>
  </si>
  <si>
    <t>01/14/2020 09:52:48</t>
  </si>
  <si>
    <t>01/14/2020 09:50:06</t>
  </si>
  <si>
    <t>01/14/2020 09:54:34</t>
  </si>
  <si>
    <t>10.200.200.80</t>
  </si>
  <si>
    <t>mail.google.com/_/upload?authuser=0&amp;dcp=asu-n&amp;upload_id=AEnB2UrksgcZyVL6SK86_2TX1qq0lCxQvkSZ1c6TBPT74TTZgRfCnGuMAer6rYzheDwwnpXCeoeEEcLfpki3aojtGdjt6Ril3w&amp;upload_protocol=resumable</t>
  </si>
  <si>
    <t>\\acsfs\deptos\Operacao\Unica\1. Gestão da Área\1.1 Administrativo\1.1.3 Reports\Relatórios\Credenciamento Ativo\</t>
  </si>
  <si>
    <t>Report Comercial Unica - Janeiro.xlsx</t>
  </si>
  <si>
    <t>01/14/2020 09:51:45</t>
  </si>
  <si>
    <t>54349d29-e89f-4e6a-a899-d36ea5968a22.tmp</t>
  </si>
  <si>
    <t>\\acsfs\profiles$\lorenabmc\Downloads\54349d29-e89f-4e6a-a899-d36ea5968a22.tmp</t>
  </si>
  <si>
    <t>01/14/2020 09:50:28</t>
  </si>
  <si>
    <t>01/14/2020 09:55:35</t>
  </si>
  <si>
    <t>01/14/2020 09:50:29</t>
  </si>
  <si>
    <t>lu12468p6xk5.tmp</t>
  </si>
  <si>
    <t>\\acsfs\profiles$\dhiulliananads\My Documents\lu12468p6xk5.tmp</t>
  </si>
  <si>
    <t>\\acsfs\profiles$\dhiulliananads\My Documents\lu12468p6xk5.tmp\</t>
  </si>
  <si>
    <t>\\acsfs\profiles$\dhiulliananads\My Documents\lu12468p6xk5.tmp\META-INF\</t>
  </si>
  <si>
    <t>\\acsfs\profiles$\dhiulliananads\My Documents\lu12468p6xk5.tmp\Thumbnails\</t>
  </si>
  <si>
    <t>01/14/2020 09:50:04</t>
  </si>
  <si>
    <t>10.200.66.119</t>
  </si>
  <si>
    <t>90b4e514-49a0-4f59-ac81-de3255494f05.tmp</t>
  </si>
  <si>
    <t>\\acsfs\profiles$\matheushds\Downloads\90b4e514-49a0-4f59-ac81-de3255494f05.tmp</t>
  </si>
  <si>
    <t>01/14/2020 09:50:43</t>
  </si>
  <si>
    <t>52e53bde-8acc-40f3-a616-0e1c5b1963d8.tmp</t>
  </si>
  <si>
    <t>\\acsfs\profiles$\matheushds\Downloads\52e53bde-8acc-40f3-a616-0e1c5b1963d8.tmp</t>
  </si>
  <si>
    <t>01/14/2020 09:51:41</t>
  </si>
  <si>
    <t>1a737e6e-cfcb-48a5-b5b7-09c9ed7bb3d7.tmp</t>
  </si>
  <si>
    <t>\\acsfs\profiles$\matheushds\Downloads\1a737e6e-cfcb-48a5-b5b7-09c9ed7bb3d7.tmp</t>
  </si>
  <si>
    <t>01/14/2020 09:53:10</t>
  </si>
  <si>
    <t>5f919bff-cd7d-41db-84f7-24c0cccfa29b.tmp</t>
  </si>
  <si>
    <t>\\acsfs\profiles$\matheushds\Downloads\5f919bff-cd7d-41db-84f7-24c0cccfa29b.tmp</t>
  </si>
  <si>
    <t>01/14/2020 09:50:08</t>
  </si>
  <si>
    <t>http:///batch?%24ct=multipart%2Fmixed%3B%20boundary%3D%22%3D%3D%3D%3D%3D96maqg90lyfn%3D%3D%3D%3D%3D%22&amp;key=AIzaSyAy9VVXHSpS2IJpptzYtGbLP3-3_l0aBk4</t>
  </si>
  <si>
    <t>http:///batch?%24ct=multipart%2Fmixed%3B%20boundary%3D%22%3D%3D%3D%3D%3Daefy7zy9uofv%3D%3D%3D%3D%3D%22&amp;key=AIzaSyAy9VVXHSpS2IJpptzYtGbLP3-3_l0aBk4</t>
  </si>
  <si>
    <t>01/14/2020 09:50:42</t>
  </si>
  <si>
    <t>http:///batch?%24ct=multipart%2Fmixed%3B%20boundary%3D%22%3D%3D%3D%3D%3D7ozrahg0iiii%3D%3D%3D%3D%3D%22&amp;key=AIzaSyAy9VVXHSpS2IJpptzYtGbLP3-3_l0aBk4</t>
  </si>
  <si>
    <t>http:///batch?%24ct=multipart%2Fmixed%3B%20boundary%3D%22%3D%3D%3D%3D%3Dgnmv7vgvdkt5%3D%3D%3D%3D%3D%22&amp;key=AIzaSyAy9VVXHSpS2IJpptzYtGbLP3-3_l0aBk4</t>
  </si>
  <si>
    <t>01/14/2020 09:51:48</t>
  </si>
  <si>
    <t>http:///batch?%24ct=multipart%2Fmixed%3B%20boundary%3D%22%3D%3D%3D%3D%3Di2rveoh41t77%3D%3D%3D%3D%3D%22&amp;key=AIzaSyAy9VVXHSpS2IJpptzYtGbLP3-3_l0aBk4</t>
  </si>
  <si>
    <t>01/14/2020 09:51:49</t>
  </si>
  <si>
    <t>http:///batch?%24ct=multipart%2Fmixed%3B%20boundary%3D%22%3D%3D%3D%3D%3Du6ddp3qcknpo%3D%3D%3D%3D%3D%22&amp;key=AIzaSyAy9VVXHSpS2IJpptzYtGbLP3-3_l0aBk4</t>
  </si>
  <si>
    <t>01/14/2020 09:52:59</t>
  </si>
  <si>
    <t>http:///batch?%24ct=multipart%2Fmixed%3B%20boundary%3D%22%3D%3D%3D%3D%3Dlblo0m8koby7%3D%3D%3D%3D%3D%22&amp;key=AIzaSyAy9VVXHSpS2IJpptzYtGbLP3-3_l0aBk4</t>
  </si>
  <si>
    <t>"mozilla/5.0 (windows nt 6.1) applewebkit/537.36 (khtml;1;13;13700014;13700235;13700451;13700607;13700946;13700982;13701139;13701214;13701239;13701422;13701506;13701573;13701625;13701709;13701901;13701909;13701945;13701957;13701969;1579006034382000;1579006036473000;5701393;[[13701653;adfn-ctkbyqzacwibdejfkp95v6hsdpmnmwk_yhrk6q5lp4xwgmgdzhs5xu4pdnmdp5sabufxffa;ancestorhasaugmentedpermissions;containsunsubscribedchildren;displayname;domain;emailaddress;false];file(kind;fileid;filesize;fsbe0gqdwcmfyg";hasthumbnail;hasvisitorpermissions;id;id);items(deleted;ken;ken=ac4w5vhnhffcpr0s1rvwina3hx353dw6pg:1579006034378&amp;buildlabel=drive.web-frontend_20200101.00_p40;kind;lastmodifyinguser(kind;lastviewedbymedate;like gecko) chrome/79.0.3945.117 safari/537.36";modifiedbymedate;modifieddate;null;ontainsunsubscribedchildren;owners(kind;per;permissionid;picture;pt-br;shared;sharedwithmedate;thumbnailversion;title;userpermission(role);workspaceids;</t>
  </si>
  <si>
    <t>http://"mozilla/5.0 (windows nt 6.1) applewebkit/537.36 (khtml,1,13,13700014,13700235,13700451,13700607,13700946,13700982,13701139,13701214,13701239,13701422,13701506,13701573,13701625,13701709,13701901,13701909,13701945,13701957,13701969,1579006034382000,1579006036473000,5701393,[[13701653,adfn-ctkbyqzacwibdejfkp95v6hsdpmnmwk_yhrk6q5lp4xwgmgdzhs5xu4pdnmdp5sabufxffa,ancestorhasaugmentedpermissions,containsunsubscribedchildren,displayname,domain,emailaddress,false],file(kind,fileid,filesize,fsbe0gqdwcmfyg",hasthumbnail,hasvisitorpermissions,id,id),items(deleted,ken,ken=ac4w5vhnhffcpr0s1rvwina3hx353dw6pg:1579006034378&amp;buildlabel=drive.web-frontend_20200101.00_p40,kind,lastmodifyinguser(kind,lastviewedbymedate,like gecko) chrome/79.0.3945.117 safari/537.36",modifiedbymedate,modifieddate,null,ontainsunsubscribedchildren,owners(kind,per,permissionid,picture,pt-br,shared,sharedwithmedate,thumbnailversion,title,userpermission(role),workspaceids</t>
  </si>
  <si>
    <t>http:///batch?%24ct=multipart%2Fmixed%3B%20boundary%3D%22%3D%3D%3D%3D%3Dndonr7bahz3%3D%3D%3D%3D%3D%22&amp;key=AIzaSyAy9VVXHSpS2IJpptzYtGbLP3-3_l0aBk4</t>
  </si>
  <si>
    <t>01/14/2020 09:54:15</t>
  </si>
  <si>
    <t>01/14/2020 09:54:16</t>
  </si>
  <si>
    <t>http:///batch?%24ct=multipart%2Fmixed%3B%20boundary%3D%22%3D%3D%3D%3D%3D8jo561mlhrpz%3D%3D%3D%3D%3D%22&amp;key=AIzaSyAy9VVXHSpS2IJpptzYtGbLP3-3_l0aBk4</t>
  </si>
  <si>
    <t>01/14/2020 09:51:19</t>
  </si>
  <si>
    <t>01/14/2020 09:52:09</t>
  </si>
  <si>
    <t>01/14/2020 09:50:56</t>
  </si>
  <si>
    <t>4fc71db8-93f2-4061-b313-ea519e457c74.tmp</t>
  </si>
  <si>
    <t>\\acsfs\profiles$\LAISLG\Downloads\4fc71db8-93f2-4061-b313-ea519e457c74.tmp</t>
  </si>
  <si>
    <t>01/14/2020 09:56:34</t>
  </si>
  <si>
    <t>01/14/2020 09:52:31</t>
  </si>
  <si>
    <t>01/14/2020 09:57:35</t>
  </si>
  <si>
    <t>b9472f80-37bd-4a5d-9749-39075dffaeca.tmp</t>
  </si>
  <si>
    <t>\\acsfs\profiles$\luanarda\Downloads\b9472f80-37bd-4a5d-9749-39075dffaeca.tmp</t>
  </si>
  <si>
    <t>01/14/2020 09:55:54</t>
  </si>
  <si>
    <t>01/14/2020 09:58:35</t>
  </si>
  <si>
    <t>01/14/2020 09:54:55</t>
  </si>
  <si>
    <t>SnippingTool - Atalho.lnk</t>
  </si>
  <si>
    <t>\\acsfs\ACS\Gabriel da Silva\Contemporânea\SnippingTool - Atalho.lnk</t>
  </si>
  <si>
    <t>01/14/2020 09:53:12</t>
  </si>
  <si>
    <t>b21763d4-24ce-4df3-9625-1c284271c210.tmp</t>
  </si>
  <si>
    <t>\\acsfs\profiles$\gabrielhca\Downloads\b21763d4-24ce-4df3-9625-1c284271c210.tmp</t>
  </si>
  <si>
    <t>01/14/2020 09:54:24</t>
  </si>
  <si>
    <t>6b42f5b9-867f-4ffe-898c-bd7b11e9de33.tmp</t>
  </si>
  <si>
    <t>\\acsfs\profiles$\gabrielhca\Downloads\6b42f5b9-867f-4ffe-898c-bd7b11e9de33.tmp</t>
  </si>
  <si>
    <t>01/14/2020 09:55:31</t>
  </si>
  <si>
    <t>22ccc24c-9129-4e6b-8bb7-9ab1fcc46ba7.tmp</t>
  </si>
  <si>
    <t>\\acsfs\profiles$\gabrielhca\Downloads\22ccc24c-9129-4e6b-8bb7-9ab1fcc46ba7.tmp</t>
  </si>
  <si>
    <t>01/14/2020 09:53:49</t>
  </si>
  <si>
    <t>01/14/2020 09:59:34</t>
  </si>
  <si>
    <t>01/14/2020 09:56:29</t>
  </si>
  <si>
    <t>f79072fb-52f2-4380-a5cf-efc910b56ff9.tmp</t>
  </si>
  <si>
    <t>\\acsfs\profiles$\lorenabmc\Downloads\f79072fb-52f2-4380-a5cf-efc910b56ff9.tmp</t>
  </si>
  <si>
    <t>01/14/2020 09:54:58</t>
  </si>
  <si>
    <t>01/14/2020 10:00:35</t>
  </si>
  <si>
    <t>01/14/2020 09:54:59</t>
  </si>
  <si>
    <t>lu12468p6xka.tmp</t>
  </si>
  <si>
    <t>\\acsfs\profiles$\dhiulliananads\My Documents\lu12468p6xka.tmp</t>
  </si>
  <si>
    <t>\\acsfs\profiles$\dhiulliananads\My Documents\lu12468p6xka.tmp\</t>
  </si>
  <si>
    <t>\\acsfs\profiles$\dhiulliananads\My Documents\lu12468p6xka.tmp\META-INF\</t>
  </si>
  <si>
    <t>\\acsfs\profiles$\dhiulliananads\My Documents\lu12468p6xka.tmp\Thumbnails\</t>
  </si>
  <si>
    <t>01/14/2020 09:59:35</t>
  </si>
  <si>
    <t>384a7836-d77f-48c5-b599-6aa2c2b9a24c.tmp</t>
  </si>
  <si>
    <t>\\acsfs\profiles$\matheushds\Downloads\384a7836-d77f-48c5-b599-6aa2c2b9a24c.tmp</t>
  </si>
  <si>
    <t>01/14/2020 09:55:46</t>
  </si>
  <si>
    <t>http:///batch?%24ct=multipart%2Fmixed%3B%20boundary%3D%22%3D%3D%3D%3D%3Ds6xyypia854m%3D%3D%3D%3D%3D%22&amp;key=AIzaSyAy9VVXHSpS2IJpptzYtGbLP3-3_l0aBk4</t>
  </si>
  <si>
    <t>01/14/2020 09:55:47</t>
  </si>
  <si>
    <t>http:///batch?%24ct=multipart%2Fmixed%3B%20boundary%3D%22%3D%3D%3D%3D%3D6gmz0xooryxs%3D%3D%3D%3D%3D%22&amp;key=AIzaSyAy9VVXHSpS2IJpptzYtGbLP3-3_l0aBk4</t>
  </si>
  <si>
    <t>01/14/2020 09:58:51</t>
  </si>
  <si>
    <t>http:///batch?%24ct=multipart%2Fmixed%3B%20boundary%3D%22%3D%3D%3D%3D%3Ddo08gtpzoqe7%3D%3D%3D%3D%3D%22&amp;key=AIzaSyAy9VVXHSpS2IJpptzYtGbLP3-3_l0aBk4</t>
  </si>
  <si>
    <t>01/14/2020 09:58:52</t>
  </si>
  <si>
    <t>http:///batch?%24ct=multipart%2Fmixed%3B%20boundary%3D%22%3D%3D%3D%3D%3D1aezc7eankv%3D%3D%3D%3D%3D%22&amp;key=AIzaSyAy9VVXHSpS2IJpptzYtGbLP3-3_l0aBk4</t>
  </si>
  <si>
    <t>01/14/2020 09:55:32</t>
  </si>
  <si>
    <t>40315204-e129-4384-9be4-00f1ae266d62.tmp</t>
  </si>
  <si>
    <t>\\acsfs\profiles$\mariagsg\Downloads\40315204-e129-4384-9be4-00f1ae266d62.tmp</t>
  </si>
  <si>
    <t>01/14/2020 09:55:34</t>
  </si>
  <si>
    <t>ed768a80-b07c-40dc-9956-f5fe477eed32.tmp</t>
  </si>
  <si>
    <t>\\acsfs\profiles$\mariagsg\Downloads\ed768a80-b07c-40dc-9956-f5fe477eed32.tmp</t>
  </si>
  <si>
    <t>01/14/2020 09:56:09</t>
  </si>
  <si>
    <t>Agent State Details 13.01.2020.xlsx</t>
  </si>
  <si>
    <t>\\acsfs\deptos\Operacao\PCP\5 - Comum\PLANEJAMENTO BV\23 - EXTRAÇÕES\Agent State Details\2020\JANEIRO\Agent State Details 13.01.2020.xlsx</t>
  </si>
  <si>
    <t>01/14/2020 09:57:34</t>
  </si>
  <si>
    <t>01/14/2020 09:57:46</t>
  </si>
  <si>
    <t>RELATORIO DE LOGIN - BV CARTÕES 12-01 - Cópia.xlsm</t>
  </si>
  <si>
    <t>\\acsfs\DEPTOS\Operacao\PCP\5 - Comum\PLANEJAMENTO BV\14 - ACOMPANHAMENTO\1 - REPORT ACOMPANHAMENTO\2020\1 - JANEIRO\CARTÕES\Login Logout Cartões\RELATORIO DE LOGIN - BV CARTÕES 12-01 - Cópia.xls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5">
    <xf numFmtId="0" fontId="0" fillId="0" borderId="0" xfId="0"/>
    <xf numFmtId="11" fontId="0" fillId="0" borderId="0" xfId="0" applyNumberFormat="1"/>
    <xf numFmtId="3" fontId="0" fillId="0" borderId="0" xfId="0" applyNumberFormat="1"/>
    <xf numFmtId="22" fontId="0" fillId="0" borderId="0" xfId="0" applyNumberFormat="1"/>
    <xf numFmtId="14" fontId="0" fillId="0" borderId="0" xfId="0" applyNumberFormat="1"/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Neutro" xfId="8" builtinId="28" customBuiltin="1"/>
    <cellStyle name="Normal" xfId="0" builtinId="0"/>
    <cellStyle name="Nota" xfId="15" builtinId="10" customBuiltin="1"/>
    <cellStyle name="Ruim" xfId="7" builtinId="27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01142020_AdHoc_b2378e15-633a-4c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esley Eloy</cp:lastModifiedBy>
  <dcterms:created xsi:type="dcterms:W3CDTF">2020-01-14T13:16:25Z</dcterms:created>
  <dcterms:modified xsi:type="dcterms:W3CDTF">2020-01-14T13:16:27Z</dcterms:modified>
</cp:coreProperties>
</file>